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queryTables/queryTable1.xml" ContentType="application/vnd.openxmlformats-officedocument.spreadsheetml.queryTable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queryTables/queryTable2.xml" ContentType="application/vnd.openxmlformats-officedocument.spreadsheetml.queryTable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drawings/drawing3.xml" ContentType="application/vnd.openxmlformats-officedocument.drawing+xml"/>
  <Override PartName="/xl/queryTables/queryTable3.xml" ContentType="application/vnd.openxmlformats-officedocument.spreadsheetml.queryTable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 defaultThemeVersion="124226"/>
  <bookViews>
    <workbookView xWindow="480" yWindow="195" windowWidth="18195" windowHeight="11640"/>
  </bookViews>
  <sheets>
    <sheet name="24mm" sheetId="1" r:id="rId1"/>
    <sheet name="60mm" sheetId="3" r:id="rId2"/>
    <sheet name="Sheet2" sheetId="5" r:id="rId3"/>
    <sheet name="Sheet1" sheetId="6" r:id="rId4"/>
  </sheets>
  <definedNames>
    <definedName name="January_thin_tjoint" localSheetId="0">'24mm'!$A$1:$G$1530</definedName>
    <definedName name="January_thin_tjoint" localSheetId="3">Sheet1!$A$1:$G$1530</definedName>
    <definedName name="tjoint_60_december" localSheetId="1">'60mm'!$A$1:$J$3780</definedName>
  </definedNames>
  <calcPr calcId="145621"/>
</workbook>
</file>

<file path=xl/connections.xml><?xml version="1.0" encoding="utf-8"?>
<connections xmlns="http://schemas.openxmlformats.org/spreadsheetml/2006/main">
  <connection id="1" name="January_thin_tjoint" type="6" refreshedVersion="4" background="1" saveData="1">
    <textPr codePage="850" sourceFile="C:\Users\s150573\Desktop\January_thin_tjoint.txt" space="1" consecutive="1">
      <textFields count="7">
        <textField/>
        <textField/>
        <textField/>
        <textField/>
        <textField/>
        <textField/>
        <textField/>
      </textFields>
    </textPr>
  </connection>
  <connection id="2" name="January_thin_tjoint1" type="6" refreshedVersion="4" background="1" saveData="1">
    <textPr codePage="850" sourceFile="C:\Users\s150573\Desktop\January_thin_tjoint.txt" space="1" consecutive="1">
      <textFields count="7">
        <textField/>
        <textField/>
        <textField/>
        <textField/>
        <textField/>
        <textField/>
        <textField/>
      </textFields>
    </textPr>
  </connection>
  <connection id="3" name="tjoint_60_december1" type="6" refreshedVersion="4" background="1" saveData="1">
    <textPr codePage="850" sourceFile="Z:\Giacomo\My_research\Journal_papers\New_cure_paper\New_cure_optimisation\T_joint\tjoint_60_december.txt" space="1" consecutive="1">
      <textFields count="10">
        <textField/>
        <textField/>
        <textField/>
        <textField/>
        <textField/>
        <textField/>
        <textField/>
        <textField/>
        <textField/>
        <textField/>
      </textFields>
    </textPr>
  </connection>
</connections>
</file>

<file path=xl/sharedStrings.xml><?xml version="1.0" encoding="utf-8"?>
<sst xmlns="http://schemas.openxmlformats.org/spreadsheetml/2006/main" count="4" uniqueCount="3">
  <si>
    <t>Standard</t>
  </si>
  <si>
    <t xml:space="preserve">Ultra thick </t>
  </si>
  <si>
    <t>Genera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C0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0" fillId="2" borderId="0" xfId="0" applyFill="1"/>
    <xf numFmtId="0" fontId="0" fillId="3" borderId="0" xfId="0" applyFill="1"/>
    <xf numFmtId="0" fontId="0" fillId="4" borderId="0" xfId="0" applyFill="1"/>
    <xf numFmtId="0" fontId="0" fillId="5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onnections" Target="connection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7389265188834155"/>
          <c:y val="9.099882228719948E-2"/>
          <c:w val="0.74790537766830867"/>
          <c:h val="0.72351750324886299"/>
        </c:manualLayout>
      </c:layout>
      <c:scatterChart>
        <c:scatterStyle val="lineMarker"/>
        <c:varyColors val="0"/>
        <c:ser>
          <c:idx val="1"/>
          <c:order val="1"/>
          <c:tx>
            <c:v>Optimisation</c:v>
          </c:tx>
          <c:spPr>
            <a:ln w="28575">
              <a:noFill/>
            </a:ln>
          </c:spPr>
          <c:marker>
            <c:symbol val="circle"/>
            <c:size val="8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'24mm'!$F$1321:$F$1350</c:f>
              <c:numCache>
                <c:formatCode>General</c:formatCode>
                <c:ptCount val="30"/>
                <c:pt idx="0">
                  <c:v>7152.81</c:v>
                </c:pt>
                <c:pt idx="1">
                  <c:v>7525.89</c:v>
                </c:pt>
                <c:pt idx="2">
                  <c:v>3171.67</c:v>
                </c:pt>
                <c:pt idx="3">
                  <c:v>7860.24</c:v>
                </c:pt>
                <c:pt idx="4">
                  <c:v>7469.33</c:v>
                </c:pt>
                <c:pt idx="5">
                  <c:v>3250.23</c:v>
                </c:pt>
                <c:pt idx="6">
                  <c:v>3950.78</c:v>
                </c:pt>
                <c:pt idx="7">
                  <c:v>3087.32</c:v>
                </c:pt>
                <c:pt idx="8">
                  <c:v>3950.78</c:v>
                </c:pt>
                <c:pt idx="9">
                  <c:v>3950.78</c:v>
                </c:pt>
                <c:pt idx="10">
                  <c:v>3294.17</c:v>
                </c:pt>
                <c:pt idx="11">
                  <c:v>3922.51</c:v>
                </c:pt>
                <c:pt idx="12">
                  <c:v>3100.39</c:v>
                </c:pt>
                <c:pt idx="13">
                  <c:v>5140.91</c:v>
                </c:pt>
                <c:pt idx="14">
                  <c:v>3950.78</c:v>
                </c:pt>
                <c:pt idx="15">
                  <c:v>3182.38</c:v>
                </c:pt>
                <c:pt idx="16">
                  <c:v>3302.26</c:v>
                </c:pt>
                <c:pt idx="17">
                  <c:v>3748.22</c:v>
                </c:pt>
                <c:pt idx="18">
                  <c:v>8238.3799999999992</c:v>
                </c:pt>
                <c:pt idx="19">
                  <c:v>3182.38</c:v>
                </c:pt>
                <c:pt idx="20">
                  <c:v>3950.78</c:v>
                </c:pt>
                <c:pt idx="21">
                  <c:v>3950.78</c:v>
                </c:pt>
                <c:pt idx="22">
                  <c:v>9446.7000000000007</c:v>
                </c:pt>
                <c:pt idx="23">
                  <c:v>8238.3799999999992</c:v>
                </c:pt>
                <c:pt idx="24">
                  <c:v>5140.91</c:v>
                </c:pt>
                <c:pt idx="25">
                  <c:v>8238.3799999999992</c:v>
                </c:pt>
                <c:pt idx="26">
                  <c:v>3748.22</c:v>
                </c:pt>
                <c:pt idx="27">
                  <c:v>5140.91</c:v>
                </c:pt>
                <c:pt idx="28">
                  <c:v>5140.91</c:v>
                </c:pt>
                <c:pt idx="29">
                  <c:v>7421.91</c:v>
                </c:pt>
              </c:numCache>
            </c:numRef>
          </c:xVal>
          <c:yVal>
            <c:numRef>
              <c:f>'24mm'!$G$1321:$G$1350</c:f>
              <c:numCache>
                <c:formatCode>General</c:formatCode>
                <c:ptCount val="30"/>
                <c:pt idx="0">
                  <c:v>19.911000000000001</c:v>
                </c:pt>
                <c:pt idx="1">
                  <c:v>15.047800000000001</c:v>
                </c:pt>
                <c:pt idx="2">
                  <c:v>95.021299999999997</c:v>
                </c:pt>
                <c:pt idx="3">
                  <c:v>13.7896</c:v>
                </c:pt>
                <c:pt idx="4">
                  <c:v>16.398399999999999</c:v>
                </c:pt>
                <c:pt idx="5">
                  <c:v>73.559899999999999</c:v>
                </c:pt>
                <c:pt idx="6">
                  <c:v>24.827000000000002</c:v>
                </c:pt>
                <c:pt idx="7">
                  <c:v>106.405</c:v>
                </c:pt>
                <c:pt idx="8">
                  <c:v>24.827000000000002</c:v>
                </c:pt>
                <c:pt idx="9">
                  <c:v>24.827000000000002</c:v>
                </c:pt>
                <c:pt idx="10">
                  <c:v>68.730099999999993</c:v>
                </c:pt>
                <c:pt idx="11">
                  <c:v>29.449200000000001</c:v>
                </c:pt>
                <c:pt idx="12">
                  <c:v>96.464200000000005</c:v>
                </c:pt>
                <c:pt idx="13">
                  <c:v>20.473600000000001</c:v>
                </c:pt>
                <c:pt idx="14">
                  <c:v>24.827000000000002</c:v>
                </c:pt>
                <c:pt idx="15">
                  <c:v>74.304599999999994</c:v>
                </c:pt>
                <c:pt idx="16">
                  <c:v>57.241799999999998</c:v>
                </c:pt>
                <c:pt idx="17">
                  <c:v>49.7836</c:v>
                </c:pt>
                <c:pt idx="18">
                  <c:v>11.8962</c:v>
                </c:pt>
                <c:pt idx="19">
                  <c:v>74.304599999999994</c:v>
                </c:pt>
                <c:pt idx="20">
                  <c:v>24.827000000000002</c:v>
                </c:pt>
                <c:pt idx="21">
                  <c:v>24.827000000000002</c:v>
                </c:pt>
                <c:pt idx="22">
                  <c:v>11.3193</c:v>
                </c:pt>
                <c:pt idx="23">
                  <c:v>11.8962</c:v>
                </c:pt>
                <c:pt idx="24">
                  <c:v>20.473600000000001</c:v>
                </c:pt>
                <c:pt idx="25">
                  <c:v>11.8962</c:v>
                </c:pt>
                <c:pt idx="26">
                  <c:v>49.7836</c:v>
                </c:pt>
                <c:pt idx="27">
                  <c:v>20.473600000000001</c:v>
                </c:pt>
                <c:pt idx="28">
                  <c:v>20.473600000000001</c:v>
                </c:pt>
                <c:pt idx="29">
                  <c:v>16.4617</c:v>
                </c:pt>
              </c:numCache>
            </c:numRef>
          </c:yVal>
          <c:smooth val="0"/>
        </c:ser>
        <c:ser>
          <c:idx val="0"/>
          <c:order val="0"/>
          <c:tx>
            <c:v>Standard profile</c:v>
          </c:tx>
          <c:spPr>
            <a:ln w="28575">
              <a:noFill/>
            </a:ln>
          </c:spPr>
          <c:marker>
            <c:symbol val="triangle"/>
            <c:size val="8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</c:spPr>
          </c:marker>
          <c:xVal>
            <c:numRef>
              <c:f>'24mm'!$O$1340</c:f>
              <c:numCache>
                <c:formatCode>General</c:formatCode>
                <c:ptCount val="1"/>
                <c:pt idx="0">
                  <c:v>8032</c:v>
                </c:pt>
              </c:numCache>
            </c:numRef>
          </c:xVal>
          <c:yVal>
            <c:numRef>
              <c:f>'24mm'!$N$1340</c:f>
              <c:numCache>
                <c:formatCode>General</c:formatCode>
                <c:ptCount val="1"/>
                <c:pt idx="0">
                  <c:v>55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2233984"/>
        <c:axId val="102478208"/>
      </c:scatterChart>
      <c:valAx>
        <c:axId val="10223398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240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24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Process time (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02478208"/>
        <c:crosses val="autoZero"/>
        <c:crossBetween val="midCat"/>
        <c:majorUnit val="2000"/>
      </c:valAx>
      <c:valAx>
        <c:axId val="102478208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240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24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mperature overshoot (⁰C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02233984"/>
        <c:crosses val="autoZero"/>
        <c:crossBetween val="midCat"/>
        <c:majorUnit val="20"/>
      </c:valAx>
    </c:plotArea>
    <c:legend>
      <c:legendPos val="r"/>
      <c:layout>
        <c:manualLayout>
          <c:xMode val="edge"/>
          <c:yMode val="edge"/>
          <c:x val="0.17831999178981939"/>
          <c:y val="6.9972384665367097E-4"/>
          <c:w val="0.74565031472359056"/>
          <c:h val="0.10376218323586743"/>
        </c:manualLayout>
      </c:layout>
      <c:overlay val="1"/>
      <c:txPr>
        <a:bodyPr/>
        <a:lstStyle/>
        <a:p>
          <a:pPr>
            <a:defRPr sz="2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8575">
              <a:noFill/>
            </a:ln>
          </c:spPr>
          <c:xVal>
            <c:numRef>
              <c:f>'60mm'!$I$3461:$I$3500</c:f>
              <c:numCache>
                <c:formatCode>General</c:formatCode>
                <c:ptCount val="40"/>
                <c:pt idx="0">
                  <c:v>23517.8</c:v>
                </c:pt>
                <c:pt idx="1">
                  <c:v>20595</c:v>
                </c:pt>
                <c:pt idx="2">
                  <c:v>23517.8</c:v>
                </c:pt>
                <c:pt idx="3">
                  <c:v>25969.8</c:v>
                </c:pt>
                <c:pt idx="4">
                  <c:v>20375.400000000001</c:v>
                </c:pt>
                <c:pt idx="5">
                  <c:v>23517.8</c:v>
                </c:pt>
                <c:pt idx="6">
                  <c:v>21051.4</c:v>
                </c:pt>
                <c:pt idx="7">
                  <c:v>23517.8</c:v>
                </c:pt>
                <c:pt idx="8">
                  <c:v>21364.7</c:v>
                </c:pt>
                <c:pt idx="9">
                  <c:v>21937</c:v>
                </c:pt>
                <c:pt idx="10">
                  <c:v>21359.200000000001</c:v>
                </c:pt>
                <c:pt idx="11">
                  <c:v>20088.599999999999</c:v>
                </c:pt>
                <c:pt idx="12">
                  <c:v>20089.900000000001</c:v>
                </c:pt>
                <c:pt idx="13">
                  <c:v>28153.9</c:v>
                </c:pt>
                <c:pt idx="14">
                  <c:v>22282.799999999999</c:v>
                </c:pt>
                <c:pt idx="15">
                  <c:v>20089.900000000001</c:v>
                </c:pt>
                <c:pt idx="16">
                  <c:v>20089.900000000001</c:v>
                </c:pt>
                <c:pt idx="17">
                  <c:v>22282.799999999999</c:v>
                </c:pt>
                <c:pt idx="18">
                  <c:v>20089.900000000001</c:v>
                </c:pt>
                <c:pt idx="19">
                  <c:v>20089.900000000001</c:v>
                </c:pt>
                <c:pt idx="20">
                  <c:v>26815.1</c:v>
                </c:pt>
                <c:pt idx="21">
                  <c:v>25563</c:v>
                </c:pt>
                <c:pt idx="22">
                  <c:v>21028.799999999999</c:v>
                </c:pt>
                <c:pt idx="23">
                  <c:v>22282.799999999999</c:v>
                </c:pt>
                <c:pt idx="24">
                  <c:v>36430.5</c:v>
                </c:pt>
                <c:pt idx="25">
                  <c:v>20089.900000000001</c:v>
                </c:pt>
                <c:pt idx="26">
                  <c:v>21028.799999999999</c:v>
                </c:pt>
                <c:pt idx="27">
                  <c:v>26815.1</c:v>
                </c:pt>
                <c:pt idx="28">
                  <c:v>26815.1</c:v>
                </c:pt>
                <c:pt idx="29">
                  <c:v>22282.799999999999</c:v>
                </c:pt>
                <c:pt idx="30">
                  <c:v>20089.900000000001</c:v>
                </c:pt>
                <c:pt idx="31">
                  <c:v>20089.900000000001</c:v>
                </c:pt>
                <c:pt idx="32">
                  <c:v>22282.799999999999</c:v>
                </c:pt>
                <c:pt idx="33">
                  <c:v>23517.8</c:v>
                </c:pt>
                <c:pt idx="34">
                  <c:v>20089.900000000001</c:v>
                </c:pt>
                <c:pt idx="35">
                  <c:v>22282.799999999999</c:v>
                </c:pt>
                <c:pt idx="36">
                  <c:v>22282.799999999999</c:v>
                </c:pt>
                <c:pt idx="37">
                  <c:v>25881.9</c:v>
                </c:pt>
                <c:pt idx="38">
                  <c:v>20595</c:v>
                </c:pt>
                <c:pt idx="39">
                  <c:v>23517.8</c:v>
                </c:pt>
              </c:numCache>
            </c:numRef>
          </c:xVal>
          <c:yVal>
            <c:numRef>
              <c:f>'60mm'!$J$3461:$J$3500</c:f>
              <c:numCache>
                <c:formatCode>General</c:formatCode>
                <c:ptCount val="40"/>
                <c:pt idx="0">
                  <c:v>18.171800000000001</c:v>
                </c:pt>
                <c:pt idx="1">
                  <c:v>25.9528</c:v>
                </c:pt>
                <c:pt idx="2">
                  <c:v>18.171800000000001</c:v>
                </c:pt>
                <c:pt idx="3">
                  <c:v>17.733799999999999</c:v>
                </c:pt>
                <c:pt idx="4">
                  <c:v>31.865400000000001</c:v>
                </c:pt>
                <c:pt idx="5">
                  <c:v>18.171800000000001</c:v>
                </c:pt>
                <c:pt idx="6">
                  <c:v>24.819800000000001</c:v>
                </c:pt>
                <c:pt idx="7">
                  <c:v>18.171800000000001</c:v>
                </c:pt>
                <c:pt idx="8">
                  <c:v>21.589400000000001</c:v>
                </c:pt>
                <c:pt idx="9">
                  <c:v>20.6646</c:v>
                </c:pt>
                <c:pt idx="10">
                  <c:v>21.663699999999999</c:v>
                </c:pt>
                <c:pt idx="11">
                  <c:v>84.924499999999995</c:v>
                </c:pt>
                <c:pt idx="12">
                  <c:v>33.581899999999997</c:v>
                </c:pt>
                <c:pt idx="13">
                  <c:v>16.915900000000001</c:v>
                </c:pt>
                <c:pt idx="14">
                  <c:v>20.198799999999999</c:v>
                </c:pt>
                <c:pt idx="15">
                  <c:v>33.581899999999997</c:v>
                </c:pt>
                <c:pt idx="16">
                  <c:v>33.581899999999997</c:v>
                </c:pt>
                <c:pt idx="17">
                  <c:v>20.198799999999999</c:v>
                </c:pt>
                <c:pt idx="18">
                  <c:v>33.581899999999997</c:v>
                </c:pt>
                <c:pt idx="19">
                  <c:v>33.581899999999997</c:v>
                </c:pt>
                <c:pt idx="20">
                  <c:v>17.5837</c:v>
                </c:pt>
                <c:pt idx="21">
                  <c:v>18.1692</c:v>
                </c:pt>
                <c:pt idx="22">
                  <c:v>25.227799999999998</c:v>
                </c:pt>
                <c:pt idx="23">
                  <c:v>20.198799999999999</c:v>
                </c:pt>
                <c:pt idx="24">
                  <c:v>16.778199999999998</c:v>
                </c:pt>
                <c:pt idx="25">
                  <c:v>33.581899999999997</c:v>
                </c:pt>
                <c:pt idx="26">
                  <c:v>25.227799999999998</c:v>
                </c:pt>
                <c:pt idx="27">
                  <c:v>17.5837</c:v>
                </c:pt>
                <c:pt idx="28">
                  <c:v>17.5837</c:v>
                </c:pt>
                <c:pt idx="29">
                  <c:v>20.198799999999999</c:v>
                </c:pt>
                <c:pt idx="30">
                  <c:v>33.581899999999997</c:v>
                </c:pt>
                <c:pt idx="31">
                  <c:v>33.581899999999997</c:v>
                </c:pt>
                <c:pt idx="32">
                  <c:v>20.198799999999999</c:v>
                </c:pt>
                <c:pt idx="33">
                  <c:v>18.171800000000001</c:v>
                </c:pt>
                <c:pt idx="34">
                  <c:v>33.581899999999997</c:v>
                </c:pt>
                <c:pt idx="35">
                  <c:v>20.198799999999999</c:v>
                </c:pt>
                <c:pt idx="36">
                  <c:v>20.198799999999999</c:v>
                </c:pt>
                <c:pt idx="37">
                  <c:v>18.015799999999999</c:v>
                </c:pt>
                <c:pt idx="38">
                  <c:v>25.9528</c:v>
                </c:pt>
                <c:pt idx="39">
                  <c:v>18.171800000000001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79242880"/>
        <c:axId val="179244416"/>
      </c:scatterChart>
      <c:valAx>
        <c:axId val="1792428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79244416"/>
        <c:crosses val="autoZero"/>
        <c:crossBetween val="midCat"/>
      </c:valAx>
      <c:valAx>
        <c:axId val="179244416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79242880"/>
        <c:crosses val="autoZero"/>
        <c:crossBetween val="midCat"/>
      </c:valAx>
    </c:plotArea>
    <c:legend>
      <c:legendPos val="r"/>
      <c:layout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7015633552271484"/>
          <c:y val="9.8735177063027937E-2"/>
          <c:w val="0.75164169403393544"/>
          <c:h val="0.73088003573749183"/>
        </c:manualLayout>
      </c:layout>
      <c:scatterChart>
        <c:scatterStyle val="lineMarker"/>
        <c:varyColors val="0"/>
        <c:ser>
          <c:idx val="1"/>
          <c:order val="1"/>
          <c:tx>
            <c:v>Optimisation</c:v>
          </c:tx>
          <c:spPr>
            <a:ln w="28575">
              <a:noFill/>
            </a:ln>
          </c:spPr>
          <c:marker>
            <c:symbol val="circle"/>
            <c:size val="8"/>
            <c:spPr>
              <a:noFill/>
              <a:ln>
                <a:solidFill>
                  <a:schemeClr val="tx1"/>
                </a:solidFill>
              </a:ln>
            </c:spPr>
          </c:marker>
          <c:xVal>
            <c:numRef>
              <c:f>'60mm'!$I$3461:$I$3500</c:f>
              <c:numCache>
                <c:formatCode>General</c:formatCode>
                <c:ptCount val="40"/>
                <c:pt idx="0">
                  <c:v>23517.8</c:v>
                </c:pt>
                <c:pt idx="1">
                  <c:v>20595</c:v>
                </c:pt>
                <c:pt idx="2">
                  <c:v>23517.8</c:v>
                </c:pt>
                <c:pt idx="3">
                  <c:v>25969.8</c:v>
                </c:pt>
                <c:pt idx="4">
                  <c:v>20375.400000000001</c:v>
                </c:pt>
                <c:pt idx="5">
                  <c:v>23517.8</c:v>
                </c:pt>
                <c:pt idx="6">
                  <c:v>21051.4</c:v>
                </c:pt>
                <c:pt idx="7">
                  <c:v>23517.8</c:v>
                </c:pt>
                <c:pt idx="8">
                  <c:v>21364.7</c:v>
                </c:pt>
                <c:pt idx="9">
                  <c:v>21937</c:v>
                </c:pt>
                <c:pt idx="10">
                  <c:v>21359.200000000001</c:v>
                </c:pt>
                <c:pt idx="11">
                  <c:v>20088.599999999999</c:v>
                </c:pt>
                <c:pt idx="12">
                  <c:v>20089.900000000001</c:v>
                </c:pt>
                <c:pt idx="13">
                  <c:v>28153.9</c:v>
                </c:pt>
                <c:pt idx="14">
                  <c:v>22282.799999999999</c:v>
                </c:pt>
                <c:pt idx="15">
                  <c:v>20089.900000000001</c:v>
                </c:pt>
                <c:pt idx="16">
                  <c:v>20089.900000000001</c:v>
                </c:pt>
                <c:pt idx="17">
                  <c:v>22282.799999999999</c:v>
                </c:pt>
                <c:pt idx="18">
                  <c:v>20089.900000000001</c:v>
                </c:pt>
                <c:pt idx="19">
                  <c:v>20089.900000000001</c:v>
                </c:pt>
                <c:pt idx="20">
                  <c:v>26815.1</c:v>
                </c:pt>
                <c:pt idx="21">
                  <c:v>25563</c:v>
                </c:pt>
                <c:pt idx="22">
                  <c:v>21028.799999999999</c:v>
                </c:pt>
                <c:pt idx="23">
                  <c:v>22282.799999999999</c:v>
                </c:pt>
                <c:pt idx="24">
                  <c:v>36430.5</c:v>
                </c:pt>
                <c:pt idx="25">
                  <c:v>20089.900000000001</c:v>
                </c:pt>
                <c:pt idx="26">
                  <c:v>21028.799999999999</c:v>
                </c:pt>
                <c:pt idx="27">
                  <c:v>26815.1</c:v>
                </c:pt>
                <c:pt idx="28">
                  <c:v>26815.1</c:v>
                </c:pt>
                <c:pt idx="29">
                  <c:v>22282.799999999999</c:v>
                </c:pt>
                <c:pt idx="30">
                  <c:v>20089.900000000001</c:v>
                </c:pt>
                <c:pt idx="31">
                  <c:v>20089.900000000001</c:v>
                </c:pt>
                <c:pt idx="32">
                  <c:v>22282.799999999999</c:v>
                </c:pt>
                <c:pt idx="33">
                  <c:v>23517.8</c:v>
                </c:pt>
                <c:pt idx="34">
                  <c:v>20089.900000000001</c:v>
                </c:pt>
                <c:pt idx="35">
                  <c:v>22282.799999999999</c:v>
                </c:pt>
                <c:pt idx="36">
                  <c:v>22282.799999999999</c:v>
                </c:pt>
                <c:pt idx="37">
                  <c:v>25881.9</c:v>
                </c:pt>
                <c:pt idx="38">
                  <c:v>20595</c:v>
                </c:pt>
                <c:pt idx="39">
                  <c:v>23517.8</c:v>
                </c:pt>
              </c:numCache>
            </c:numRef>
          </c:xVal>
          <c:yVal>
            <c:numRef>
              <c:f>'60mm'!$J$3461:$J$3500</c:f>
              <c:numCache>
                <c:formatCode>General</c:formatCode>
                <c:ptCount val="40"/>
                <c:pt idx="0">
                  <c:v>18.171800000000001</c:v>
                </c:pt>
                <c:pt idx="1">
                  <c:v>25.9528</c:v>
                </c:pt>
                <c:pt idx="2">
                  <c:v>18.171800000000001</c:v>
                </c:pt>
                <c:pt idx="3">
                  <c:v>17.733799999999999</c:v>
                </c:pt>
                <c:pt idx="4">
                  <c:v>31.865400000000001</c:v>
                </c:pt>
                <c:pt idx="5">
                  <c:v>18.171800000000001</c:v>
                </c:pt>
                <c:pt idx="6">
                  <c:v>24.819800000000001</c:v>
                </c:pt>
                <c:pt idx="7">
                  <c:v>18.171800000000001</c:v>
                </c:pt>
                <c:pt idx="8">
                  <c:v>21.589400000000001</c:v>
                </c:pt>
                <c:pt idx="9">
                  <c:v>20.6646</c:v>
                </c:pt>
                <c:pt idx="10">
                  <c:v>21.663699999999999</c:v>
                </c:pt>
                <c:pt idx="11">
                  <c:v>84.924499999999995</c:v>
                </c:pt>
                <c:pt idx="12">
                  <c:v>33.581899999999997</c:v>
                </c:pt>
                <c:pt idx="13">
                  <c:v>16.915900000000001</c:v>
                </c:pt>
                <c:pt idx="14">
                  <c:v>20.198799999999999</c:v>
                </c:pt>
                <c:pt idx="15">
                  <c:v>33.581899999999997</c:v>
                </c:pt>
                <c:pt idx="16">
                  <c:v>33.581899999999997</c:v>
                </c:pt>
                <c:pt idx="17">
                  <c:v>20.198799999999999</c:v>
                </c:pt>
                <c:pt idx="18">
                  <c:v>33.581899999999997</c:v>
                </c:pt>
                <c:pt idx="19">
                  <c:v>33.581899999999997</c:v>
                </c:pt>
                <c:pt idx="20">
                  <c:v>17.5837</c:v>
                </c:pt>
                <c:pt idx="21">
                  <c:v>18.1692</c:v>
                </c:pt>
                <c:pt idx="22">
                  <c:v>25.227799999999998</c:v>
                </c:pt>
                <c:pt idx="23">
                  <c:v>20.198799999999999</c:v>
                </c:pt>
                <c:pt idx="24">
                  <c:v>16.778199999999998</c:v>
                </c:pt>
                <c:pt idx="25">
                  <c:v>33.581899999999997</c:v>
                </c:pt>
                <c:pt idx="26">
                  <c:v>25.227799999999998</c:v>
                </c:pt>
                <c:pt idx="27">
                  <c:v>17.5837</c:v>
                </c:pt>
                <c:pt idx="28">
                  <c:v>17.5837</c:v>
                </c:pt>
                <c:pt idx="29">
                  <c:v>20.198799999999999</c:v>
                </c:pt>
                <c:pt idx="30">
                  <c:v>33.581899999999997</c:v>
                </c:pt>
                <c:pt idx="31">
                  <c:v>33.581899999999997</c:v>
                </c:pt>
                <c:pt idx="32">
                  <c:v>20.198799999999999</c:v>
                </c:pt>
                <c:pt idx="33">
                  <c:v>18.171800000000001</c:v>
                </c:pt>
                <c:pt idx="34">
                  <c:v>33.581899999999997</c:v>
                </c:pt>
                <c:pt idx="35">
                  <c:v>20.198799999999999</c:v>
                </c:pt>
                <c:pt idx="36">
                  <c:v>20.198799999999999</c:v>
                </c:pt>
                <c:pt idx="37">
                  <c:v>18.015799999999999</c:v>
                </c:pt>
                <c:pt idx="38">
                  <c:v>25.9528</c:v>
                </c:pt>
                <c:pt idx="39">
                  <c:v>18.171800000000001</c:v>
                </c:pt>
              </c:numCache>
            </c:numRef>
          </c:yVal>
          <c:smooth val="0"/>
        </c:ser>
        <c:ser>
          <c:idx val="0"/>
          <c:order val="0"/>
          <c:tx>
            <c:v>Ultra-thick profile</c:v>
          </c:tx>
          <c:spPr>
            <a:ln w="28575">
              <a:noFill/>
            </a:ln>
          </c:spPr>
          <c:marker>
            <c:symbol val="triangle"/>
            <c:size val="8"/>
            <c:spPr>
              <a:solidFill>
                <a:schemeClr val="tx1"/>
              </a:solidFill>
              <a:ln>
                <a:solidFill>
                  <a:schemeClr val="tx1"/>
                </a:solidFill>
              </a:ln>
            </c:spPr>
          </c:marker>
          <c:xVal>
            <c:numRef>
              <c:f>'60mm'!$Q$3761</c:f>
              <c:numCache>
                <c:formatCode>General</c:formatCode>
                <c:ptCount val="1"/>
                <c:pt idx="0">
                  <c:v>72600</c:v>
                </c:pt>
              </c:numCache>
            </c:numRef>
          </c:xVal>
          <c:yVal>
            <c:numRef>
              <c:f>'60mm'!$P$3761</c:f>
              <c:numCache>
                <c:formatCode>General</c:formatCode>
                <c:ptCount val="1"/>
                <c:pt idx="0">
                  <c:v>63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6904960"/>
        <c:axId val="189465728"/>
      </c:scatterChart>
      <c:valAx>
        <c:axId val="186904960"/>
        <c:scaling>
          <c:orientation val="minMax"/>
          <c:max val="90000"/>
          <c:min val="0"/>
        </c:scaling>
        <c:delete val="0"/>
        <c:axPos val="b"/>
        <c:title>
          <c:tx>
            <c:rich>
              <a:bodyPr/>
              <a:lstStyle/>
              <a:p>
                <a:pPr>
                  <a:defRPr sz="240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24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Process time (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89465728"/>
        <c:crosses val="autoZero"/>
        <c:crossBetween val="midCat"/>
        <c:majorUnit val="20000"/>
      </c:valAx>
      <c:valAx>
        <c:axId val="189465728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 sz="2400">
                    <a:latin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en-US" sz="240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mperature overshoot (</a:t>
                </a:r>
                <a:r>
                  <a:rPr lang="en-US" sz="2400" b="1" i="0" u="none" strike="noStrike" baseline="0">
                    <a:effectLst/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⁰C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>
                <a:latin typeface="Times New Roman" panose="02020603050405020304" pitchFamily="18" charset="0"/>
                <a:cs typeface="Times New Roman" panose="02020603050405020304" pitchFamily="18" charset="0"/>
              </a:defRPr>
            </a:pPr>
            <a:endParaRPr lang="en-US"/>
          </a:p>
        </c:txPr>
        <c:crossAx val="186904960"/>
        <c:crosses val="autoZero"/>
        <c:crossBetween val="midCat"/>
        <c:majorUnit val="20"/>
      </c:valAx>
    </c:plotArea>
    <c:legend>
      <c:legendPos val="r"/>
      <c:layout>
        <c:manualLayout>
          <c:xMode val="edge"/>
          <c:yMode val="edge"/>
          <c:x val="0.13480449507389164"/>
          <c:y val="9.8170484080571819E-3"/>
          <c:w val="0.8332147988505747"/>
          <c:h val="9.0268031189083831E-2"/>
        </c:manualLayout>
      </c:layout>
      <c:overlay val="1"/>
      <c:txPr>
        <a:bodyPr/>
        <a:lstStyle/>
        <a:p>
          <a:pPr>
            <a:defRPr sz="2400">
              <a:latin typeface="Times New Roman" panose="02020603050405020304" pitchFamily="18" charset="0"/>
              <a:cs typeface="Times New Roman" panose="02020603050405020304" pitchFamily="18" charset="0"/>
            </a:defRPr>
          </a:pPr>
          <a:endParaRPr lang="en-US"/>
        </a:p>
      </c:txPr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1"/>
          <c:order val="1"/>
          <c:spPr>
            <a:ln w="28575">
              <a:noFill/>
            </a:ln>
          </c:spPr>
          <c:xVal>
            <c:numRef>
              <c:f>Sheet1!$F$1501:$F$1530</c:f>
              <c:numCache>
                <c:formatCode>General</c:formatCode>
                <c:ptCount val="30"/>
                <c:pt idx="0">
                  <c:v>7152.81</c:v>
                </c:pt>
                <c:pt idx="1">
                  <c:v>7525.89</c:v>
                </c:pt>
                <c:pt idx="2">
                  <c:v>3171.67</c:v>
                </c:pt>
                <c:pt idx="3">
                  <c:v>7860.24</c:v>
                </c:pt>
                <c:pt idx="4">
                  <c:v>7469.33</c:v>
                </c:pt>
                <c:pt idx="5">
                  <c:v>3250.23</c:v>
                </c:pt>
                <c:pt idx="6">
                  <c:v>7422.19</c:v>
                </c:pt>
                <c:pt idx="7">
                  <c:v>3087.32</c:v>
                </c:pt>
                <c:pt idx="8">
                  <c:v>3213.92</c:v>
                </c:pt>
                <c:pt idx="9">
                  <c:v>3950.78</c:v>
                </c:pt>
                <c:pt idx="10">
                  <c:v>3294.17</c:v>
                </c:pt>
                <c:pt idx="11">
                  <c:v>3922.51</c:v>
                </c:pt>
                <c:pt idx="12">
                  <c:v>3100.39</c:v>
                </c:pt>
                <c:pt idx="13">
                  <c:v>5140.91</c:v>
                </c:pt>
                <c:pt idx="14">
                  <c:v>3950.78</c:v>
                </c:pt>
                <c:pt idx="15">
                  <c:v>3182.38</c:v>
                </c:pt>
                <c:pt idx="16">
                  <c:v>3302.26</c:v>
                </c:pt>
                <c:pt idx="17">
                  <c:v>3697.32</c:v>
                </c:pt>
                <c:pt idx="18">
                  <c:v>8238.3799999999992</c:v>
                </c:pt>
                <c:pt idx="19">
                  <c:v>3182.38</c:v>
                </c:pt>
                <c:pt idx="20">
                  <c:v>3950.78</c:v>
                </c:pt>
                <c:pt idx="21">
                  <c:v>3950.78</c:v>
                </c:pt>
                <c:pt idx="22">
                  <c:v>9446.7000000000007</c:v>
                </c:pt>
                <c:pt idx="23">
                  <c:v>8238.3799999999992</c:v>
                </c:pt>
                <c:pt idx="24">
                  <c:v>5140.91</c:v>
                </c:pt>
                <c:pt idx="25">
                  <c:v>8238.3799999999992</c:v>
                </c:pt>
                <c:pt idx="26">
                  <c:v>3697.32</c:v>
                </c:pt>
                <c:pt idx="27">
                  <c:v>5140.91</c:v>
                </c:pt>
                <c:pt idx="28">
                  <c:v>5140.91</c:v>
                </c:pt>
                <c:pt idx="29">
                  <c:v>7421.91</c:v>
                </c:pt>
              </c:numCache>
            </c:numRef>
          </c:xVal>
          <c:yVal>
            <c:numRef>
              <c:f>Sheet1!$G$1501:$G$1530</c:f>
              <c:numCache>
                <c:formatCode>General</c:formatCode>
                <c:ptCount val="30"/>
                <c:pt idx="0">
                  <c:v>19.911000000000001</c:v>
                </c:pt>
                <c:pt idx="1">
                  <c:v>15.047800000000001</c:v>
                </c:pt>
                <c:pt idx="2">
                  <c:v>95.021299999999997</c:v>
                </c:pt>
                <c:pt idx="3">
                  <c:v>13.7896</c:v>
                </c:pt>
                <c:pt idx="4">
                  <c:v>16.398399999999999</c:v>
                </c:pt>
                <c:pt idx="5">
                  <c:v>73.559899999999999</c:v>
                </c:pt>
                <c:pt idx="6">
                  <c:v>16.4617</c:v>
                </c:pt>
                <c:pt idx="7">
                  <c:v>106.405</c:v>
                </c:pt>
                <c:pt idx="8">
                  <c:v>74.245400000000004</c:v>
                </c:pt>
                <c:pt idx="9">
                  <c:v>24.827000000000002</c:v>
                </c:pt>
                <c:pt idx="10">
                  <c:v>68.730099999999993</c:v>
                </c:pt>
                <c:pt idx="11">
                  <c:v>29.449200000000001</c:v>
                </c:pt>
                <c:pt idx="12">
                  <c:v>96.464200000000005</c:v>
                </c:pt>
                <c:pt idx="13">
                  <c:v>20.473600000000001</c:v>
                </c:pt>
                <c:pt idx="14">
                  <c:v>24.827000000000002</c:v>
                </c:pt>
                <c:pt idx="15">
                  <c:v>74.304599999999994</c:v>
                </c:pt>
                <c:pt idx="16">
                  <c:v>57.241799999999998</c:v>
                </c:pt>
                <c:pt idx="17">
                  <c:v>49.619300000000003</c:v>
                </c:pt>
                <c:pt idx="18">
                  <c:v>11.8962</c:v>
                </c:pt>
                <c:pt idx="19">
                  <c:v>74.304599999999994</c:v>
                </c:pt>
                <c:pt idx="20">
                  <c:v>24.827000000000002</c:v>
                </c:pt>
                <c:pt idx="21">
                  <c:v>24.827000000000002</c:v>
                </c:pt>
                <c:pt idx="22">
                  <c:v>11.3193</c:v>
                </c:pt>
                <c:pt idx="23">
                  <c:v>11.8962</c:v>
                </c:pt>
                <c:pt idx="24">
                  <c:v>20.473600000000001</c:v>
                </c:pt>
                <c:pt idx="25">
                  <c:v>11.8962</c:v>
                </c:pt>
                <c:pt idx="26">
                  <c:v>49.619300000000003</c:v>
                </c:pt>
                <c:pt idx="27">
                  <c:v>20.473600000000001</c:v>
                </c:pt>
                <c:pt idx="28">
                  <c:v>20.473600000000001</c:v>
                </c:pt>
                <c:pt idx="29">
                  <c:v>16.4617</c:v>
                </c:pt>
              </c:numCache>
            </c:numRef>
          </c:yVal>
          <c:smooth val="0"/>
        </c:ser>
        <c:ser>
          <c:idx val="0"/>
          <c:order val="0"/>
          <c:spPr>
            <a:ln w="28575">
              <a:noFill/>
            </a:ln>
          </c:spPr>
          <c:xVal>
            <c:numRef>
              <c:f>Sheet1!$F$1321:$F$1350</c:f>
              <c:numCache>
                <c:formatCode>General</c:formatCode>
                <c:ptCount val="30"/>
                <c:pt idx="0">
                  <c:v>7152.81</c:v>
                </c:pt>
                <c:pt idx="1">
                  <c:v>7525.89</c:v>
                </c:pt>
                <c:pt idx="2">
                  <c:v>3171.67</c:v>
                </c:pt>
                <c:pt idx="3">
                  <c:v>7860.24</c:v>
                </c:pt>
                <c:pt idx="4">
                  <c:v>7469.33</c:v>
                </c:pt>
                <c:pt idx="5">
                  <c:v>3250.23</c:v>
                </c:pt>
                <c:pt idx="6">
                  <c:v>3950.78</c:v>
                </c:pt>
                <c:pt idx="7">
                  <c:v>3087.32</c:v>
                </c:pt>
                <c:pt idx="8">
                  <c:v>3950.78</c:v>
                </c:pt>
                <c:pt idx="9">
                  <c:v>3950.78</c:v>
                </c:pt>
                <c:pt idx="10">
                  <c:v>3294.17</c:v>
                </c:pt>
                <c:pt idx="11">
                  <c:v>3922.51</c:v>
                </c:pt>
                <c:pt idx="12">
                  <c:v>3100.39</c:v>
                </c:pt>
                <c:pt idx="13">
                  <c:v>5140.91</c:v>
                </c:pt>
                <c:pt idx="14">
                  <c:v>3950.78</c:v>
                </c:pt>
                <c:pt idx="15">
                  <c:v>3182.38</c:v>
                </c:pt>
                <c:pt idx="16">
                  <c:v>3302.26</c:v>
                </c:pt>
                <c:pt idx="17">
                  <c:v>3748.22</c:v>
                </c:pt>
                <c:pt idx="18">
                  <c:v>8238.3799999999992</c:v>
                </c:pt>
                <c:pt idx="19">
                  <c:v>3182.38</c:v>
                </c:pt>
                <c:pt idx="20">
                  <c:v>3950.78</c:v>
                </c:pt>
                <c:pt idx="21">
                  <c:v>3950.78</c:v>
                </c:pt>
                <c:pt idx="22">
                  <c:v>9446.7000000000007</c:v>
                </c:pt>
                <c:pt idx="23">
                  <c:v>8238.3799999999992</c:v>
                </c:pt>
                <c:pt idx="24">
                  <c:v>5140.91</c:v>
                </c:pt>
                <c:pt idx="25">
                  <c:v>8238.3799999999992</c:v>
                </c:pt>
                <c:pt idx="26">
                  <c:v>3748.22</c:v>
                </c:pt>
                <c:pt idx="27">
                  <c:v>5140.91</c:v>
                </c:pt>
                <c:pt idx="28">
                  <c:v>5140.91</c:v>
                </c:pt>
                <c:pt idx="29">
                  <c:v>7421.91</c:v>
                </c:pt>
              </c:numCache>
            </c:numRef>
          </c:xVal>
          <c:yVal>
            <c:numRef>
              <c:f>Sheet1!$G$1321:$G$1350</c:f>
              <c:numCache>
                <c:formatCode>General</c:formatCode>
                <c:ptCount val="30"/>
                <c:pt idx="0">
                  <c:v>19.911000000000001</c:v>
                </c:pt>
                <c:pt idx="1">
                  <c:v>15.047800000000001</c:v>
                </c:pt>
                <c:pt idx="2">
                  <c:v>95.021299999999997</c:v>
                </c:pt>
                <c:pt idx="3">
                  <c:v>13.7896</c:v>
                </c:pt>
                <c:pt idx="4">
                  <c:v>16.398399999999999</c:v>
                </c:pt>
                <c:pt idx="5">
                  <c:v>73.559899999999999</c:v>
                </c:pt>
                <c:pt idx="6">
                  <c:v>24.827000000000002</c:v>
                </c:pt>
                <c:pt idx="7">
                  <c:v>106.405</c:v>
                </c:pt>
                <c:pt idx="8">
                  <c:v>24.827000000000002</c:v>
                </c:pt>
                <c:pt idx="9">
                  <c:v>24.827000000000002</c:v>
                </c:pt>
                <c:pt idx="10">
                  <c:v>68.730099999999993</c:v>
                </c:pt>
                <c:pt idx="11">
                  <c:v>29.449200000000001</c:v>
                </c:pt>
                <c:pt idx="12">
                  <c:v>96.464200000000005</c:v>
                </c:pt>
                <c:pt idx="13">
                  <c:v>20.473600000000001</c:v>
                </c:pt>
                <c:pt idx="14">
                  <c:v>24.827000000000002</c:v>
                </c:pt>
                <c:pt idx="15">
                  <c:v>74.304599999999994</c:v>
                </c:pt>
                <c:pt idx="16">
                  <c:v>57.241799999999998</c:v>
                </c:pt>
                <c:pt idx="17">
                  <c:v>49.7836</c:v>
                </c:pt>
                <c:pt idx="18">
                  <c:v>11.8962</c:v>
                </c:pt>
                <c:pt idx="19">
                  <c:v>74.304599999999994</c:v>
                </c:pt>
                <c:pt idx="20">
                  <c:v>24.827000000000002</c:v>
                </c:pt>
                <c:pt idx="21">
                  <c:v>24.827000000000002</c:v>
                </c:pt>
                <c:pt idx="22">
                  <c:v>11.3193</c:v>
                </c:pt>
                <c:pt idx="23">
                  <c:v>11.8962</c:v>
                </c:pt>
                <c:pt idx="24">
                  <c:v>20.473600000000001</c:v>
                </c:pt>
                <c:pt idx="25">
                  <c:v>11.8962</c:v>
                </c:pt>
                <c:pt idx="26">
                  <c:v>49.7836</c:v>
                </c:pt>
                <c:pt idx="27">
                  <c:v>20.473600000000001</c:v>
                </c:pt>
                <c:pt idx="28">
                  <c:v>20.473600000000001</c:v>
                </c:pt>
                <c:pt idx="29">
                  <c:v>16.461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0417152"/>
        <c:axId val="190432000"/>
      </c:scatterChart>
      <c:valAx>
        <c:axId val="190417152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90432000"/>
        <c:crosses val="autoZero"/>
        <c:crossBetween val="midCat"/>
      </c:valAx>
      <c:valAx>
        <c:axId val="190432000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90417152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8575">
              <a:noFill/>
            </a:ln>
          </c:spPr>
          <c:xVal>
            <c:numRef>
              <c:f>Sheet1!$F$1321:$F$1350</c:f>
              <c:numCache>
                <c:formatCode>General</c:formatCode>
                <c:ptCount val="30"/>
                <c:pt idx="0">
                  <c:v>7152.81</c:v>
                </c:pt>
                <c:pt idx="1">
                  <c:v>7525.89</c:v>
                </c:pt>
                <c:pt idx="2">
                  <c:v>3171.67</c:v>
                </c:pt>
                <c:pt idx="3">
                  <c:v>7860.24</c:v>
                </c:pt>
                <c:pt idx="4">
                  <c:v>7469.33</c:v>
                </c:pt>
                <c:pt idx="5">
                  <c:v>3250.23</c:v>
                </c:pt>
                <c:pt idx="6">
                  <c:v>3950.78</c:v>
                </c:pt>
                <c:pt idx="7">
                  <c:v>3087.32</c:v>
                </c:pt>
                <c:pt idx="8">
                  <c:v>3950.78</c:v>
                </c:pt>
                <c:pt idx="9">
                  <c:v>3950.78</c:v>
                </c:pt>
                <c:pt idx="10">
                  <c:v>3294.17</c:v>
                </c:pt>
                <c:pt idx="11">
                  <c:v>3922.51</c:v>
                </c:pt>
                <c:pt idx="12">
                  <c:v>3100.39</c:v>
                </c:pt>
                <c:pt idx="13">
                  <c:v>5140.91</c:v>
                </c:pt>
                <c:pt idx="14">
                  <c:v>3950.78</c:v>
                </c:pt>
                <c:pt idx="15">
                  <c:v>3182.38</c:v>
                </c:pt>
                <c:pt idx="16">
                  <c:v>3302.26</c:v>
                </c:pt>
                <c:pt idx="17">
                  <c:v>3748.22</c:v>
                </c:pt>
                <c:pt idx="18">
                  <c:v>8238.3799999999992</c:v>
                </c:pt>
                <c:pt idx="19">
                  <c:v>3182.38</c:v>
                </c:pt>
                <c:pt idx="20">
                  <c:v>3950.78</c:v>
                </c:pt>
                <c:pt idx="21">
                  <c:v>3950.78</c:v>
                </c:pt>
                <c:pt idx="22">
                  <c:v>9446.7000000000007</c:v>
                </c:pt>
                <c:pt idx="23">
                  <c:v>8238.3799999999992</c:v>
                </c:pt>
                <c:pt idx="24">
                  <c:v>5140.91</c:v>
                </c:pt>
                <c:pt idx="25">
                  <c:v>8238.3799999999992</c:v>
                </c:pt>
                <c:pt idx="26">
                  <c:v>3748.22</c:v>
                </c:pt>
                <c:pt idx="27">
                  <c:v>5140.91</c:v>
                </c:pt>
                <c:pt idx="28">
                  <c:v>5140.91</c:v>
                </c:pt>
                <c:pt idx="29">
                  <c:v>7421.91</c:v>
                </c:pt>
              </c:numCache>
            </c:numRef>
          </c:xVal>
          <c:yVal>
            <c:numRef>
              <c:f>Sheet1!$G$1321:$G$1350</c:f>
              <c:numCache>
                <c:formatCode>General</c:formatCode>
                <c:ptCount val="30"/>
                <c:pt idx="0">
                  <c:v>19.911000000000001</c:v>
                </c:pt>
                <c:pt idx="1">
                  <c:v>15.047800000000001</c:v>
                </c:pt>
                <c:pt idx="2">
                  <c:v>95.021299999999997</c:v>
                </c:pt>
                <c:pt idx="3">
                  <c:v>13.7896</c:v>
                </c:pt>
                <c:pt idx="4">
                  <c:v>16.398399999999999</c:v>
                </c:pt>
                <c:pt idx="5">
                  <c:v>73.559899999999999</c:v>
                </c:pt>
                <c:pt idx="6">
                  <c:v>24.827000000000002</c:v>
                </c:pt>
                <c:pt idx="7">
                  <c:v>106.405</c:v>
                </c:pt>
                <c:pt idx="8">
                  <c:v>24.827000000000002</c:v>
                </c:pt>
                <c:pt idx="9">
                  <c:v>24.827000000000002</c:v>
                </c:pt>
                <c:pt idx="10">
                  <c:v>68.730099999999993</c:v>
                </c:pt>
                <c:pt idx="11">
                  <c:v>29.449200000000001</c:v>
                </c:pt>
                <c:pt idx="12">
                  <c:v>96.464200000000005</c:v>
                </c:pt>
                <c:pt idx="13">
                  <c:v>20.473600000000001</c:v>
                </c:pt>
                <c:pt idx="14">
                  <c:v>24.827000000000002</c:v>
                </c:pt>
                <c:pt idx="15">
                  <c:v>74.304599999999994</c:v>
                </c:pt>
                <c:pt idx="16">
                  <c:v>57.241799999999998</c:v>
                </c:pt>
                <c:pt idx="17">
                  <c:v>49.7836</c:v>
                </c:pt>
                <c:pt idx="18">
                  <c:v>11.8962</c:v>
                </c:pt>
                <c:pt idx="19">
                  <c:v>74.304599999999994</c:v>
                </c:pt>
                <c:pt idx="20">
                  <c:v>24.827000000000002</c:v>
                </c:pt>
                <c:pt idx="21">
                  <c:v>24.827000000000002</c:v>
                </c:pt>
                <c:pt idx="22">
                  <c:v>11.3193</c:v>
                </c:pt>
                <c:pt idx="23">
                  <c:v>11.8962</c:v>
                </c:pt>
                <c:pt idx="24">
                  <c:v>20.473600000000001</c:v>
                </c:pt>
                <c:pt idx="25">
                  <c:v>11.8962</c:v>
                </c:pt>
                <c:pt idx="26">
                  <c:v>49.7836</c:v>
                </c:pt>
                <c:pt idx="27">
                  <c:v>20.473600000000001</c:v>
                </c:pt>
                <c:pt idx="28">
                  <c:v>20.473600000000001</c:v>
                </c:pt>
                <c:pt idx="29">
                  <c:v>16.461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94955904"/>
        <c:axId val="226644352"/>
      </c:scatterChart>
      <c:valAx>
        <c:axId val="19495590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226644352"/>
        <c:crosses val="autoZero"/>
        <c:crossBetween val="midCat"/>
      </c:valAx>
      <c:valAx>
        <c:axId val="22664435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94955904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28575">
              <a:noFill/>
            </a:ln>
          </c:spPr>
          <c:xVal>
            <c:numRef>
              <c:f>Sheet1!$F$1231:$F$1260</c:f>
              <c:numCache>
                <c:formatCode>General</c:formatCode>
                <c:ptCount val="30"/>
                <c:pt idx="0">
                  <c:v>7152.81</c:v>
                </c:pt>
                <c:pt idx="1">
                  <c:v>7525.89</c:v>
                </c:pt>
                <c:pt idx="2">
                  <c:v>4373.03</c:v>
                </c:pt>
                <c:pt idx="3">
                  <c:v>7860.24</c:v>
                </c:pt>
                <c:pt idx="4">
                  <c:v>7469.33</c:v>
                </c:pt>
                <c:pt idx="5">
                  <c:v>3157.85</c:v>
                </c:pt>
                <c:pt idx="6">
                  <c:v>4359.3999999999996</c:v>
                </c:pt>
                <c:pt idx="7">
                  <c:v>3087.32</c:v>
                </c:pt>
                <c:pt idx="8">
                  <c:v>4319</c:v>
                </c:pt>
                <c:pt idx="9">
                  <c:v>5313.69</c:v>
                </c:pt>
                <c:pt idx="10">
                  <c:v>3294.17</c:v>
                </c:pt>
                <c:pt idx="11">
                  <c:v>3922.51</c:v>
                </c:pt>
                <c:pt idx="12">
                  <c:v>3115.28</c:v>
                </c:pt>
                <c:pt idx="13">
                  <c:v>6539.73</c:v>
                </c:pt>
                <c:pt idx="14">
                  <c:v>4216.18</c:v>
                </c:pt>
                <c:pt idx="15">
                  <c:v>3182.38</c:v>
                </c:pt>
                <c:pt idx="16">
                  <c:v>3302.26</c:v>
                </c:pt>
                <c:pt idx="17">
                  <c:v>3748.22</c:v>
                </c:pt>
                <c:pt idx="18">
                  <c:v>8238.3799999999992</c:v>
                </c:pt>
                <c:pt idx="19">
                  <c:v>3182.38</c:v>
                </c:pt>
                <c:pt idx="20">
                  <c:v>4871.2700000000004</c:v>
                </c:pt>
                <c:pt idx="21">
                  <c:v>4101.1499999999996</c:v>
                </c:pt>
                <c:pt idx="22">
                  <c:v>9446.7000000000007</c:v>
                </c:pt>
                <c:pt idx="23">
                  <c:v>8238.3799999999992</c:v>
                </c:pt>
                <c:pt idx="24">
                  <c:v>5700.32</c:v>
                </c:pt>
                <c:pt idx="25">
                  <c:v>8238.3799999999992</c:v>
                </c:pt>
                <c:pt idx="26">
                  <c:v>3748.22</c:v>
                </c:pt>
                <c:pt idx="27">
                  <c:v>5544</c:v>
                </c:pt>
                <c:pt idx="28">
                  <c:v>5435.06</c:v>
                </c:pt>
                <c:pt idx="29">
                  <c:v>7421.91</c:v>
                </c:pt>
              </c:numCache>
            </c:numRef>
          </c:xVal>
          <c:yVal>
            <c:numRef>
              <c:f>Sheet1!$G$1231:$G$1260</c:f>
              <c:numCache>
                <c:formatCode>General</c:formatCode>
                <c:ptCount val="30"/>
                <c:pt idx="0">
                  <c:v>19.911000000000001</c:v>
                </c:pt>
                <c:pt idx="1">
                  <c:v>15.047800000000001</c:v>
                </c:pt>
                <c:pt idx="2">
                  <c:v>25.35</c:v>
                </c:pt>
                <c:pt idx="3">
                  <c:v>13.7896</c:v>
                </c:pt>
                <c:pt idx="4">
                  <c:v>16.398399999999999</c:v>
                </c:pt>
                <c:pt idx="5">
                  <c:v>100.657</c:v>
                </c:pt>
                <c:pt idx="6">
                  <c:v>26.097200000000001</c:v>
                </c:pt>
                <c:pt idx="7">
                  <c:v>106.405</c:v>
                </c:pt>
                <c:pt idx="8">
                  <c:v>26.6569</c:v>
                </c:pt>
                <c:pt idx="9">
                  <c:v>25.168900000000001</c:v>
                </c:pt>
                <c:pt idx="10">
                  <c:v>68.730099999999993</c:v>
                </c:pt>
                <c:pt idx="11">
                  <c:v>29.449200000000001</c:v>
                </c:pt>
                <c:pt idx="12">
                  <c:v>103.167</c:v>
                </c:pt>
                <c:pt idx="13">
                  <c:v>21.848099999999999</c:v>
                </c:pt>
                <c:pt idx="14">
                  <c:v>27.2697</c:v>
                </c:pt>
                <c:pt idx="15">
                  <c:v>74.304599999999994</c:v>
                </c:pt>
                <c:pt idx="16">
                  <c:v>57.241799999999998</c:v>
                </c:pt>
                <c:pt idx="17">
                  <c:v>49.7836</c:v>
                </c:pt>
                <c:pt idx="18">
                  <c:v>11.8962</c:v>
                </c:pt>
                <c:pt idx="19">
                  <c:v>74.304599999999994</c:v>
                </c:pt>
                <c:pt idx="20">
                  <c:v>25.2303</c:v>
                </c:pt>
                <c:pt idx="21">
                  <c:v>27.514500000000002</c:v>
                </c:pt>
                <c:pt idx="22">
                  <c:v>11.3193</c:v>
                </c:pt>
                <c:pt idx="23">
                  <c:v>11.8962</c:v>
                </c:pt>
                <c:pt idx="24">
                  <c:v>22.826499999999999</c:v>
                </c:pt>
                <c:pt idx="25">
                  <c:v>11.8962</c:v>
                </c:pt>
                <c:pt idx="26">
                  <c:v>49.7836</c:v>
                </c:pt>
                <c:pt idx="27">
                  <c:v>23.644500000000001</c:v>
                </c:pt>
                <c:pt idx="28">
                  <c:v>23.8245</c:v>
                </c:pt>
                <c:pt idx="29">
                  <c:v>16.461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26756864"/>
        <c:axId val="226792576"/>
      </c:scatterChart>
      <c:valAx>
        <c:axId val="22675686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226792576"/>
        <c:crosses val="autoZero"/>
        <c:crossBetween val="midCat"/>
      </c:valAx>
      <c:valAx>
        <c:axId val="226792576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226756864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chart" Target="../charts/chart5.xml"/><Relationship Id="rId1" Type="http://schemas.openxmlformats.org/officeDocument/2006/relationships/chart" Target="../charts/char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571500</xdr:colOff>
      <xdr:row>1325</xdr:row>
      <xdr:rowOff>123825</xdr:rowOff>
    </xdr:from>
    <xdr:to>
      <xdr:col>18</xdr:col>
      <xdr:colOff>321900</xdr:colOff>
      <xdr:row>1351</xdr:row>
      <xdr:rowOff>95625</xdr:rowOff>
    </xdr:to>
    <xdr:graphicFrame macro="">
      <xdr:nvGraphicFramePr>
        <xdr:cNvPr id="4" name="Chart 3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371475</xdr:colOff>
      <xdr:row>3499</xdr:row>
      <xdr:rowOff>0</xdr:rowOff>
    </xdr:from>
    <xdr:to>
      <xdr:col>20</xdr:col>
      <xdr:colOff>66675</xdr:colOff>
      <xdr:row>3513</xdr:row>
      <xdr:rowOff>76200</xdr:rowOff>
    </xdr:to>
    <xdr:graphicFrame macro="">
      <xdr:nvGraphicFramePr>
        <xdr:cNvPr id="5" name="Chart 4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3</xdr:col>
      <xdr:colOff>314325</xdr:colOff>
      <xdr:row>3483</xdr:row>
      <xdr:rowOff>38100</xdr:rowOff>
    </xdr:from>
    <xdr:to>
      <xdr:col>13</xdr:col>
      <xdr:colOff>598125</xdr:colOff>
      <xdr:row>3509</xdr:row>
      <xdr:rowOff>9900</xdr:rowOff>
    </xdr:to>
    <xdr:graphicFrame macro="">
      <xdr:nvGraphicFramePr>
        <xdr:cNvPr id="6" name="Chart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333375</xdr:colOff>
      <xdr:row>1510</xdr:row>
      <xdr:rowOff>71437</xdr:rowOff>
    </xdr:from>
    <xdr:to>
      <xdr:col>15</xdr:col>
      <xdr:colOff>28575</xdr:colOff>
      <xdr:row>1524</xdr:row>
      <xdr:rowOff>147637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333375</xdr:colOff>
      <xdr:row>1332</xdr:row>
      <xdr:rowOff>71437</xdr:rowOff>
    </xdr:from>
    <xdr:to>
      <xdr:col>15</xdr:col>
      <xdr:colOff>28575</xdr:colOff>
      <xdr:row>1346</xdr:row>
      <xdr:rowOff>147637</xdr:rowOff>
    </xdr:to>
    <xdr:graphicFrame macro="">
      <xdr:nvGraphicFramePr>
        <xdr:cNvPr id="4" name="Chart 3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7</xdr:col>
      <xdr:colOff>333375</xdr:colOff>
      <xdr:row>1241</xdr:row>
      <xdr:rowOff>71437</xdr:rowOff>
    </xdr:from>
    <xdr:to>
      <xdr:col>15</xdr:col>
      <xdr:colOff>28575</xdr:colOff>
      <xdr:row>1255</xdr:row>
      <xdr:rowOff>147637</xdr:rowOff>
    </xdr:to>
    <xdr:graphicFrame macro="">
      <xdr:nvGraphicFramePr>
        <xdr:cNvPr id="5" name="Chart 4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</xdr:wsDr>
</file>

<file path=xl/queryTables/queryTable1.xml><?xml version="1.0" encoding="utf-8"?>
<queryTable xmlns="http://schemas.openxmlformats.org/spreadsheetml/2006/main" name="January_thin_tjoint" connectionId="2" autoFormatId="16" applyNumberFormats="0" applyBorderFormats="0" applyFontFormats="1" applyPatternFormats="1" applyAlignmentFormats="0" applyWidthHeightFormats="0"/>
</file>

<file path=xl/queryTables/queryTable2.xml><?xml version="1.0" encoding="utf-8"?>
<queryTable xmlns="http://schemas.openxmlformats.org/spreadsheetml/2006/main" name="tjoint_60_december" connectionId="3" autoFormatId="16" applyNumberFormats="0" applyBorderFormats="0" applyFontFormats="1" applyPatternFormats="1" applyAlignmentFormats="0" applyWidthHeightFormats="0"/>
</file>

<file path=xl/queryTables/queryTable3.xml><?xml version="1.0" encoding="utf-8"?>
<queryTable xmlns="http://schemas.openxmlformats.org/spreadsheetml/2006/main" name="January_thin_tjoint" connectionId="1" autoFormatId="16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2.xml"/><Relationship Id="rId1" Type="http://schemas.openxmlformats.org/officeDocument/2006/relationships/drawing" Target="../drawings/drawing2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3.xml"/><Relationship Id="rId1" Type="http://schemas.openxmlformats.org/officeDocument/2006/relationships/drawing" Target="../drawings/drawing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3960"/>
  <sheetViews>
    <sheetView tabSelected="1" topLeftCell="A1320" workbookViewId="0">
      <selection activeCell="B1333" sqref="B1333:G1333"/>
    </sheetView>
  </sheetViews>
  <sheetFormatPr defaultRowHeight="15" x14ac:dyDescent="0.25"/>
  <cols>
    <col min="1" max="1" width="3" bestFit="1" customWidth="1"/>
    <col min="2" max="7" width="8" bestFit="1" customWidth="1"/>
  </cols>
  <sheetData>
    <row r="1" spans="1:7" x14ac:dyDescent="0.25">
      <c r="A1">
        <v>0</v>
      </c>
      <c r="B1">
        <v>144.864</v>
      </c>
      <c r="C1">
        <v>197.77699999999999</v>
      </c>
      <c r="D1">
        <v>7422.05</v>
      </c>
      <c r="E1">
        <v>4</v>
      </c>
      <c r="F1">
        <v>8605.35</v>
      </c>
      <c r="G1">
        <v>26.564900000000002</v>
      </c>
    </row>
    <row r="2" spans="1:7" x14ac:dyDescent="0.25">
      <c r="A2">
        <v>0</v>
      </c>
      <c r="B2">
        <v>137.62</v>
      </c>
      <c r="C2">
        <v>207.85599999999999</v>
      </c>
      <c r="D2">
        <v>15453.5</v>
      </c>
      <c r="E2">
        <v>3.9291299999999998</v>
      </c>
      <c r="F2">
        <v>17028.5</v>
      </c>
      <c r="G2">
        <v>17.475999999999999</v>
      </c>
    </row>
    <row r="3" spans="1:7" x14ac:dyDescent="0.25">
      <c r="A3">
        <v>0</v>
      </c>
      <c r="B3">
        <v>148.01300000000001</v>
      </c>
      <c r="C3">
        <v>212.58</v>
      </c>
      <c r="D3">
        <v>10768.5</v>
      </c>
      <c r="E3">
        <v>3.1732300000000002</v>
      </c>
      <c r="F3">
        <v>12251</v>
      </c>
      <c r="G3">
        <v>28.940200000000001</v>
      </c>
    </row>
    <row r="4" spans="1:7" x14ac:dyDescent="0.25">
      <c r="A4">
        <v>0</v>
      </c>
      <c r="B4">
        <v>139.82400000000001</v>
      </c>
      <c r="C4">
        <v>187.38300000000001</v>
      </c>
      <c r="D4">
        <v>11973.2</v>
      </c>
      <c r="E4">
        <v>3.2204700000000002</v>
      </c>
      <c r="F4">
        <v>13612.9</v>
      </c>
      <c r="G4">
        <v>20.519300000000001</v>
      </c>
    </row>
    <row r="5" spans="1:7" x14ac:dyDescent="0.25">
      <c r="A5">
        <v>0</v>
      </c>
      <c r="B5">
        <v>158.40700000000001</v>
      </c>
      <c r="C5">
        <v>187.38300000000001</v>
      </c>
      <c r="D5">
        <v>8492.91</v>
      </c>
      <c r="E5">
        <v>1.47244</v>
      </c>
      <c r="F5">
        <v>11044.2</v>
      </c>
      <c r="G5">
        <v>24.915700000000001</v>
      </c>
    </row>
    <row r="6" spans="1:7" x14ac:dyDescent="0.25">
      <c r="A6">
        <v>0</v>
      </c>
      <c r="B6">
        <v>141.399</v>
      </c>
      <c r="C6">
        <v>188.958</v>
      </c>
      <c r="D6">
        <v>6485.04</v>
      </c>
      <c r="E6">
        <v>3.2677200000000002</v>
      </c>
      <c r="F6">
        <v>8045.02</v>
      </c>
      <c r="G6">
        <v>20.382400000000001</v>
      </c>
    </row>
    <row r="7" spans="1:7" x14ac:dyDescent="0.25">
      <c r="A7">
        <v>0</v>
      </c>
      <c r="B7">
        <v>135.41499999999999</v>
      </c>
      <c r="C7">
        <v>194.94300000000001</v>
      </c>
      <c r="D7">
        <v>18264.599999999999</v>
      </c>
      <c r="E7">
        <v>2.9133900000000001</v>
      </c>
      <c r="F7">
        <v>19954.7</v>
      </c>
      <c r="G7">
        <v>16.020700000000001</v>
      </c>
    </row>
    <row r="8" spans="1:7" x14ac:dyDescent="0.25">
      <c r="A8">
        <v>0</v>
      </c>
      <c r="B8">
        <v>170.691</v>
      </c>
      <c r="C8">
        <v>212.58</v>
      </c>
      <c r="D8">
        <v>15185.8</v>
      </c>
      <c r="E8">
        <v>2.6299199999999998</v>
      </c>
      <c r="F8">
        <v>4310.1099999999997</v>
      </c>
      <c r="G8">
        <v>82.422600000000003</v>
      </c>
    </row>
    <row r="9" spans="1:7" x14ac:dyDescent="0.25">
      <c r="A9">
        <v>0</v>
      </c>
      <c r="B9">
        <v>148.01300000000001</v>
      </c>
      <c r="C9">
        <v>191.79300000000001</v>
      </c>
      <c r="D9">
        <v>12240.9</v>
      </c>
      <c r="E9">
        <v>1.80315</v>
      </c>
      <c r="F9">
        <v>14705.3</v>
      </c>
      <c r="G9">
        <v>28.432300000000001</v>
      </c>
    </row>
    <row r="10" spans="1:7" x14ac:dyDescent="0.25">
      <c r="A10">
        <v>0</v>
      </c>
      <c r="B10">
        <v>142.97399999999999</v>
      </c>
      <c r="C10">
        <v>208.48599999999999</v>
      </c>
      <c r="D10">
        <v>9965.35</v>
      </c>
      <c r="E10">
        <v>1.99213</v>
      </c>
      <c r="F10">
        <v>12316.8</v>
      </c>
      <c r="G10">
        <v>23.4237</v>
      </c>
    </row>
    <row r="11" spans="1:7" x14ac:dyDescent="0.25">
      <c r="A11">
        <v>0</v>
      </c>
      <c r="B11">
        <v>174.47</v>
      </c>
      <c r="C11">
        <v>175.41499999999999</v>
      </c>
      <c r="D11">
        <v>7422.05</v>
      </c>
      <c r="E11">
        <v>3.0787399999999998</v>
      </c>
      <c r="F11">
        <v>3513.86</v>
      </c>
      <c r="G11">
        <v>111.676</v>
      </c>
    </row>
    <row r="12" spans="1:7" x14ac:dyDescent="0.25">
      <c r="A12">
        <v>0</v>
      </c>
      <c r="B12">
        <v>168.48599999999999</v>
      </c>
      <c r="C12">
        <v>197.14699999999999</v>
      </c>
      <c r="D12">
        <v>7154.33</v>
      </c>
      <c r="E12">
        <v>3.5275599999999998</v>
      </c>
      <c r="F12">
        <v>4672.13</v>
      </c>
      <c r="G12">
        <v>77.736599999999996</v>
      </c>
    </row>
    <row r="13" spans="1:7" x14ac:dyDescent="0.25">
      <c r="A13">
        <v>0</v>
      </c>
      <c r="B13">
        <v>167.85599999999999</v>
      </c>
      <c r="C13">
        <v>177.935</v>
      </c>
      <c r="D13">
        <v>15453.5</v>
      </c>
      <c r="E13">
        <v>2.8897599999999999</v>
      </c>
      <c r="F13">
        <v>5357.22</v>
      </c>
      <c r="G13">
        <v>79.952799999999996</v>
      </c>
    </row>
    <row r="14" spans="1:7" x14ac:dyDescent="0.25">
      <c r="A14">
        <v>0</v>
      </c>
      <c r="B14">
        <v>157.14699999999999</v>
      </c>
      <c r="C14">
        <v>179.19399999999999</v>
      </c>
      <c r="D14">
        <v>9162.2000000000007</v>
      </c>
      <c r="E14">
        <v>2.34646</v>
      </c>
      <c r="F14">
        <v>11083.6</v>
      </c>
      <c r="G14">
        <v>32.423099999999998</v>
      </c>
    </row>
    <row r="15" spans="1:7" x14ac:dyDescent="0.25">
      <c r="A15">
        <v>0</v>
      </c>
      <c r="B15">
        <v>156.202</v>
      </c>
      <c r="C15">
        <v>179.82400000000001</v>
      </c>
      <c r="D15">
        <v>18398.400000000001</v>
      </c>
      <c r="E15">
        <v>1.89764</v>
      </c>
      <c r="F15">
        <v>20615.8</v>
      </c>
      <c r="G15">
        <v>25.457599999999999</v>
      </c>
    </row>
    <row r="16" spans="1:7" x14ac:dyDescent="0.25">
      <c r="A16">
        <v>0</v>
      </c>
      <c r="B16">
        <v>152.738</v>
      </c>
      <c r="C16">
        <v>208.48599999999999</v>
      </c>
      <c r="D16">
        <v>13713.4</v>
      </c>
      <c r="E16">
        <v>1.47244</v>
      </c>
      <c r="F16">
        <v>16251</v>
      </c>
      <c r="G16">
        <v>35.902299999999997</v>
      </c>
    </row>
    <row r="17" spans="1:7" x14ac:dyDescent="0.25">
      <c r="A17">
        <v>0</v>
      </c>
      <c r="B17">
        <v>156.202</v>
      </c>
      <c r="C17">
        <v>181.399</v>
      </c>
      <c r="D17">
        <v>7957.48</v>
      </c>
      <c r="E17">
        <v>1.6377999999999999</v>
      </c>
      <c r="F17">
        <v>10641.5</v>
      </c>
      <c r="G17">
        <v>23.644500000000001</v>
      </c>
    </row>
    <row r="18" spans="1:7" x14ac:dyDescent="0.25">
      <c r="A18">
        <v>0</v>
      </c>
      <c r="B18">
        <v>153.99799999999999</v>
      </c>
      <c r="C18">
        <v>198.09200000000001</v>
      </c>
      <c r="D18">
        <v>13579.5</v>
      </c>
      <c r="E18">
        <v>3.0314999999999999</v>
      </c>
      <c r="F18">
        <v>15044.4</v>
      </c>
      <c r="G18">
        <v>35.844499999999996</v>
      </c>
    </row>
    <row r="19" spans="1:7" x14ac:dyDescent="0.25">
      <c r="A19">
        <v>0</v>
      </c>
      <c r="B19">
        <v>168.48599999999999</v>
      </c>
      <c r="C19">
        <v>214.47</v>
      </c>
      <c r="D19">
        <v>5146.46</v>
      </c>
      <c r="E19">
        <v>2.74803</v>
      </c>
      <c r="F19">
        <v>4822.13</v>
      </c>
      <c r="G19">
        <v>81.163300000000007</v>
      </c>
    </row>
    <row r="20" spans="1:7" x14ac:dyDescent="0.25">
      <c r="A20">
        <v>0</v>
      </c>
      <c r="B20">
        <v>167.226</v>
      </c>
      <c r="C20">
        <v>212.89500000000001</v>
      </c>
      <c r="D20">
        <v>17595.3</v>
      </c>
      <c r="E20">
        <v>3.8818899999999998</v>
      </c>
      <c r="F20">
        <v>5442.55</v>
      </c>
      <c r="G20">
        <v>79.692899999999995</v>
      </c>
    </row>
    <row r="21" spans="1:7" x14ac:dyDescent="0.25">
      <c r="A21">
        <v>0</v>
      </c>
      <c r="B21">
        <v>148.958</v>
      </c>
      <c r="C21">
        <v>175.41499999999999</v>
      </c>
      <c r="D21">
        <v>8091.34</v>
      </c>
      <c r="E21">
        <v>3.1259800000000002</v>
      </c>
      <c r="F21">
        <v>9891.31</v>
      </c>
      <c r="G21">
        <v>31.116299999999999</v>
      </c>
    </row>
    <row r="22" spans="1:7" x14ac:dyDescent="0.25">
      <c r="A22">
        <v>0</v>
      </c>
      <c r="B22">
        <v>150.21799999999999</v>
      </c>
      <c r="C22">
        <v>192.108</v>
      </c>
      <c r="D22">
        <v>8492.91</v>
      </c>
      <c r="E22">
        <v>3.5275599999999998</v>
      </c>
      <c r="F22">
        <v>9779.48</v>
      </c>
      <c r="G22">
        <v>33.927</v>
      </c>
    </row>
    <row r="23" spans="1:7" x14ac:dyDescent="0.25">
      <c r="A23">
        <v>0</v>
      </c>
      <c r="B23">
        <v>168.17099999999999</v>
      </c>
      <c r="C23">
        <v>197.14699999999999</v>
      </c>
      <c r="D23">
        <v>2870.87</v>
      </c>
      <c r="E23">
        <v>3.8110200000000001</v>
      </c>
      <c r="F23">
        <v>3961.22</v>
      </c>
      <c r="G23">
        <v>50.840899999999998</v>
      </c>
    </row>
    <row r="24" spans="1:7" x14ac:dyDescent="0.25">
      <c r="A24">
        <v>0</v>
      </c>
      <c r="B24">
        <v>158.40700000000001</v>
      </c>
      <c r="C24">
        <v>178.88</v>
      </c>
      <c r="D24">
        <v>2201.5700000000002</v>
      </c>
      <c r="E24">
        <v>1.09449</v>
      </c>
      <c r="F24">
        <v>5612.45</v>
      </c>
      <c r="G24">
        <v>46.267499999999998</v>
      </c>
    </row>
    <row r="25" spans="1:7" x14ac:dyDescent="0.25">
      <c r="A25">
        <v>0</v>
      </c>
      <c r="B25">
        <v>159.982</v>
      </c>
      <c r="C25">
        <v>189.273</v>
      </c>
      <c r="D25">
        <v>14248.8</v>
      </c>
      <c r="E25">
        <v>3.8110200000000001</v>
      </c>
      <c r="F25">
        <v>15212.6</v>
      </c>
      <c r="G25">
        <v>33.851700000000001</v>
      </c>
    </row>
    <row r="26" spans="1:7" x14ac:dyDescent="0.25">
      <c r="A26">
        <v>0</v>
      </c>
      <c r="B26">
        <v>136.67500000000001</v>
      </c>
      <c r="C26">
        <v>210.691</v>
      </c>
      <c r="D26">
        <v>2067.7199999999998</v>
      </c>
      <c r="E26">
        <v>3.0787399999999998</v>
      </c>
      <c r="F26">
        <v>3985.5</v>
      </c>
      <c r="G26">
        <v>110.819</v>
      </c>
    </row>
    <row r="27" spans="1:7" x14ac:dyDescent="0.25">
      <c r="A27">
        <v>0</v>
      </c>
      <c r="B27">
        <v>141.714</v>
      </c>
      <c r="C27">
        <v>206.911</v>
      </c>
      <c r="D27">
        <v>9697.64</v>
      </c>
      <c r="E27">
        <v>2.20472</v>
      </c>
      <c r="F27">
        <v>11822</v>
      </c>
      <c r="G27">
        <v>21.2103</v>
      </c>
    </row>
    <row r="28" spans="1:7" x14ac:dyDescent="0.25">
      <c r="A28">
        <v>0</v>
      </c>
      <c r="B28">
        <v>164.07599999999999</v>
      </c>
      <c r="C28">
        <v>202.50200000000001</v>
      </c>
      <c r="D28">
        <v>5815.75</v>
      </c>
      <c r="E28">
        <v>2.74803</v>
      </c>
      <c r="F28">
        <v>7178.28</v>
      </c>
      <c r="G28">
        <v>85.165999999999997</v>
      </c>
    </row>
    <row r="29" spans="1:7" x14ac:dyDescent="0.25">
      <c r="A29">
        <v>0</v>
      </c>
      <c r="B29">
        <v>146.124</v>
      </c>
      <c r="C29">
        <v>209.74600000000001</v>
      </c>
      <c r="D29">
        <v>17863</v>
      </c>
      <c r="E29">
        <v>2.0629900000000001</v>
      </c>
      <c r="F29">
        <v>19836.400000000001</v>
      </c>
      <c r="G29">
        <v>26.988499999999998</v>
      </c>
    </row>
    <row r="30" spans="1:7" x14ac:dyDescent="0.25">
      <c r="A30">
        <v>0</v>
      </c>
      <c r="B30">
        <v>160.297</v>
      </c>
      <c r="C30">
        <v>175.41499999999999</v>
      </c>
      <c r="D30">
        <v>17193.7</v>
      </c>
      <c r="E30">
        <v>2.1574800000000001</v>
      </c>
      <c r="F30">
        <v>16199.4</v>
      </c>
      <c r="G30">
        <v>61.144399999999997</v>
      </c>
    </row>
    <row r="31" spans="1:7" x14ac:dyDescent="0.25">
      <c r="A31">
        <v>0</v>
      </c>
      <c r="B31">
        <v>174.785</v>
      </c>
      <c r="C31">
        <v>203.446</v>
      </c>
      <c r="D31">
        <v>7957.48</v>
      </c>
      <c r="E31">
        <v>1.44882</v>
      </c>
      <c r="F31">
        <v>4429.62</v>
      </c>
      <c r="G31">
        <v>109.652</v>
      </c>
    </row>
    <row r="32" spans="1:7" x14ac:dyDescent="0.25">
      <c r="A32">
        <v>0</v>
      </c>
      <c r="B32">
        <v>153.68299999999999</v>
      </c>
      <c r="C32">
        <v>198.09200000000001</v>
      </c>
      <c r="D32">
        <v>18398.400000000001</v>
      </c>
      <c r="E32">
        <v>1</v>
      </c>
      <c r="F32">
        <v>22328.2</v>
      </c>
      <c r="G32">
        <v>34.402200000000001</v>
      </c>
    </row>
    <row r="33" spans="1:7" x14ac:dyDescent="0.25">
      <c r="A33">
        <v>0</v>
      </c>
      <c r="B33">
        <v>143.60400000000001</v>
      </c>
      <c r="C33">
        <v>194.31299999999999</v>
      </c>
      <c r="D33">
        <v>8359.06</v>
      </c>
      <c r="E33">
        <v>1.73228</v>
      </c>
      <c r="F33">
        <v>10701.6</v>
      </c>
      <c r="G33">
        <v>24.3706</v>
      </c>
    </row>
    <row r="34" spans="1:7" x14ac:dyDescent="0.25">
      <c r="A34">
        <v>0</v>
      </c>
      <c r="B34">
        <v>163.761</v>
      </c>
      <c r="C34">
        <v>209.74600000000001</v>
      </c>
      <c r="D34">
        <v>15453.5</v>
      </c>
      <c r="E34">
        <v>3.10236</v>
      </c>
      <c r="F34">
        <v>8439.0400000000009</v>
      </c>
      <c r="G34">
        <v>83.284300000000002</v>
      </c>
    </row>
    <row r="35" spans="1:7" x14ac:dyDescent="0.25">
      <c r="A35">
        <v>0</v>
      </c>
      <c r="B35">
        <v>171.32</v>
      </c>
      <c r="C35">
        <v>201.55699999999999</v>
      </c>
      <c r="D35">
        <v>7154.33</v>
      </c>
      <c r="E35">
        <v>3.6929099999999999</v>
      </c>
      <c r="F35">
        <v>3942</v>
      </c>
      <c r="G35">
        <v>105.71599999999999</v>
      </c>
    </row>
    <row r="36" spans="1:7" x14ac:dyDescent="0.25">
      <c r="A36">
        <v>0</v>
      </c>
      <c r="B36">
        <v>164.07599999999999</v>
      </c>
      <c r="C36">
        <v>205.33600000000001</v>
      </c>
      <c r="D36">
        <v>16792.099999999999</v>
      </c>
      <c r="E36">
        <v>1.3307100000000001</v>
      </c>
      <c r="F36">
        <v>8867.24</v>
      </c>
      <c r="G36">
        <v>75.909199999999998</v>
      </c>
    </row>
    <row r="37" spans="1:7" x14ac:dyDescent="0.25">
      <c r="A37">
        <v>0</v>
      </c>
      <c r="B37">
        <v>164.07599999999999</v>
      </c>
      <c r="C37">
        <v>207.226</v>
      </c>
      <c r="D37">
        <v>5548.03</v>
      </c>
      <c r="E37">
        <v>1.1889799999999999</v>
      </c>
      <c r="F37">
        <v>8413.7099999999991</v>
      </c>
      <c r="G37">
        <v>24.717400000000001</v>
      </c>
    </row>
    <row r="38" spans="1:7" x14ac:dyDescent="0.25">
      <c r="A38">
        <v>0</v>
      </c>
      <c r="B38">
        <v>141.714</v>
      </c>
      <c r="C38">
        <v>175.1</v>
      </c>
      <c r="D38">
        <v>11705.5</v>
      </c>
      <c r="E38">
        <v>3.64567</v>
      </c>
      <c r="F38">
        <v>13832.6</v>
      </c>
      <c r="G38">
        <v>21.449400000000001</v>
      </c>
    </row>
    <row r="39" spans="1:7" x14ac:dyDescent="0.25">
      <c r="A39">
        <v>0</v>
      </c>
      <c r="B39">
        <v>164.39099999999999</v>
      </c>
      <c r="C39">
        <v>206.596</v>
      </c>
      <c r="D39">
        <v>14784.3</v>
      </c>
      <c r="E39">
        <v>3.3858299999999999</v>
      </c>
      <c r="F39">
        <v>7453.43</v>
      </c>
      <c r="G39">
        <v>82.971100000000007</v>
      </c>
    </row>
    <row r="40" spans="1:7" x14ac:dyDescent="0.25">
      <c r="A40">
        <v>0</v>
      </c>
      <c r="B40">
        <v>152.738</v>
      </c>
      <c r="C40">
        <v>211.63499999999999</v>
      </c>
      <c r="D40">
        <v>4343.3100000000004</v>
      </c>
      <c r="E40">
        <v>1.2598400000000001</v>
      </c>
      <c r="F40">
        <v>7280.09</v>
      </c>
      <c r="G40">
        <v>35.207799999999999</v>
      </c>
    </row>
    <row r="41" spans="1:7" x14ac:dyDescent="0.25">
      <c r="A41">
        <v>0</v>
      </c>
      <c r="B41">
        <v>156.202</v>
      </c>
      <c r="C41">
        <v>199.03700000000001</v>
      </c>
      <c r="D41">
        <v>10500.8</v>
      </c>
      <c r="E41">
        <v>1.02362</v>
      </c>
      <c r="F41">
        <v>5936.56</v>
      </c>
      <c r="G41">
        <v>38.229999999999997</v>
      </c>
    </row>
    <row r="42" spans="1:7" x14ac:dyDescent="0.25">
      <c r="A42">
        <v>0</v>
      </c>
      <c r="B42">
        <v>161.24199999999999</v>
      </c>
      <c r="C42">
        <v>187.38300000000001</v>
      </c>
      <c r="D42">
        <v>8359.06</v>
      </c>
      <c r="E42">
        <v>3.8346499999999999</v>
      </c>
      <c r="F42">
        <v>9396.7199999999993</v>
      </c>
      <c r="G42">
        <v>28.4634</v>
      </c>
    </row>
    <row r="43" spans="1:7" x14ac:dyDescent="0.25">
      <c r="A43">
        <v>0</v>
      </c>
      <c r="B43">
        <v>170.06100000000001</v>
      </c>
      <c r="C43">
        <v>192.423</v>
      </c>
      <c r="D43">
        <v>17729.099999999999</v>
      </c>
      <c r="E43">
        <v>3.4803099999999998</v>
      </c>
      <c r="F43">
        <v>4359.29</v>
      </c>
      <c r="G43">
        <v>104.215</v>
      </c>
    </row>
    <row r="44" spans="1:7" x14ac:dyDescent="0.25">
      <c r="A44">
        <v>0</v>
      </c>
      <c r="B44">
        <v>143.91900000000001</v>
      </c>
      <c r="C44">
        <v>208.17099999999999</v>
      </c>
      <c r="D44">
        <v>13311.8</v>
      </c>
      <c r="E44">
        <v>1.9448799999999999</v>
      </c>
      <c r="F44">
        <v>15619.2</v>
      </c>
      <c r="G44">
        <v>24.949000000000002</v>
      </c>
    </row>
    <row r="45" spans="1:7" x14ac:dyDescent="0.25">
      <c r="A45">
        <v>0</v>
      </c>
      <c r="B45">
        <v>147.06899999999999</v>
      </c>
      <c r="C45">
        <v>179.19399999999999</v>
      </c>
      <c r="D45">
        <v>12642.5</v>
      </c>
      <c r="E45">
        <v>1.6850400000000001</v>
      </c>
      <c r="F45">
        <v>15229.7</v>
      </c>
      <c r="G45">
        <v>27.5762</v>
      </c>
    </row>
    <row r="46" spans="1:7" x14ac:dyDescent="0.25">
      <c r="A46">
        <v>0</v>
      </c>
      <c r="B46">
        <v>174.785</v>
      </c>
      <c r="C46">
        <v>183.91900000000001</v>
      </c>
      <c r="D46">
        <v>4209.45</v>
      </c>
      <c r="E46">
        <v>1.89764</v>
      </c>
      <c r="F46">
        <v>3988.85</v>
      </c>
      <c r="G46">
        <v>99.578299999999999</v>
      </c>
    </row>
    <row r="47" spans="1:7" x14ac:dyDescent="0.25">
      <c r="A47">
        <v>0</v>
      </c>
      <c r="B47">
        <v>165.33600000000001</v>
      </c>
      <c r="C47">
        <v>209.74600000000001</v>
      </c>
      <c r="D47">
        <v>15989</v>
      </c>
      <c r="E47">
        <v>1.3307100000000001</v>
      </c>
      <c r="F47">
        <v>7736.01</v>
      </c>
      <c r="G47">
        <v>78.511300000000006</v>
      </c>
    </row>
    <row r="48" spans="1:7" x14ac:dyDescent="0.25">
      <c r="A48">
        <v>0</v>
      </c>
      <c r="B48">
        <v>159.982</v>
      </c>
      <c r="C48">
        <v>182.97399999999999</v>
      </c>
      <c r="D48">
        <v>11571.7</v>
      </c>
      <c r="E48">
        <v>1.1417299999999999</v>
      </c>
      <c r="F48">
        <v>15066.6</v>
      </c>
      <c r="G48">
        <v>20.617699999999999</v>
      </c>
    </row>
    <row r="49" spans="1:7" x14ac:dyDescent="0.25">
      <c r="A49">
        <v>0</v>
      </c>
      <c r="B49">
        <v>158.72200000000001</v>
      </c>
      <c r="C49">
        <v>188.643</v>
      </c>
      <c r="D49">
        <v>18130.7</v>
      </c>
      <c r="E49">
        <v>2.4881899999999999</v>
      </c>
      <c r="F49">
        <v>19628.3</v>
      </c>
      <c r="G49">
        <v>58.9664</v>
      </c>
    </row>
    <row r="50" spans="1:7" x14ac:dyDescent="0.25">
      <c r="A50">
        <v>0</v>
      </c>
      <c r="B50">
        <v>159.982</v>
      </c>
      <c r="C50">
        <v>200.297</v>
      </c>
      <c r="D50">
        <v>8091.34</v>
      </c>
      <c r="E50">
        <v>1.92126</v>
      </c>
      <c r="F50">
        <v>10064.700000000001</v>
      </c>
      <c r="G50">
        <v>60.768599999999999</v>
      </c>
    </row>
    <row r="51" spans="1:7" x14ac:dyDescent="0.25">
      <c r="A51">
        <v>0</v>
      </c>
      <c r="B51">
        <v>153.36799999999999</v>
      </c>
      <c r="C51">
        <v>197.77699999999999</v>
      </c>
      <c r="D51">
        <v>7020.47</v>
      </c>
      <c r="E51">
        <v>1.6141700000000001</v>
      </c>
      <c r="F51">
        <v>9359.2199999999993</v>
      </c>
      <c r="G51">
        <v>36.554200000000002</v>
      </c>
    </row>
    <row r="52" spans="1:7" x14ac:dyDescent="0.25">
      <c r="A52">
        <v>0</v>
      </c>
      <c r="B52">
        <v>153.68299999999999</v>
      </c>
      <c r="C52">
        <v>201.24199999999999</v>
      </c>
      <c r="D52">
        <v>7154.33</v>
      </c>
      <c r="E52">
        <v>2.9606300000000001</v>
      </c>
      <c r="F52">
        <v>8599.2800000000007</v>
      </c>
      <c r="G52">
        <v>34.895899999999997</v>
      </c>
    </row>
    <row r="53" spans="1:7" x14ac:dyDescent="0.25">
      <c r="A53">
        <v>0</v>
      </c>
      <c r="B53">
        <v>155.572</v>
      </c>
      <c r="C53">
        <v>214.47</v>
      </c>
      <c r="D53">
        <v>2067.7199999999998</v>
      </c>
      <c r="E53">
        <v>1.9448799999999999</v>
      </c>
      <c r="F53">
        <v>4499.2</v>
      </c>
      <c r="G53">
        <v>63.223399999999998</v>
      </c>
    </row>
    <row r="54" spans="1:7" x14ac:dyDescent="0.25">
      <c r="A54">
        <v>0</v>
      </c>
      <c r="B54">
        <v>168.48599999999999</v>
      </c>
      <c r="C54">
        <v>201.87200000000001</v>
      </c>
      <c r="D54">
        <v>6351.18</v>
      </c>
      <c r="E54">
        <v>3.7873999999999999</v>
      </c>
      <c r="F54">
        <v>4754.25</v>
      </c>
      <c r="G54">
        <v>45.189799999999998</v>
      </c>
    </row>
    <row r="55" spans="1:7" x14ac:dyDescent="0.25">
      <c r="A55">
        <v>0</v>
      </c>
      <c r="B55">
        <v>155.572</v>
      </c>
      <c r="C55">
        <v>198.72200000000001</v>
      </c>
      <c r="D55">
        <v>15587.4</v>
      </c>
      <c r="E55">
        <v>1.54331</v>
      </c>
      <c r="F55">
        <v>17824.7</v>
      </c>
      <c r="G55">
        <v>34.229900000000001</v>
      </c>
    </row>
    <row r="56" spans="1:7" x14ac:dyDescent="0.25">
      <c r="A56">
        <v>0</v>
      </c>
      <c r="B56">
        <v>156.202</v>
      </c>
      <c r="C56">
        <v>188.328</v>
      </c>
      <c r="D56">
        <v>3674.02</v>
      </c>
      <c r="E56">
        <v>2.5118100000000001</v>
      </c>
      <c r="F56">
        <v>5472.55</v>
      </c>
      <c r="G56">
        <v>28.1295</v>
      </c>
    </row>
    <row r="57" spans="1:7" x14ac:dyDescent="0.25">
      <c r="A57">
        <v>0</v>
      </c>
      <c r="B57">
        <v>157.46199999999999</v>
      </c>
      <c r="C57">
        <v>189.273</v>
      </c>
      <c r="D57">
        <v>10902.4</v>
      </c>
      <c r="E57">
        <v>2.1810999999999998</v>
      </c>
      <c r="F57">
        <v>12733.8</v>
      </c>
      <c r="G57">
        <v>32.941699999999997</v>
      </c>
    </row>
    <row r="58" spans="1:7" x14ac:dyDescent="0.25">
      <c r="A58">
        <v>0</v>
      </c>
      <c r="B58">
        <v>156.517</v>
      </c>
      <c r="C58">
        <v>209.43100000000001</v>
      </c>
      <c r="D58">
        <v>10500.8</v>
      </c>
      <c r="E58">
        <v>3.7401599999999999</v>
      </c>
      <c r="F58">
        <v>11667.5</v>
      </c>
      <c r="G58">
        <v>43.452300000000001</v>
      </c>
    </row>
    <row r="59" spans="1:7" x14ac:dyDescent="0.25">
      <c r="A59">
        <v>0</v>
      </c>
      <c r="B59">
        <v>159.667</v>
      </c>
      <c r="C59">
        <v>203.131</v>
      </c>
      <c r="D59">
        <v>5280.31</v>
      </c>
      <c r="E59">
        <v>3.5748000000000002</v>
      </c>
      <c r="F59">
        <v>6519.45</v>
      </c>
      <c r="G59">
        <v>55.844000000000001</v>
      </c>
    </row>
    <row r="60" spans="1:7" x14ac:dyDescent="0.25">
      <c r="A60">
        <v>0</v>
      </c>
      <c r="B60">
        <v>159.352</v>
      </c>
      <c r="C60">
        <v>199.352</v>
      </c>
      <c r="D60">
        <v>18532.3</v>
      </c>
      <c r="E60">
        <v>1.6377999999999999</v>
      </c>
      <c r="F60">
        <v>20298.900000000001</v>
      </c>
      <c r="G60">
        <v>36.7134</v>
      </c>
    </row>
    <row r="61" spans="1:7" x14ac:dyDescent="0.25">
      <c r="A61">
        <v>0</v>
      </c>
      <c r="B61">
        <v>141.399</v>
      </c>
      <c r="C61">
        <v>188.958</v>
      </c>
      <c r="D61">
        <v>6485.04</v>
      </c>
      <c r="E61">
        <v>3.2677200000000002</v>
      </c>
      <c r="F61">
        <v>8045.02</v>
      </c>
      <c r="G61">
        <v>20.382400000000001</v>
      </c>
    </row>
    <row r="62" spans="1:7" x14ac:dyDescent="0.25">
      <c r="A62">
        <v>0</v>
      </c>
      <c r="B62">
        <v>137.62</v>
      </c>
      <c r="C62">
        <v>207.85599999999999</v>
      </c>
      <c r="D62">
        <v>15453.5</v>
      </c>
      <c r="E62">
        <v>3.9291299999999998</v>
      </c>
      <c r="F62">
        <v>17028.5</v>
      </c>
      <c r="G62">
        <v>17.475999999999999</v>
      </c>
    </row>
    <row r="63" spans="1:7" x14ac:dyDescent="0.25">
      <c r="A63">
        <v>0</v>
      </c>
      <c r="B63">
        <v>135.41499999999999</v>
      </c>
      <c r="C63">
        <v>194.94300000000001</v>
      </c>
      <c r="D63">
        <v>18264.599999999999</v>
      </c>
      <c r="E63">
        <v>2.9133900000000001</v>
      </c>
      <c r="F63">
        <v>19954.7</v>
      </c>
      <c r="G63">
        <v>16.020700000000001</v>
      </c>
    </row>
    <row r="64" spans="1:7" x14ac:dyDescent="0.25">
      <c r="A64">
        <v>0</v>
      </c>
      <c r="B64">
        <v>174.47</v>
      </c>
      <c r="C64">
        <v>175.41499999999999</v>
      </c>
      <c r="D64">
        <v>7422.05</v>
      </c>
      <c r="E64">
        <v>3.0787399999999998</v>
      </c>
      <c r="F64">
        <v>3513.86</v>
      </c>
      <c r="G64">
        <v>111.676</v>
      </c>
    </row>
    <row r="65" spans="1:7" x14ac:dyDescent="0.25">
      <c r="A65">
        <v>0</v>
      </c>
      <c r="B65">
        <v>168.17099999999999</v>
      </c>
      <c r="C65">
        <v>197.14699999999999</v>
      </c>
      <c r="D65">
        <v>2870.87</v>
      </c>
      <c r="E65">
        <v>3.8110200000000001</v>
      </c>
      <c r="F65">
        <v>3961.22</v>
      </c>
      <c r="G65">
        <v>50.840899999999998</v>
      </c>
    </row>
    <row r="66" spans="1:7" x14ac:dyDescent="0.25">
      <c r="A66">
        <v>0</v>
      </c>
      <c r="B66">
        <v>171.32</v>
      </c>
      <c r="C66">
        <v>201.55699999999999</v>
      </c>
      <c r="D66">
        <v>7154.33</v>
      </c>
      <c r="E66">
        <v>3.6929099999999999</v>
      </c>
      <c r="F66">
        <v>3942</v>
      </c>
      <c r="G66">
        <v>105.71599999999999</v>
      </c>
    </row>
    <row r="67" spans="1:7" x14ac:dyDescent="0.25">
      <c r="A67">
        <v>0</v>
      </c>
      <c r="B67">
        <v>168.48599999999999</v>
      </c>
      <c r="C67">
        <v>201.87200000000001</v>
      </c>
      <c r="D67">
        <v>6351.18</v>
      </c>
      <c r="E67">
        <v>3.7873999999999999</v>
      </c>
      <c r="F67">
        <v>4754.25</v>
      </c>
      <c r="G67">
        <v>45.189799999999998</v>
      </c>
    </row>
    <row r="68" spans="1:7" x14ac:dyDescent="0.25">
      <c r="A68">
        <v>0</v>
      </c>
      <c r="B68">
        <v>156.202</v>
      </c>
      <c r="C68">
        <v>188.328</v>
      </c>
      <c r="D68">
        <v>3674.02</v>
      </c>
      <c r="E68">
        <v>2.5118100000000001</v>
      </c>
      <c r="F68">
        <v>5472.55</v>
      </c>
      <c r="G68">
        <v>28.1295</v>
      </c>
    </row>
    <row r="91" spans="1:7" x14ac:dyDescent="0.25">
      <c r="A91">
        <v>1</v>
      </c>
      <c r="B91">
        <v>137.62</v>
      </c>
      <c r="C91">
        <v>207.85599999999999</v>
      </c>
      <c r="D91">
        <v>15453.5</v>
      </c>
      <c r="E91">
        <v>3.9291299999999998</v>
      </c>
      <c r="F91">
        <v>17028.5</v>
      </c>
      <c r="G91">
        <v>17.475999999999999</v>
      </c>
    </row>
    <row r="92" spans="1:7" x14ac:dyDescent="0.25">
      <c r="A92">
        <v>1</v>
      </c>
      <c r="B92">
        <v>141.399</v>
      </c>
      <c r="C92">
        <v>188.958</v>
      </c>
      <c r="D92">
        <v>6485.04</v>
      </c>
      <c r="E92">
        <v>3.2677200000000002</v>
      </c>
      <c r="F92">
        <v>8045.02</v>
      </c>
      <c r="G92">
        <v>20.382400000000001</v>
      </c>
    </row>
    <row r="93" spans="1:7" x14ac:dyDescent="0.25">
      <c r="A93">
        <v>1</v>
      </c>
      <c r="B93">
        <v>135.41499999999999</v>
      </c>
      <c r="C93">
        <v>194.94300000000001</v>
      </c>
      <c r="D93">
        <v>18264.599999999999</v>
      </c>
      <c r="E93">
        <v>2.9133900000000001</v>
      </c>
      <c r="F93">
        <v>19954.7</v>
      </c>
      <c r="G93">
        <v>16.020700000000001</v>
      </c>
    </row>
    <row r="94" spans="1:7" x14ac:dyDescent="0.25">
      <c r="A94">
        <v>1</v>
      </c>
      <c r="B94">
        <v>174.47</v>
      </c>
      <c r="C94">
        <v>175.41499999999999</v>
      </c>
      <c r="D94">
        <v>7422.05</v>
      </c>
      <c r="E94">
        <v>3.0787399999999998</v>
      </c>
      <c r="F94">
        <v>3513.86</v>
      </c>
      <c r="G94">
        <v>111.676</v>
      </c>
    </row>
    <row r="95" spans="1:7" x14ac:dyDescent="0.25">
      <c r="A95">
        <v>1</v>
      </c>
      <c r="B95">
        <v>144.864</v>
      </c>
      <c r="C95">
        <v>186.75399999999999</v>
      </c>
      <c r="D95">
        <v>9697.64</v>
      </c>
      <c r="E95">
        <v>1.4252</v>
      </c>
      <c r="F95">
        <v>12736.7</v>
      </c>
      <c r="G95">
        <v>25.918299999999999</v>
      </c>
    </row>
    <row r="96" spans="1:7" x14ac:dyDescent="0.25">
      <c r="A96">
        <v>1</v>
      </c>
      <c r="B96">
        <v>173.21</v>
      </c>
      <c r="C96">
        <v>178.565</v>
      </c>
      <c r="D96">
        <v>7957.48</v>
      </c>
      <c r="E96">
        <v>3.0787399999999998</v>
      </c>
      <c r="F96">
        <v>3705.08</v>
      </c>
      <c r="G96">
        <v>113.797</v>
      </c>
    </row>
    <row r="97" spans="1:7" x14ac:dyDescent="0.25">
      <c r="A97">
        <v>1</v>
      </c>
      <c r="B97">
        <v>140.45400000000001</v>
      </c>
      <c r="C97">
        <v>215.1</v>
      </c>
      <c r="D97">
        <v>6618.9</v>
      </c>
      <c r="E97">
        <v>1.1653500000000001</v>
      </c>
      <c r="F97">
        <v>10475.200000000001</v>
      </c>
      <c r="G97">
        <v>18.6553</v>
      </c>
    </row>
    <row r="98" spans="1:7" x14ac:dyDescent="0.25">
      <c r="A98">
        <v>1</v>
      </c>
      <c r="B98">
        <v>167.85599999999999</v>
      </c>
      <c r="C98">
        <v>197.14699999999999</v>
      </c>
      <c r="D98">
        <v>6351.18</v>
      </c>
      <c r="E98">
        <v>3.7637800000000001</v>
      </c>
      <c r="F98">
        <v>5041.17</v>
      </c>
      <c r="G98">
        <v>77.935299999999998</v>
      </c>
    </row>
    <row r="99" spans="1:7" x14ac:dyDescent="0.25">
      <c r="A99">
        <v>1</v>
      </c>
      <c r="B99">
        <v>167.541</v>
      </c>
      <c r="C99">
        <v>192.423</v>
      </c>
      <c r="D99">
        <v>14918.1</v>
      </c>
      <c r="E99">
        <v>3.4803099999999998</v>
      </c>
      <c r="F99">
        <v>5386.56</v>
      </c>
      <c r="G99">
        <v>81.8583</v>
      </c>
    </row>
    <row r="100" spans="1:7" x14ac:dyDescent="0.25">
      <c r="A100">
        <v>1</v>
      </c>
      <c r="B100">
        <v>138.565</v>
      </c>
      <c r="C100">
        <v>186.75399999999999</v>
      </c>
      <c r="D100">
        <v>18532.3</v>
      </c>
      <c r="E100">
        <v>3.2204700000000002</v>
      </c>
      <c r="F100">
        <v>20180.3</v>
      </c>
      <c r="G100">
        <v>19.017800000000001</v>
      </c>
    </row>
    <row r="101" spans="1:7" x14ac:dyDescent="0.25">
      <c r="A101">
        <v>1</v>
      </c>
      <c r="B101">
        <v>161.24199999999999</v>
      </c>
      <c r="C101">
        <v>185.179</v>
      </c>
      <c r="D101">
        <v>7689.76</v>
      </c>
      <c r="E101">
        <v>3.64567</v>
      </c>
      <c r="F101">
        <v>8906.7099999999991</v>
      </c>
      <c r="G101">
        <v>28.116399999999999</v>
      </c>
    </row>
    <row r="102" spans="1:7" x14ac:dyDescent="0.25">
      <c r="A102">
        <v>1</v>
      </c>
      <c r="B102">
        <v>150.84800000000001</v>
      </c>
      <c r="C102">
        <v>201.55699999999999</v>
      </c>
      <c r="D102">
        <v>8626.77</v>
      </c>
      <c r="E102">
        <v>3.5275599999999998</v>
      </c>
      <c r="F102">
        <v>9840.99</v>
      </c>
      <c r="G102">
        <v>35.046199999999999</v>
      </c>
    </row>
    <row r="103" spans="1:7" x14ac:dyDescent="0.25">
      <c r="A103">
        <v>1</v>
      </c>
      <c r="B103">
        <v>167.85599999999999</v>
      </c>
      <c r="C103">
        <v>202.18700000000001</v>
      </c>
      <c r="D103">
        <v>6083.46</v>
      </c>
      <c r="E103">
        <v>3.7873999999999999</v>
      </c>
      <c r="F103">
        <v>5049.84</v>
      </c>
      <c r="G103">
        <v>77.584199999999996</v>
      </c>
    </row>
    <row r="104" spans="1:7" x14ac:dyDescent="0.25">
      <c r="A104">
        <v>1</v>
      </c>
      <c r="B104">
        <v>172.89500000000001</v>
      </c>
      <c r="C104">
        <v>211.63499999999999</v>
      </c>
      <c r="D104">
        <v>3406.3</v>
      </c>
      <c r="E104">
        <v>1.9448799999999999</v>
      </c>
      <c r="F104">
        <v>4201.84</v>
      </c>
      <c r="G104">
        <v>101.467</v>
      </c>
    </row>
    <row r="105" spans="1:7" x14ac:dyDescent="0.25">
      <c r="A105">
        <v>1</v>
      </c>
      <c r="B105">
        <v>166.28100000000001</v>
      </c>
      <c r="C105">
        <v>195.572</v>
      </c>
      <c r="D105">
        <v>7288.19</v>
      </c>
      <c r="E105">
        <v>1.02362</v>
      </c>
      <c r="F105">
        <v>7152.81</v>
      </c>
      <c r="G105">
        <v>19.911000000000001</v>
      </c>
    </row>
    <row r="106" spans="1:7" x14ac:dyDescent="0.25">
      <c r="A106">
        <v>1</v>
      </c>
      <c r="B106">
        <v>137.62</v>
      </c>
      <c r="C106">
        <v>199.03700000000001</v>
      </c>
      <c r="D106">
        <v>15587.4</v>
      </c>
      <c r="E106">
        <v>2.1338599999999999</v>
      </c>
      <c r="F106">
        <v>17869.900000000001</v>
      </c>
      <c r="G106">
        <v>17.889900000000001</v>
      </c>
    </row>
    <row r="107" spans="1:7" x14ac:dyDescent="0.25">
      <c r="A107">
        <v>1</v>
      </c>
      <c r="B107">
        <v>153.053</v>
      </c>
      <c r="C107">
        <v>214.155</v>
      </c>
      <c r="D107">
        <v>7555.91</v>
      </c>
      <c r="E107">
        <v>2.1810999999999998</v>
      </c>
      <c r="F107">
        <v>9495.17</v>
      </c>
      <c r="G107">
        <v>36.889800000000001</v>
      </c>
    </row>
    <row r="108" spans="1:7" x14ac:dyDescent="0.25">
      <c r="A108">
        <v>1</v>
      </c>
      <c r="B108">
        <v>144.23400000000001</v>
      </c>
      <c r="C108">
        <v>207.226</v>
      </c>
      <c r="D108">
        <v>5681.89</v>
      </c>
      <c r="E108">
        <v>1.99213</v>
      </c>
      <c r="F108">
        <v>7943.59</v>
      </c>
      <c r="G108">
        <v>20.519500000000001</v>
      </c>
    </row>
    <row r="109" spans="1:7" x14ac:dyDescent="0.25">
      <c r="A109">
        <v>1</v>
      </c>
      <c r="B109">
        <v>135.72999999999999</v>
      </c>
      <c r="C109">
        <v>207.85599999999999</v>
      </c>
      <c r="D109">
        <v>11170.1</v>
      </c>
      <c r="E109">
        <v>3.1732300000000002</v>
      </c>
      <c r="F109">
        <v>12682.2</v>
      </c>
      <c r="G109">
        <v>16.211099999999998</v>
      </c>
    </row>
    <row r="110" spans="1:7" x14ac:dyDescent="0.25">
      <c r="A110">
        <v>1</v>
      </c>
      <c r="B110">
        <v>149.273</v>
      </c>
      <c r="C110">
        <v>195.25700000000001</v>
      </c>
      <c r="D110">
        <v>7422.05</v>
      </c>
      <c r="E110">
        <v>3.8110200000000001</v>
      </c>
      <c r="F110">
        <v>8712.76</v>
      </c>
      <c r="G110">
        <v>31.866199999999999</v>
      </c>
    </row>
    <row r="111" spans="1:7" x14ac:dyDescent="0.25">
      <c r="A111">
        <v>1</v>
      </c>
      <c r="B111">
        <v>173.21</v>
      </c>
      <c r="C111">
        <v>201.87200000000001</v>
      </c>
      <c r="D111">
        <v>7422.05</v>
      </c>
      <c r="E111">
        <v>2.9370099999999999</v>
      </c>
      <c r="F111">
        <v>3716.28</v>
      </c>
      <c r="G111">
        <v>114.619</v>
      </c>
    </row>
    <row r="112" spans="1:7" x14ac:dyDescent="0.25">
      <c r="A112">
        <v>1</v>
      </c>
      <c r="B112">
        <v>155.572</v>
      </c>
      <c r="C112">
        <v>215.1</v>
      </c>
      <c r="D112">
        <v>16926</v>
      </c>
      <c r="E112">
        <v>3.00787</v>
      </c>
      <c r="F112">
        <v>18452.900000000001</v>
      </c>
      <c r="G112">
        <v>40.185600000000001</v>
      </c>
    </row>
    <row r="113" spans="1:7" x14ac:dyDescent="0.25">
      <c r="A113">
        <v>1</v>
      </c>
      <c r="B113">
        <v>173.21</v>
      </c>
      <c r="C113">
        <v>196.202</v>
      </c>
      <c r="D113">
        <v>7422.05</v>
      </c>
      <c r="E113">
        <v>3.5275599999999998</v>
      </c>
      <c r="F113">
        <v>3576.98</v>
      </c>
      <c r="G113">
        <v>108.012</v>
      </c>
    </row>
    <row r="114" spans="1:7" x14ac:dyDescent="0.25">
      <c r="A114">
        <v>1</v>
      </c>
      <c r="B114">
        <v>141.084</v>
      </c>
      <c r="C114">
        <v>215.1</v>
      </c>
      <c r="D114">
        <v>9296.06</v>
      </c>
      <c r="E114">
        <v>2.9370099999999999</v>
      </c>
      <c r="F114">
        <v>10784.9</v>
      </c>
      <c r="G114">
        <v>20.9787</v>
      </c>
    </row>
    <row r="115" spans="1:7" x14ac:dyDescent="0.25">
      <c r="A115">
        <v>1</v>
      </c>
      <c r="B115">
        <v>168.17099999999999</v>
      </c>
      <c r="C115">
        <v>188.328</v>
      </c>
      <c r="D115">
        <v>3406.3</v>
      </c>
      <c r="E115">
        <v>3.6929099999999999</v>
      </c>
      <c r="F115">
        <v>4684.22</v>
      </c>
      <c r="G115">
        <v>77.193799999999996</v>
      </c>
    </row>
    <row r="116" spans="1:7" x14ac:dyDescent="0.25">
      <c r="A116">
        <v>1</v>
      </c>
      <c r="B116">
        <v>155.887</v>
      </c>
      <c r="C116">
        <v>210.691</v>
      </c>
      <c r="D116">
        <v>3004.72</v>
      </c>
      <c r="E116">
        <v>3.1259800000000002</v>
      </c>
      <c r="F116">
        <v>4794.01</v>
      </c>
      <c r="G116">
        <v>36.7134</v>
      </c>
    </row>
    <row r="117" spans="1:7" x14ac:dyDescent="0.25">
      <c r="A117">
        <v>1</v>
      </c>
      <c r="B117">
        <v>144.23400000000001</v>
      </c>
      <c r="C117">
        <v>185.494</v>
      </c>
      <c r="D117">
        <v>6485.04</v>
      </c>
      <c r="E117">
        <v>3.64567</v>
      </c>
      <c r="F117">
        <v>7915.96</v>
      </c>
      <c r="G117">
        <v>25.565100000000001</v>
      </c>
    </row>
    <row r="118" spans="1:7" x14ac:dyDescent="0.25">
      <c r="A118">
        <v>1</v>
      </c>
      <c r="B118">
        <v>148.328</v>
      </c>
      <c r="C118">
        <v>199.352</v>
      </c>
      <c r="D118">
        <v>6886.61</v>
      </c>
      <c r="E118">
        <v>3.7873999999999999</v>
      </c>
      <c r="F118">
        <v>8165.68</v>
      </c>
      <c r="G118">
        <v>29.6297</v>
      </c>
    </row>
    <row r="119" spans="1:7" x14ac:dyDescent="0.25">
      <c r="A119">
        <v>1</v>
      </c>
      <c r="B119">
        <v>135.1</v>
      </c>
      <c r="C119">
        <v>212.89500000000001</v>
      </c>
      <c r="D119">
        <v>16658.3</v>
      </c>
      <c r="E119">
        <v>3.6692900000000002</v>
      </c>
      <c r="F119">
        <v>18198.099999999999</v>
      </c>
      <c r="G119">
        <v>15.944000000000001</v>
      </c>
    </row>
    <row r="120" spans="1:7" x14ac:dyDescent="0.25">
      <c r="A120">
        <v>1</v>
      </c>
      <c r="B120">
        <v>168.17099999999999</v>
      </c>
      <c r="C120">
        <v>197.14699999999999</v>
      </c>
      <c r="D120">
        <v>2870.87</v>
      </c>
      <c r="E120">
        <v>3.8110200000000001</v>
      </c>
      <c r="F120">
        <v>3961.22</v>
      </c>
      <c r="G120">
        <v>50.840899999999998</v>
      </c>
    </row>
    <row r="121" spans="1:7" x14ac:dyDescent="0.25">
      <c r="A121">
        <v>1</v>
      </c>
      <c r="B121">
        <v>167.85599999999999</v>
      </c>
      <c r="C121">
        <v>206.596</v>
      </c>
      <c r="D121">
        <v>15453.5</v>
      </c>
      <c r="E121">
        <v>3.7401599999999999</v>
      </c>
      <c r="F121">
        <v>5033.22</v>
      </c>
      <c r="G121">
        <v>78.266099999999994</v>
      </c>
    </row>
    <row r="122" spans="1:7" x14ac:dyDescent="0.25">
      <c r="A122">
        <v>1</v>
      </c>
      <c r="B122">
        <v>164.07599999999999</v>
      </c>
      <c r="C122">
        <v>197.14699999999999</v>
      </c>
      <c r="D122">
        <v>5012.6000000000004</v>
      </c>
      <c r="E122">
        <v>2.8897599999999999</v>
      </c>
      <c r="F122">
        <v>6374.13</v>
      </c>
      <c r="G122">
        <v>84.451400000000007</v>
      </c>
    </row>
    <row r="123" spans="1:7" x14ac:dyDescent="0.25">
      <c r="A123">
        <v>1</v>
      </c>
      <c r="B123">
        <v>135.41499999999999</v>
      </c>
      <c r="C123">
        <v>188.958</v>
      </c>
      <c r="D123">
        <v>6485.04</v>
      </c>
      <c r="E123">
        <v>2.8897599999999999</v>
      </c>
      <c r="F123">
        <v>8321.74</v>
      </c>
      <c r="G123">
        <v>30.448799999999999</v>
      </c>
    </row>
    <row r="124" spans="1:7" x14ac:dyDescent="0.25">
      <c r="A124">
        <v>1</v>
      </c>
      <c r="B124">
        <v>156.202</v>
      </c>
      <c r="C124">
        <v>190.84800000000001</v>
      </c>
      <c r="D124">
        <v>16524.400000000001</v>
      </c>
      <c r="E124">
        <v>2.6063000000000001</v>
      </c>
      <c r="F124">
        <v>18009.5</v>
      </c>
      <c r="G124">
        <v>34.780700000000003</v>
      </c>
    </row>
    <row r="125" spans="1:7" x14ac:dyDescent="0.25">
      <c r="A125">
        <v>1</v>
      </c>
      <c r="B125">
        <v>150.53299999999999</v>
      </c>
      <c r="C125">
        <v>185.179</v>
      </c>
      <c r="D125">
        <v>4744.88</v>
      </c>
      <c r="E125">
        <v>2.70079</v>
      </c>
      <c r="F125">
        <v>6500.62</v>
      </c>
      <c r="G125">
        <v>26.525700000000001</v>
      </c>
    </row>
    <row r="126" spans="1:7" x14ac:dyDescent="0.25">
      <c r="A126">
        <v>1</v>
      </c>
      <c r="B126">
        <v>140.45400000000001</v>
      </c>
      <c r="C126">
        <v>211.63499999999999</v>
      </c>
      <c r="D126">
        <v>7154.33</v>
      </c>
      <c r="E126">
        <v>3.6929099999999999</v>
      </c>
      <c r="F126">
        <v>8570.6200000000008</v>
      </c>
      <c r="G126">
        <v>18.480799999999999</v>
      </c>
    </row>
    <row r="127" spans="1:7" x14ac:dyDescent="0.25">
      <c r="A127">
        <v>1</v>
      </c>
      <c r="B127">
        <v>141.714</v>
      </c>
      <c r="C127">
        <v>205.96600000000001</v>
      </c>
      <c r="D127">
        <v>3674.02</v>
      </c>
      <c r="E127">
        <v>2.1338599999999999</v>
      </c>
      <c r="F127">
        <v>5965.37</v>
      </c>
      <c r="G127">
        <v>44.454700000000003</v>
      </c>
    </row>
    <row r="128" spans="1:7" x14ac:dyDescent="0.25">
      <c r="A128">
        <v>1</v>
      </c>
      <c r="B128">
        <v>155.572</v>
      </c>
      <c r="C128">
        <v>206.28100000000001</v>
      </c>
      <c r="D128">
        <v>2603.15</v>
      </c>
      <c r="E128">
        <v>2.70079</v>
      </c>
      <c r="F128">
        <v>4428.12</v>
      </c>
      <c r="G128">
        <v>39.406999999999996</v>
      </c>
    </row>
    <row r="129" spans="1:7" x14ac:dyDescent="0.25">
      <c r="A129">
        <v>1</v>
      </c>
      <c r="B129">
        <v>168.17099999999999</v>
      </c>
      <c r="C129">
        <v>196.517</v>
      </c>
      <c r="D129">
        <v>7422.05</v>
      </c>
      <c r="E129">
        <v>3.7165400000000002</v>
      </c>
      <c r="F129">
        <v>5066.6499999999996</v>
      </c>
      <c r="G129">
        <v>76.772000000000006</v>
      </c>
    </row>
    <row r="130" spans="1:7" x14ac:dyDescent="0.25">
      <c r="A130">
        <v>1</v>
      </c>
      <c r="B130">
        <v>168.17099999999999</v>
      </c>
      <c r="C130">
        <v>197.46199999999999</v>
      </c>
      <c r="D130">
        <v>7154.33</v>
      </c>
      <c r="E130">
        <v>3.7873999999999999</v>
      </c>
      <c r="F130">
        <v>4887.1899999999996</v>
      </c>
      <c r="G130">
        <v>51.542000000000002</v>
      </c>
    </row>
    <row r="131" spans="1:7" x14ac:dyDescent="0.25">
      <c r="A131">
        <v>1</v>
      </c>
      <c r="B131">
        <v>136.36000000000001</v>
      </c>
      <c r="C131">
        <v>209.11600000000001</v>
      </c>
      <c r="D131">
        <v>15453.5</v>
      </c>
      <c r="E131">
        <v>3.3622000000000001</v>
      </c>
      <c r="F131">
        <v>17178.3</v>
      </c>
      <c r="G131">
        <v>16.385200000000001</v>
      </c>
    </row>
    <row r="132" spans="1:7" x14ac:dyDescent="0.25">
      <c r="A132">
        <v>1</v>
      </c>
      <c r="B132">
        <v>171.32</v>
      </c>
      <c r="C132">
        <v>201.87200000000001</v>
      </c>
      <c r="D132">
        <v>7154.33</v>
      </c>
      <c r="E132">
        <v>3.6929099999999999</v>
      </c>
      <c r="F132">
        <v>3942</v>
      </c>
      <c r="G132">
        <v>105.71599999999999</v>
      </c>
    </row>
    <row r="133" spans="1:7" x14ac:dyDescent="0.25">
      <c r="A133">
        <v>1</v>
      </c>
      <c r="B133">
        <v>143.91900000000001</v>
      </c>
      <c r="C133">
        <v>199.03700000000001</v>
      </c>
      <c r="D133">
        <v>11170.1</v>
      </c>
      <c r="E133">
        <v>2.0866099999999999</v>
      </c>
      <c r="F133">
        <v>13305.2</v>
      </c>
      <c r="G133">
        <v>24.988299999999999</v>
      </c>
    </row>
    <row r="134" spans="1:7" x14ac:dyDescent="0.25">
      <c r="A134">
        <v>1</v>
      </c>
      <c r="B134">
        <v>156.83199999999999</v>
      </c>
      <c r="C134">
        <v>209.43100000000001</v>
      </c>
      <c r="D134">
        <v>7422.05</v>
      </c>
      <c r="E134">
        <v>1.7795300000000001</v>
      </c>
      <c r="F134">
        <v>9693.33</v>
      </c>
      <c r="G134">
        <v>25.641300000000001</v>
      </c>
    </row>
    <row r="135" spans="1:7" x14ac:dyDescent="0.25">
      <c r="A135">
        <v>1</v>
      </c>
      <c r="B135">
        <v>148.01300000000001</v>
      </c>
      <c r="C135">
        <v>195.25700000000001</v>
      </c>
      <c r="D135">
        <v>15721.3</v>
      </c>
      <c r="E135">
        <v>3.7401599999999999</v>
      </c>
      <c r="F135">
        <v>17006</v>
      </c>
      <c r="G135">
        <v>29.059100000000001</v>
      </c>
    </row>
    <row r="136" spans="1:7" x14ac:dyDescent="0.25">
      <c r="A136">
        <v>1</v>
      </c>
      <c r="B136">
        <v>168.48599999999999</v>
      </c>
      <c r="C136">
        <v>201.55699999999999</v>
      </c>
      <c r="D136">
        <v>7422.05</v>
      </c>
      <c r="E136">
        <v>3.6929099999999999</v>
      </c>
      <c r="F136">
        <v>4802.58</v>
      </c>
      <c r="G136">
        <v>48.150500000000001</v>
      </c>
    </row>
    <row r="137" spans="1:7" x14ac:dyDescent="0.25">
      <c r="A137">
        <v>1</v>
      </c>
      <c r="B137">
        <v>142.97399999999999</v>
      </c>
      <c r="C137">
        <v>206.911</v>
      </c>
      <c r="D137">
        <v>9697.64</v>
      </c>
      <c r="E137">
        <v>1.44882</v>
      </c>
      <c r="F137">
        <v>12744.4</v>
      </c>
      <c r="G137">
        <v>23.170100000000001</v>
      </c>
    </row>
    <row r="138" spans="1:7" x14ac:dyDescent="0.25">
      <c r="A138">
        <v>1</v>
      </c>
      <c r="B138">
        <v>172.58</v>
      </c>
      <c r="C138">
        <v>180.45400000000001</v>
      </c>
      <c r="D138">
        <v>7154.33</v>
      </c>
      <c r="E138">
        <v>2.9370099999999999</v>
      </c>
      <c r="F138">
        <v>3798.12</v>
      </c>
      <c r="G138">
        <v>113.736</v>
      </c>
    </row>
    <row r="139" spans="1:7" x14ac:dyDescent="0.25">
      <c r="A139">
        <v>1</v>
      </c>
      <c r="B139">
        <v>168.48599999999999</v>
      </c>
      <c r="C139">
        <v>201.55699999999999</v>
      </c>
      <c r="D139">
        <v>7422.05</v>
      </c>
      <c r="E139">
        <v>3.6929099999999999</v>
      </c>
      <c r="F139">
        <v>4802.58</v>
      </c>
      <c r="G139">
        <v>48.150500000000001</v>
      </c>
    </row>
    <row r="140" spans="1:7" x14ac:dyDescent="0.25">
      <c r="A140">
        <v>1</v>
      </c>
      <c r="B140">
        <v>173.21</v>
      </c>
      <c r="C140">
        <v>212.58</v>
      </c>
      <c r="D140">
        <v>14918.1</v>
      </c>
      <c r="E140">
        <v>3.7873999999999999</v>
      </c>
      <c r="F140">
        <v>3575.56</v>
      </c>
      <c r="G140">
        <v>107.048</v>
      </c>
    </row>
    <row r="141" spans="1:7" x14ac:dyDescent="0.25">
      <c r="A141">
        <v>1</v>
      </c>
      <c r="B141">
        <v>171.63499999999999</v>
      </c>
      <c r="C141">
        <v>196.83199999999999</v>
      </c>
      <c r="D141">
        <v>7422.05</v>
      </c>
      <c r="E141">
        <v>3.6929099999999999</v>
      </c>
      <c r="F141">
        <v>3899.01</v>
      </c>
      <c r="G141">
        <v>106.077</v>
      </c>
    </row>
    <row r="142" spans="1:7" x14ac:dyDescent="0.25">
      <c r="A142">
        <v>1</v>
      </c>
      <c r="B142">
        <v>135.41499999999999</v>
      </c>
      <c r="C142">
        <v>211.95</v>
      </c>
      <c r="D142">
        <v>9563.7800000000007</v>
      </c>
      <c r="E142">
        <v>1.99213</v>
      </c>
      <c r="F142">
        <v>12085.4</v>
      </c>
      <c r="G142">
        <v>15.663500000000001</v>
      </c>
    </row>
    <row r="143" spans="1:7" x14ac:dyDescent="0.25">
      <c r="A143">
        <v>1</v>
      </c>
      <c r="B143">
        <v>147.69800000000001</v>
      </c>
      <c r="C143">
        <v>196.202</v>
      </c>
      <c r="D143">
        <v>7422.05</v>
      </c>
      <c r="E143">
        <v>3.7873999999999999</v>
      </c>
      <c r="F143">
        <v>8660.99</v>
      </c>
      <c r="G143">
        <v>28.834499999999998</v>
      </c>
    </row>
    <row r="144" spans="1:7" x14ac:dyDescent="0.25">
      <c r="A144">
        <v>1</v>
      </c>
      <c r="B144">
        <v>143.60400000000001</v>
      </c>
      <c r="C144">
        <v>205.96600000000001</v>
      </c>
      <c r="D144">
        <v>7823.62</v>
      </c>
      <c r="E144">
        <v>2.2755899999999998</v>
      </c>
      <c r="F144">
        <v>9846.2099999999991</v>
      </c>
      <c r="G144">
        <v>24.5349</v>
      </c>
    </row>
    <row r="145" spans="1:7" x14ac:dyDescent="0.25">
      <c r="A145">
        <v>1</v>
      </c>
      <c r="B145">
        <v>157.77699999999999</v>
      </c>
      <c r="C145">
        <v>199.667</v>
      </c>
      <c r="D145">
        <v>2870.87</v>
      </c>
      <c r="E145">
        <v>2.6063000000000001</v>
      </c>
      <c r="F145">
        <v>4757.88</v>
      </c>
      <c r="G145">
        <v>48.311500000000002</v>
      </c>
    </row>
    <row r="146" spans="1:7" x14ac:dyDescent="0.25">
      <c r="A146">
        <v>1</v>
      </c>
      <c r="B146">
        <v>168.80099999999999</v>
      </c>
      <c r="C146">
        <v>197.14699999999999</v>
      </c>
      <c r="D146">
        <v>7154.33</v>
      </c>
      <c r="E146">
        <v>4</v>
      </c>
      <c r="F146">
        <v>4525.55</v>
      </c>
      <c r="G146">
        <v>100.836</v>
      </c>
    </row>
    <row r="147" spans="1:7" x14ac:dyDescent="0.25">
      <c r="A147">
        <v>1</v>
      </c>
      <c r="B147">
        <v>160.61199999999999</v>
      </c>
      <c r="C147">
        <v>201.87200000000001</v>
      </c>
      <c r="D147">
        <v>6351.18</v>
      </c>
      <c r="E147">
        <v>2.1338599999999999</v>
      </c>
      <c r="F147">
        <v>8224.4599999999991</v>
      </c>
      <c r="G147">
        <v>61.488599999999998</v>
      </c>
    </row>
    <row r="148" spans="1:7" x14ac:dyDescent="0.25">
      <c r="A148">
        <v>1</v>
      </c>
      <c r="B148">
        <v>155.572</v>
      </c>
      <c r="C148">
        <v>182.029</v>
      </c>
      <c r="D148">
        <v>10099.200000000001</v>
      </c>
      <c r="E148">
        <v>2.9133900000000001</v>
      </c>
      <c r="F148">
        <v>11612</v>
      </c>
      <c r="G148">
        <v>40.081200000000003</v>
      </c>
    </row>
    <row r="149" spans="1:7" x14ac:dyDescent="0.25">
      <c r="A149">
        <v>1</v>
      </c>
      <c r="B149">
        <v>141.399</v>
      </c>
      <c r="C149">
        <v>188.958</v>
      </c>
      <c r="D149">
        <v>6485.04</v>
      </c>
      <c r="E149">
        <v>3.2677200000000002</v>
      </c>
      <c r="F149">
        <v>8045.02</v>
      </c>
      <c r="G149">
        <v>20.382400000000001</v>
      </c>
    </row>
    <row r="150" spans="1:7" x14ac:dyDescent="0.25">
      <c r="A150">
        <v>1</v>
      </c>
      <c r="B150">
        <v>137.62</v>
      </c>
      <c r="C150">
        <v>182.65899999999999</v>
      </c>
      <c r="D150">
        <v>2067.7199999999998</v>
      </c>
      <c r="E150">
        <v>3.9291299999999998</v>
      </c>
      <c r="F150">
        <v>4421.97</v>
      </c>
      <c r="G150">
        <v>119.351</v>
      </c>
    </row>
    <row r="151" spans="1:7" x14ac:dyDescent="0.25">
      <c r="A151">
        <v>1</v>
      </c>
      <c r="B151">
        <v>166.28100000000001</v>
      </c>
      <c r="C151">
        <v>195.572</v>
      </c>
      <c r="D151">
        <v>7288.19</v>
      </c>
      <c r="E151">
        <v>1.02362</v>
      </c>
      <c r="F151">
        <v>7152.81</v>
      </c>
      <c r="G151">
        <v>19.911000000000001</v>
      </c>
    </row>
    <row r="152" spans="1:7" x14ac:dyDescent="0.25">
      <c r="A152">
        <v>1</v>
      </c>
      <c r="B152">
        <v>135.41499999999999</v>
      </c>
      <c r="C152">
        <v>211.95</v>
      </c>
      <c r="D152">
        <v>9563.7800000000007</v>
      </c>
      <c r="E152">
        <v>1.99213</v>
      </c>
      <c r="F152">
        <v>12085.4</v>
      </c>
      <c r="G152">
        <v>15.663500000000001</v>
      </c>
    </row>
    <row r="153" spans="1:7" x14ac:dyDescent="0.25">
      <c r="A153">
        <v>1</v>
      </c>
      <c r="B153">
        <v>135.41499999999999</v>
      </c>
      <c r="C153">
        <v>211.95</v>
      </c>
      <c r="D153">
        <v>9563.7800000000007</v>
      </c>
      <c r="E153">
        <v>1.99213</v>
      </c>
      <c r="F153">
        <v>12085.4</v>
      </c>
      <c r="G153">
        <v>15.663500000000001</v>
      </c>
    </row>
    <row r="154" spans="1:7" x14ac:dyDescent="0.25">
      <c r="A154">
        <v>1</v>
      </c>
      <c r="B154">
        <v>174.47</v>
      </c>
      <c r="C154">
        <v>175.41499999999999</v>
      </c>
      <c r="D154">
        <v>7422.05</v>
      </c>
      <c r="E154">
        <v>3.0787399999999998</v>
      </c>
      <c r="F154">
        <v>3513.86</v>
      </c>
      <c r="G154">
        <v>111.676</v>
      </c>
    </row>
    <row r="155" spans="1:7" x14ac:dyDescent="0.25">
      <c r="A155">
        <v>1</v>
      </c>
      <c r="B155">
        <v>168.17099999999999</v>
      </c>
      <c r="C155">
        <v>197.14699999999999</v>
      </c>
      <c r="D155">
        <v>2870.87</v>
      </c>
      <c r="E155">
        <v>3.8110200000000001</v>
      </c>
      <c r="F155">
        <v>3961.22</v>
      </c>
      <c r="G155">
        <v>50.840899999999998</v>
      </c>
    </row>
    <row r="156" spans="1:7" x14ac:dyDescent="0.25">
      <c r="A156">
        <v>1</v>
      </c>
      <c r="B156">
        <v>171.32</v>
      </c>
      <c r="C156">
        <v>201.87200000000001</v>
      </c>
      <c r="D156">
        <v>7154.33</v>
      </c>
      <c r="E156">
        <v>3.6929099999999999</v>
      </c>
      <c r="F156">
        <v>3942</v>
      </c>
      <c r="G156">
        <v>105.71599999999999</v>
      </c>
    </row>
    <row r="157" spans="1:7" x14ac:dyDescent="0.25">
      <c r="A157">
        <v>1</v>
      </c>
      <c r="B157">
        <v>155.572</v>
      </c>
      <c r="C157">
        <v>206.28100000000001</v>
      </c>
      <c r="D157">
        <v>2603.15</v>
      </c>
      <c r="E157">
        <v>2.70079</v>
      </c>
      <c r="F157">
        <v>4428.12</v>
      </c>
      <c r="G157">
        <v>39.406999999999996</v>
      </c>
    </row>
    <row r="158" spans="1:7" x14ac:dyDescent="0.25">
      <c r="A158">
        <v>1</v>
      </c>
      <c r="B158">
        <v>156.202</v>
      </c>
      <c r="C158">
        <v>188.328</v>
      </c>
      <c r="D158">
        <v>3674.02</v>
      </c>
      <c r="E158">
        <v>2.5118100000000001</v>
      </c>
      <c r="F158">
        <v>5472.55</v>
      </c>
      <c r="G158">
        <v>28.1295</v>
      </c>
    </row>
    <row r="159" spans="1:7" x14ac:dyDescent="0.25">
      <c r="A159">
        <v>1</v>
      </c>
      <c r="B159">
        <v>155.887</v>
      </c>
      <c r="C159">
        <v>210.691</v>
      </c>
      <c r="D159">
        <v>3004.72</v>
      </c>
      <c r="E159">
        <v>3.1259800000000002</v>
      </c>
      <c r="F159">
        <v>4794.01</v>
      </c>
      <c r="G159">
        <v>36.7134</v>
      </c>
    </row>
    <row r="160" spans="1:7" x14ac:dyDescent="0.25">
      <c r="A160">
        <v>1</v>
      </c>
      <c r="B160">
        <v>150.53299999999999</v>
      </c>
      <c r="C160">
        <v>185.179</v>
      </c>
      <c r="D160">
        <v>4744.88</v>
      </c>
      <c r="E160">
        <v>2.70079</v>
      </c>
      <c r="F160">
        <v>6500.62</v>
      </c>
      <c r="G160">
        <v>26.525700000000001</v>
      </c>
    </row>
    <row r="161" spans="1:7" x14ac:dyDescent="0.25">
      <c r="A161">
        <v>1</v>
      </c>
      <c r="B161">
        <v>140.45400000000001</v>
      </c>
      <c r="C161">
        <v>211.63499999999999</v>
      </c>
      <c r="D161">
        <v>7154.33</v>
      </c>
      <c r="E161">
        <v>3.6929099999999999</v>
      </c>
      <c r="F161">
        <v>8570.6200000000008</v>
      </c>
      <c r="G161">
        <v>18.480799999999999</v>
      </c>
    </row>
    <row r="162" spans="1:7" x14ac:dyDescent="0.25">
      <c r="A162">
        <v>1</v>
      </c>
      <c r="B162">
        <v>173.21</v>
      </c>
      <c r="C162">
        <v>212.58</v>
      </c>
      <c r="D162">
        <v>14918.1</v>
      </c>
      <c r="E162">
        <v>3.7873999999999999</v>
      </c>
      <c r="F162">
        <v>3575.56</v>
      </c>
      <c r="G162">
        <v>107.048</v>
      </c>
    </row>
    <row r="163" spans="1:7" x14ac:dyDescent="0.25">
      <c r="A163">
        <v>1</v>
      </c>
      <c r="B163">
        <v>171.63499999999999</v>
      </c>
      <c r="C163">
        <v>196.83199999999999</v>
      </c>
      <c r="D163">
        <v>7422.05</v>
      </c>
      <c r="E163">
        <v>3.6929099999999999</v>
      </c>
      <c r="F163">
        <v>3899.01</v>
      </c>
      <c r="G163">
        <v>106.077</v>
      </c>
    </row>
    <row r="181" spans="1:7" x14ac:dyDescent="0.25">
      <c r="A181">
        <v>2</v>
      </c>
      <c r="B181">
        <v>166.28100000000001</v>
      </c>
      <c r="C181">
        <v>195.572</v>
      </c>
      <c r="D181">
        <v>7288.19</v>
      </c>
      <c r="E181">
        <v>1.02362</v>
      </c>
      <c r="F181">
        <v>7152.81</v>
      </c>
      <c r="G181">
        <v>19.911000000000001</v>
      </c>
    </row>
    <row r="182" spans="1:7" x14ac:dyDescent="0.25">
      <c r="A182">
        <v>2</v>
      </c>
      <c r="B182">
        <v>155.887</v>
      </c>
      <c r="C182">
        <v>210.691</v>
      </c>
      <c r="D182">
        <v>3004.72</v>
      </c>
      <c r="E182">
        <v>3.1259800000000002</v>
      </c>
      <c r="F182">
        <v>4794.01</v>
      </c>
      <c r="G182">
        <v>36.7134</v>
      </c>
    </row>
    <row r="183" spans="1:7" x14ac:dyDescent="0.25">
      <c r="A183">
        <v>2</v>
      </c>
      <c r="B183">
        <v>168.17099999999999</v>
      </c>
      <c r="C183">
        <v>197.14699999999999</v>
      </c>
      <c r="D183">
        <v>2870.87</v>
      </c>
      <c r="E183">
        <v>3.8110200000000001</v>
      </c>
      <c r="F183">
        <v>3961.22</v>
      </c>
      <c r="G183">
        <v>50.840899999999998</v>
      </c>
    </row>
    <row r="184" spans="1:7" x14ac:dyDescent="0.25">
      <c r="A184">
        <v>2</v>
      </c>
      <c r="B184">
        <v>150.53299999999999</v>
      </c>
      <c r="C184">
        <v>185.179</v>
      </c>
      <c r="D184">
        <v>4744.88</v>
      </c>
      <c r="E184">
        <v>2.70079</v>
      </c>
      <c r="F184">
        <v>6500.62</v>
      </c>
      <c r="G184">
        <v>26.525700000000001</v>
      </c>
    </row>
    <row r="185" spans="1:7" x14ac:dyDescent="0.25">
      <c r="A185">
        <v>2</v>
      </c>
      <c r="B185">
        <v>143.91900000000001</v>
      </c>
      <c r="C185">
        <v>205.33600000000001</v>
      </c>
      <c r="D185">
        <v>18800</v>
      </c>
      <c r="E185">
        <v>2.4645700000000001</v>
      </c>
      <c r="F185">
        <v>20714.599999999999</v>
      </c>
      <c r="G185">
        <v>25.0562</v>
      </c>
    </row>
    <row r="186" spans="1:7" x14ac:dyDescent="0.25">
      <c r="A186">
        <v>2</v>
      </c>
      <c r="B186">
        <v>137.62</v>
      </c>
      <c r="C186">
        <v>209.11600000000001</v>
      </c>
      <c r="D186">
        <v>15453.5</v>
      </c>
      <c r="E186">
        <v>3.9291299999999998</v>
      </c>
      <c r="F186">
        <v>17021.5</v>
      </c>
      <c r="G186">
        <v>17.475999999999999</v>
      </c>
    </row>
    <row r="187" spans="1:7" x14ac:dyDescent="0.25">
      <c r="A187">
        <v>2</v>
      </c>
      <c r="B187">
        <v>159.03700000000001</v>
      </c>
      <c r="C187">
        <v>176.36</v>
      </c>
      <c r="D187">
        <v>7288.19</v>
      </c>
      <c r="E187">
        <v>3.6692900000000002</v>
      </c>
      <c r="F187">
        <v>8505.52</v>
      </c>
      <c r="G187">
        <v>56.387999999999998</v>
      </c>
    </row>
    <row r="188" spans="1:7" x14ac:dyDescent="0.25">
      <c r="A188">
        <v>2</v>
      </c>
      <c r="B188">
        <v>168.80099999999999</v>
      </c>
      <c r="C188">
        <v>195.887</v>
      </c>
      <c r="D188">
        <v>7154.33</v>
      </c>
      <c r="E188">
        <v>3.5275599999999998</v>
      </c>
      <c r="F188">
        <v>4776.12</v>
      </c>
      <c r="G188">
        <v>47.3797</v>
      </c>
    </row>
    <row r="189" spans="1:7" x14ac:dyDescent="0.25">
      <c r="A189">
        <v>2</v>
      </c>
      <c r="B189">
        <v>137.62</v>
      </c>
      <c r="C189">
        <v>212.89500000000001</v>
      </c>
      <c r="D189">
        <v>16524.400000000001</v>
      </c>
      <c r="E189">
        <v>3.7637800000000001</v>
      </c>
      <c r="F189">
        <v>18076.5</v>
      </c>
      <c r="G189">
        <v>17.520299999999999</v>
      </c>
    </row>
    <row r="190" spans="1:7" x14ac:dyDescent="0.25">
      <c r="A190">
        <v>2</v>
      </c>
      <c r="B190">
        <v>140.45400000000001</v>
      </c>
      <c r="C190">
        <v>215.1</v>
      </c>
      <c r="D190">
        <v>9296.06</v>
      </c>
      <c r="E190">
        <v>1.54331</v>
      </c>
      <c r="F190">
        <v>12019.3</v>
      </c>
      <c r="G190">
        <v>20.2303</v>
      </c>
    </row>
    <row r="191" spans="1:7" x14ac:dyDescent="0.25">
      <c r="A191">
        <v>2</v>
      </c>
      <c r="B191">
        <v>150.53299999999999</v>
      </c>
      <c r="C191">
        <v>195.887</v>
      </c>
      <c r="D191">
        <v>3138.58</v>
      </c>
      <c r="E191">
        <v>2.20472</v>
      </c>
      <c r="F191">
        <v>5288.37</v>
      </c>
      <c r="G191">
        <v>30.3856</v>
      </c>
    </row>
    <row r="192" spans="1:7" x14ac:dyDescent="0.25">
      <c r="A192">
        <v>2</v>
      </c>
      <c r="B192">
        <v>160.61199999999999</v>
      </c>
      <c r="C192">
        <v>205.02099999999999</v>
      </c>
      <c r="D192">
        <v>7689.76</v>
      </c>
      <c r="E192">
        <v>1.82677</v>
      </c>
      <c r="F192">
        <v>9807.69</v>
      </c>
      <c r="G192">
        <v>62.249600000000001</v>
      </c>
    </row>
    <row r="193" spans="1:7" x14ac:dyDescent="0.25">
      <c r="A193">
        <v>2</v>
      </c>
      <c r="B193">
        <v>135.41499999999999</v>
      </c>
      <c r="C193">
        <v>206.596</v>
      </c>
      <c r="D193">
        <v>15185.8</v>
      </c>
      <c r="E193">
        <v>3.3622000000000001</v>
      </c>
      <c r="F193">
        <v>16830.599999999999</v>
      </c>
      <c r="G193">
        <v>16.125399999999999</v>
      </c>
    </row>
    <row r="194" spans="1:7" x14ac:dyDescent="0.25">
      <c r="A194">
        <v>2</v>
      </c>
      <c r="B194">
        <v>156.517</v>
      </c>
      <c r="C194">
        <v>206.911</v>
      </c>
      <c r="D194">
        <v>7422.05</v>
      </c>
      <c r="E194">
        <v>2.9370099999999999</v>
      </c>
      <c r="F194">
        <v>9023.92</v>
      </c>
      <c r="G194">
        <v>31.616</v>
      </c>
    </row>
    <row r="195" spans="1:7" x14ac:dyDescent="0.25">
      <c r="A195">
        <v>2</v>
      </c>
      <c r="B195">
        <v>155.572</v>
      </c>
      <c r="C195">
        <v>206.28100000000001</v>
      </c>
      <c r="D195">
        <v>7689.76</v>
      </c>
      <c r="E195">
        <v>2.5354299999999999</v>
      </c>
      <c r="F195">
        <v>9288.19</v>
      </c>
      <c r="G195">
        <v>39.283499999999997</v>
      </c>
    </row>
    <row r="196" spans="1:7" x14ac:dyDescent="0.25">
      <c r="A196">
        <v>2</v>
      </c>
      <c r="B196">
        <v>174.47</v>
      </c>
      <c r="C196">
        <v>175.41499999999999</v>
      </c>
      <c r="D196">
        <v>7422.05</v>
      </c>
      <c r="E196">
        <v>3.8582700000000001</v>
      </c>
      <c r="F196">
        <v>3358.18</v>
      </c>
      <c r="G196">
        <v>106.91500000000001</v>
      </c>
    </row>
    <row r="197" spans="1:7" x14ac:dyDescent="0.25">
      <c r="A197">
        <v>2</v>
      </c>
      <c r="B197">
        <v>145.494</v>
      </c>
      <c r="C197">
        <v>195.887</v>
      </c>
      <c r="D197">
        <v>5012.6000000000004</v>
      </c>
      <c r="E197">
        <v>3.3149600000000001</v>
      </c>
      <c r="F197">
        <v>6539.73</v>
      </c>
      <c r="G197">
        <v>21.848099999999999</v>
      </c>
    </row>
    <row r="198" spans="1:7" x14ac:dyDescent="0.25">
      <c r="A198">
        <v>2</v>
      </c>
      <c r="B198">
        <v>135.41499999999999</v>
      </c>
      <c r="C198">
        <v>210.691</v>
      </c>
      <c r="D198">
        <v>7689.76</v>
      </c>
      <c r="E198">
        <v>1.07087</v>
      </c>
      <c r="F198">
        <v>11349</v>
      </c>
      <c r="G198">
        <v>14.9438</v>
      </c>
    </row>
    <row r="199" spans="1:7" x14ac:dyDescent="0.25">
      <c r="A199">
        <v>2</v>
      </c>
      <c r="B199">
        <v>167.85599999999999</v>
      </c>
      <c r="C199">
        <v>196.202</v>
      </c>
      <c r="D199">
        <v>7154.33</v>
      </c>
      <c r="E199">
        <v>3.90551</v>
      </c>
      <c r="F199">
        <v>5101.54</v>
      </c>
      <c r="G199">
        <v>75.598699999999994</v>
      </c>
    </row>
    <row r="200" spans="1:7" x14ac:dyDescent="0.25">
      <c r="A200">
        <v>2</v>
      </c>
      <c r="B200">
        <v>168.17099999999999</v>
      </c>
      <c r="C200">
        <v>211.95</v>
      </c>
      <c r="D200">
        <v>7422.05</v>
      </c>
      <c r="E200">
        <v>3.6929099999999999</v>
      </c>
      <c r="F200">
        <v>5055.7</v>
      </c>
      <c r="G200">
        <v>77.193799999999996</v>
      </c>
    </row>
    <row r="201" spans="1:7" x14ac:dyDescent="0.25">
      <c r="A201">
        <v>2</v>
      </c>
      <c r="B201">
        <v>170.376</v>
      </c>
      <c r="C201">
        <v>206.596</v>
      </c>
      <c r="D201">
        <v>2603.15</v>
      </c>
      <c r="E201">
        <v>1.1889799999999999</v>
      </c>
      <c r="F201">
        <v>5300.7</v>
      </c>
      <c r="G201">
        <v>90.1738</v>
      </c>
    </row>
    <row r="202" spans="1:7" x14ac:dyDescent="0.25">
      <c r="A202">
        <v>2</v>
      </c>
      <c r="B202">
        <v>141.399</v>
      </c>
      <c r="C202">
        <v>199.03700000000001</v>
      </c>
      <c r="D202">
        <v>6351.18</v>
      </c>
      <c r="E202">
        <v>3.9291299999999998</v>
      </c>
      <c r="F202">
        <v>7706.73</v>
      </c>
      <c r="G202">
        <v>20.156500000000001</v>
      </c>
    </row>
    <row r="203" spans="1:7" x14ac:dyDescent="0.25">
      <c r="A203">
        <v>2</v>
      </c>
      <c r="B203">
        <v>170.376</v>
      </c>
      <c r="C203">
        <v>178.88</v>
      </c>
      <c r="D203">
        <v>3138.58</v>
      </c>
      <c r="E203">
        <v>2.79528</v>
      </c>
      <c r="F203">
        <v>4418.37</v>
      </c>
      <c r="G203">
        <v>83.508200000000002</v>
      </c>
    </row>
    <row r="204" spans="1:7" x14ac:dyDescent="0.25">
      <c r="A204">
        <v>2</v>
      </c>
      <c r="B204">
        <v>155.887</v>
      </c>
      <c r="C204">
        <v>210.691</v>
      </c>
      <c r="D204">
        <v>7288.19</v>
      </c>
      <c r="E204">
        <v>3.2204700000000002</v>
      </c>
      <c r="F204">
        <v>8603.76</v>
      </c>
      <c r="G204">
        <v>41.289400000000001</v>
      </c>
    </row>
    <row r="205" spans="1:7" x14ac:dyDescent="0.25">
      <c r="A205">
        <v>2</v>
      </c>
      <c r="B205">
        <v>140.45400000000001</v>
      </c>
      <c r="C205">
        <v>214.785</v>
      </c>
      <c r="D205">
        <v>7689.76</v>
      </c>
      <c r="E205">
        <v>2.9370099999999999</v>
      </c>
      <c r="F205">
        <v>9337.69</v>
      </c>
      <c r="G205">
        <v>20.8491</v>
      </c>
    </row>
    <row r="206" spans="1:7" x14ac:dyDescent="0.25">
      <c r="A206">
        <v>2</v>
      </c>
      <c r="B206">
        <v>144.23400000000001</v>
      </c>
      <c r="C206">
        <v>196.202</v>
      </c>
      <c r="D206">
        <v>3674.02</v>
      </c>
      <c r="E206">
        <v>1.82677</v>
      </c>
      <c r="F206">
        <v>6031.08</v>
      </c>
      <c r="G206">
        <v>35.438699999999997</v>
      </c>
    </row>
    <row r="207" spans="1:7" x14ac:dyDescent="0.25">
      <c r="A207">
        <v>2</v>
      </c>
      <c r="B207">
        <v>140.13900000000001</v>
      </c>
      <c r="C207">
        <v>207.85599999999999</v>
      </c>
      <c r="D207">
        <v>15052</v>
      </c>
      <c r="E207">
        <v>3.2677200000000002</v>
      </c>
      <c r="F207">
        <v>16596.5</v>
      </c>
      <c r="G207">
        <v>20.787700000000001</v>
      </c>
    </row>
    <row r="208" spans="1:7" x14ac:dyDescent="0.25">
      <c r="A208">
        <v>2</v>
      </c>
      <c r="B208">
        <v>135.41499999999999</v>
      </c>
      <c r="C208">
        <v>206.911</v>
      </c>
      <c r="D208">
        <v>4744.88</v>
      </c>
      <c r="E208">
        <v>2.70079</v>
      </c>
      <c r="F208">
        <v>6729.38</v>
      </c>
      <c r="G208">
        <v>53.749099999999999</v>
      </c>
    </row>
    <row r="209" spans="1:7" x14ac:dyDescent="0.25">
      <c r="A209">
        <v>2</v>
      </c>
      <c r="B209">
        <v>150.53299999999999</v>
      </c>
      <c r="C209">
        <v>214.47</v>
      </c>
      <c r="D209">
        <v>6351.18</v>
      </c>
      <c r="E209">
        <v>2.6771699999999998</v>
      </c>
      <c r="F209">
        <v>7894.62</v>
      </c>
      <c r="G209">
        <v>34.1892</v>
      </c>
    </row>
    <row r="210" spans="1:7" x14ac:dyDescent="0.25">
      <c r="A210">
        <v>2</v>
      </c>
      <c r="B210">
        <v>143.60400000000001</v>
      </c>
      <c r="C210">
        <v>197.14699999999999</v>
      </c>
      <c r="D210">
        <v>6752.76</v>
      </c>
      <c r="E210">
        <v>3.7873999999999999</v>
      </c>
      <c r="F210">
        <v>8141</v>
      </c>
      <c r="G210">
        <v>24.4251</v>
      </c>
    </row>
    <row r="211" spans="1:7" x14ac:dyDescent="0.25">
      <c r="A211">
        <v>2</v>
      </c>
      <c r="B211">
        <v>150.53299999999999</v>
      </c>
      <c r="C211">
        <v>192.423</v>
      </c>
      <c r="D211">
        <v>8760.6299999999992</v>
      </c>
      <c r="E211">
        <v>2.8189000000000002</v>
      </c>
      <c r="F211">
        <v>10320.5</v>
      </c>
      <c r="G211">
        <v>34.269599999999997</v>
      </c>
    </row>
    <row r="212" spans="1:7" x14ac:dyDescent="0.25">
      <c r="A212">
        <v>2</v>
      </c>
      <c r="B212">
        <v>150.53299999999999</v>
      </c>
      <c r="C212">
        <v>185.179</v>
      </c>
      <c r="D212">
        <v>2603.15</v>
      </c>
      <c r="E212">
        <v>3.2677200000000002</v>
      </c>
      <c r="F212">
        <v>4456.99</v>
      </c>
      <c r="G212">
        <v>78.661500000000004</v>
      </c>
    </row>
    <row r="213" spans="1:7" x14ac:dyDescent="0.25">
      <c r="A213">
        <v>2</v>
      </c>
      <c r="B213">
        <v>156.202</v>
      </c>
      <c r="C213">
        <v>205.65100000000001</v>
      </c>
      <c r="D213">
        <v>3138.58</v>
      </c>
      <c r="E213">
        <v>2.74803</v>
      </c>
      <c r="F213">
        <v>4860.4399999999996</v>
      </c>
      <c r="G213">
        <v>28.7561</v>
      </c>
    </row>
    <row r="214" spans="1:7" x14ac:dyDescent="0.25">
      <c r="A214">
        <v>2</v>
      </c>
      <c r="B214">
        <v>152.108</v>
      </c>
      <c r="C214">
        <v>206.596</v>
      </c>
      <c r="D214">
        <v>7555.91</v>
      </c>
      <c r="E214">
        <v>3.2677200000000002</v>
      </c>
      <c r="F214">
        <v>8962.65</v>
      </c>
      <c r="G214">
        <v>36.252299999999998</v>
      </c>
    </row>
    <row r="215" spans="1:7" x14ac:dyDescent="0.25">
      <c r="A215">
        <v>2</v>
      </c>
      <c r="B215">
        <v>174.47</v>
      </c>
      <c r="C215">
        <v>175.41499999999999</v>
      </c>
      <c r="D215">
        <v>7422.05</v>
      </c>
      <c r="E215">
        <v>3.0787399999999998</v>
      </c>
      <c r="F215">
        <v>3513.86</v>
      </c>
      <c r="G215">
        <v>111.676</v>
      </c>
    </row>
    <row r="216" spans="1:7" x14ac:dyDescent="0.25">
      <c r="A216">
        <v>2</v>
      </c>
      <c r="B216">
        <v>146.124</v>
      </c>
      <c r="C216">
        <v>200.297</v>
      </c>
      <c r="D216">
        <v>7154.33</v>
      </c>
      <c r="E216">
        <v>2.1574800000000001</v>
      </c>
      <c r="F216">
        <v>9085.2099999999991</v>
      </c>
      <c r="G216">
        <v>27.026900000000001</v>
      </c>
    </row>
    <row r="217" spans="1:7" x14ac:dyDescent="0.25">
      <c r="A217">
        <v>2</v>
      </c>
      <c r="B217">
        <v>165.96600000000001</v>
      </c>
      <c r="C217">
        <v>210.376</v>
      </c>
      <c r="D217">
        <v>2870.87</v>
      </c>
      <c r="E217">
        <v>3.9763799999999998</v>
      </c>
      <c r="F217">
        <v>4054.56</v>
      </c>
      <c r="G217">
        <v>81.098200000000006</v>
      </c>
    </row>
    <row r="218" spans="1:7" x14ac:dyDescent="0.25">
      <c r="A218">
        <v>2</v>
      </c>
      <c r="B218">
        <v>155.572</v>
      </c>
      <c r="C218">
        <v>195.887</v>
      </c>
      <c r="D218">
        <v>6886.61</v>
      </c>
      <c r="E218">
        <v>3.8818899999999998</v>
      </c>
      <c r="F218">
        <v>8039.77</v>
      </c>
      <c r="G218">
        <v>40.928199999999997</v>
      </c>
    </row>
    <row r="219" spans="1:7" x14ac:dyDescent="0.25">
      <c r="A219">
        <v>2</v>
      </c>
      <c r="B219">
        <v>150.53299999999999</v>
      </c>
      <c r="C219">
        <v>212.58</v>
      </c>
      <c r="D219">
        <v>15453.5</v>
      </c>
      <c r="E219">
        <v>3.7873999999999999</v>
      </c>
      <c r="F219">
        <v>16615.3</v>
      </c>
      <c r="G219">
        <v>34.564799999999998</v>
      </c>
    </row>
    <row r="220" spans="1:7" x14ac:dyDescent="0.25">
      <c r="A220">
        <v>2</v>
      </c>
      <c r="B220">
        <v>166.28100000000001</v>
      </c>
      <c r="C220">
        <v>180.45400000000001</v>
      </c>
      <c r="D220">
        <v>7154.33</v>
      </c>
      <c r="E220">
        <v>2.5826799999999999</v>
      </c>
      <c r="F220">
        <v>6397.26</v>
      </c>
      <c r="G220">
        <v>88.471699999999998</v>
      </c>
    </row>
    <row r="221" spans="1:7" x14ac:dyDescent="0.25">
      <c r="A221">
        <v>2</v>
      </c>
      <c r="B221">
        <v>140.45400000000001</v>
      </c>
      <c r="C221">
        <v>201.87200000000001</v>
      </c>
      <c r="D221">
        <v>7422.05</v>
      </c>
      <c r="E221">
        <v>3.6929099999999999</v>
      </c>
      <c r="F221">
        <v>8718.6</v>
      </c>
      <c r="G221">
        <v>18.483000000000001</v>
      </c>
    </row>
    <row r="222" spans="1:7" x14ac:dyDescent="0.25">
      <c r="A222">
        <v>2</v>
      </c>
      <c r="B222">
        <v>160.61199999999999</v>
      </c>
      <c r="C222">
        <v>213.84</v>
      </c>
      <c r="D222">
        <v>2335.4299999999998</v>
      </c>
      <c r="E222">
        <v>1.3307100000000001</v>
      </c>
      <c r="F222">
        <v>5313.69</v>
      </c>
      <c r="G222">
        <v>25.168900000000001</v>
      </c>
    </row>
    <row r="223" spans="1:7" x14ac:dyDescent="0.25">
      <c r="A223">
        <v>2</v>
      </c>
      <c r="B223">
        <v>161.55699999999999</v>
      </c>
      <c r="C223">
        <v>188.01300000000001</v>
      </c>
      <c r="D223">
        <v>6485.04</v>
      </c>
      <c r="E223">
        <v>3.45669</v>
      </c>
      <c r="F223">
        <v>7662.15</v>
      </c>
      <c r="G223">
        <v>28.4495</v>
      </c>
    </row>
    <row r="224" spans="1:7" x14ac:dyDescent="0.25">
      <c r="A224">
        <v>2</v>
      </c>
      <c r="B224">
        <v>156.202</v>
      </c>
      <c r="C224">
        <v>210.691</v>
      </c>
      <c r="D224">
        <v>3004.72</v>
      </c>
      <c r="E224">
        <v>1.2598400000000001</v>
      </c>
      <c r="F224">
        <v>5780.1</v>
      </c>
      <c r="G224">
        <v>44.260199999999998</v>
      </c>
    </row>
    <row r="225" spans="1:7" x14ac:dyDescent="0.25">
      <c r="A225">
        <v>2</v>
      </c>
      <c r="B225">
        <v>174.47</v>
      </c>
      <c r="C225">
        <v>185.179</v>
      </c>
      <c r="D225">
        <v>3272.44</v>
      </c>
      <c r="E225">
        <v>3.2677200000000002</v>
      </c>
      <c r="F225">
        <v>3505.29</v>
      </c>
      <c r="G225">
        <v>110.44199999999999</v>
      </c>
    </row>
    <row r="226" spans="1:7" x14ac:dyDescent="0.25">
      <c r="A226">
        <v>2</v>
      </c>
      <c r="B226">
        <v>142.97399999999999</v>
      </c>
      <c r="C226">
        <v>212.58</v>
      </c>
      <c r="D226">
        <v>6351.18</v>
      </c>
      <c r="E226">
        <v>3.0551200000000001</v>
      </c>
      <c r="F226">
        <v>7886.23</v>
      </c>
      <c r="G226">
        <v>23.398499999999999</v>
      </c>
    </row>
    <row r="227" spans="1:7" x14ac:dyDescent="0.25">
      <c r="A227">
        <v>2</v>
      </c>
      <c r="B227">
        <v>141.714</v>
      </c>
      <c r="C227">
        <v>207.85599999999999</v>
      </c>
      <c r="D227">
        <v>3674.02</v>
      </c>
      <c r="E227">
        <v>3.64567</v>
      </c>
      <c r="F227">
        <v>5246.59</v>
      </c>
      <c r="G227">
        <v>59.3401</v>
      </c>
    </row>
    <row r="228" spans="1:7" x14ac:dyDescent="0.25">
      <c r="A228">
        <v>2</v>
      </c>
      <c r="B228">
        <v>158.72200000000001</v>
      </c>
      <c r="C228">
        <v>206.28100000000001</v>
      </c>
      <c r="D228">
        <v>3004.72</v>
      </c>
      <c r="E228">
        <v>3.9763799999999998</v>
      </c>
      <c r="F228">
        <v>4272.58</v>
      </c>
      <c r="G228">
        <v>49.992899999999999</v>
      </c>
    </row>
    <row r="229" spans="1:7" x14ac:dyDescent="0.25">
      <c r="A229">
        <v>2</v>
      </c>
      <c r="B229">
        <v>173.21</v>
      </c>
      <c r="C229">
        <v>202.50200000000001</v>
      </c>
      <c r="D229">
        <v>7422.05</v>
      </c>
      <c r="E229">
        <v>3.6929099999999999</v>
      </c>
      <c r="F229">
        <v>3575.99</v>
      </c>
      <c r="G229">
        <v>107.35</v>
      </c>
    </row>
    <row r="230" spans="1:7" x14ac:dyDescent="0.25">
      <c r="A230">
        <v>2</v>
      </c>
      <c r="B230">
        <v>155.572</v>
      </c>
      <c r="C230">
        <v>196.202</v>
      </c>
      <c r="D230">
        <v>6886.61</v>
      </c>
      <c r="E230">
        <v>1.1889799999999999</v>
      </c>
      <c r="F230">
        <v>9761.33</v>
      </c>
      <c r="G230">
        <v>38.099600000000002</v>
      </c>
    </row>
    <row r="231" spans="1:7" x14ac:dyDescent="0.25">
      <c r="A231">
        <v>2</v>
      </c>
      <c r="B231">
        <v>173.21</v>
      </c>
      <c r="C231">
        <v>196.202</v>
      </c>
      <c r="D231">
        <v>3138.58</v>
      </c>
      <c r="E231">
        <v>3.14961</v>
      </c>
      <c r="F231">
        <v>3777.56</v>
      </c>
      <c r="G231">
        <v>109.697</v>
      </c>
    </row>
    <row r="232" spans="1:7" x14ac:dyDescent="0.25">
      <c r="A232">
        <v>2</v>
      </c>
      <c r="B232">
        <v>155.572</v>
      </c>
      <c r="C232">
        <v>205.65100000000001</v>
      </c>
      <c r="D232">
        <v>2870.87</v>
      </c>
      <c r="E232">
        <v>2.8189000000000002</v>
      </c>
      <c r="F232">
        <v>4768.59</v>
      </c>
      <c r="G232">
        <v>36.1434</v>
      </c>
    </row>
    <row r="233" spans="1:7" x14ac:dyDescent="0.25">
      <c r="A233">
        <v>2</v>
      </c>
      <c r="B233">
        <v>156.202</v>
      </c>
      <c r="C233">
        <v>196.83199999999999</v>
      </c>
      <c r="D233">
        <v>2870.87</v>
      </c>
      <c r="E233">
        <v>2.5354299999999999</v>
      </c>
      <c r="F233">
        <v>4746.42</v>
      </c>
      <c r="G233">
        <v>43.328499999999998</v>
      </c>
    </row>
    <row r="234" spans="1:7" x14ac:dyDescent="0.25">
      <c r="A234">
        <v>2</v>
      </c>
      <c r="B234">
        <v>165.96600000000001</v>
      </c>
      <c r="C234">
        <v>195.572</v>
      </c>
      <c r="D234">
        <v>3004.72</v>
      </c>
      <c r="E234">
        <v>2.7716500000000002</v>
      </c>
      <c r="F234">
        <v>4674.76</v>
      </c>
      <c r="G234">
        <v>87.071399999999997</v>
      </c>
    </row>
    <row r="235" spans="1:7" x14ac:dyDescent="0.25">
      <c r="A235">
        <v>2</v>
      </c>
      <c r="B235">
        <v>155.572</v>
      </c>
      <c r="C235">
        <v>205.65100000000001</v>
      </c>
      <c r="D235">
        <v>4744.88</v>
      </c>
      <c r="E235">
        <v>2.70079</v>
      </c>
      <c r="F235">
        <v>6341.71</v>
      </c>
      <c r="G235">
        <v>39.668999999999997</v>
      </c>
    </row>
    <row r="236" spans="1:7" x14ac:dyDescent="0.25">
      <c r="A236">
        <v>2</v>
      </c>
      <c r="B236">
        <v>140.13900000000001</v>
      </c>
      <c r="C236">
        <v>204.70599999999999</v>
      </c>
      <c r="D236">
        <v>7689.76</v>
      </c>
      <c r="E236">
        <v>1.1653500000000001</v>
      </c>
      <c r="F236">
        <v>11226.8</v>
      </c>
      <c r="G236">
        <v>20.107199999999999</v>
      </c>
    </row>
    <row r="237" spans="1:7" x14ac:dyDescent="0.25">
      <c r="A237">
        <v>2</v>
      </c>
      <c r="B237">
        <v>137.62</v>
      </c>
      <c r="C237">
        <v>197.77699999999999</v>
      </c>
      <c r="D237">
        <v>7154.33</v>
      </c>
      <c r="E237">
        <v>3.8818899999999998</v>
      </c>
      <c r="F237">
        <v>8594.08</v>
      </c>
      <c r="G237">
        <v>17.114599999999999</v>
      </c>
    </row>
    <row r="238" spans="1:7" x14ac:dyDescent="0.25">
      <c r="A238">
        <v>2</v>
      </c>
      <c r="B238">
        <v>171.32</v>
      </c>
      <c r="C238">
        <v>201.87200000000001</v>
      </c>
      <c r="D238">
        <v>7154.33</v>
      </c>
      <c r="E238">
        <v>1.7795300000000001</v>
      </c>
      <c r="F238">
        <v>4516.29</v>
      </c>
      <c r="G238">
        <v>99.0762</v>
      </c>
    </row>
    <row r="239" spans="1:7" x14ac:dyDescent="0.25">
      <c r="A239">
        <v>2</v>
      </c>
      <c r="B239">
        <v>165.33600000000001</v>
      </c>
      <c r="C239">
        <v>214.155</v>
      </c>
      <c r="D239">
        <v>6886.61</v>
      </c>
      <c r="E239">
        <v>2.0393699999999999</v>
      </c>
      <c r="F239">
        <v>7032.36</v>
      </c>
      <c r="G239">
        <v>26.711200000000002</v>
      </c>
    </row>
    <row r="240" spans="1:7" x14ac:dyDescent="0.25">
      <c r="A240">
        <v>2</v>
      </c>
      <c r="B240">
        <v>170.376</v>
      </c>
      <c r="C240">
        <v>196.202</v>
      </c>
      <c r="D240">
        <v>7154.33</v>
      </c>
      <c r="E240">
        <v>1.02362</v>
      </c>
      <c r="F240">
        <v>5536.35</v>
      </c>
      <c r="G240">
        <v>93.028599999999997</v>
      </c>
    </row>
    <row r="241" spans="1:7" x14ac:dyDescent="0.25">
      <c r="A241">
        <v>2</v>
      </c>
      <c r="B241">
        <v>166.28100000000001</v>
      </c>
      <c r="C241">
        <v>195.572</v>
      </c>
      <c r="D241">
        <v>7288.19</v>
      </c>
      <c r="E241">
        <v>1.02362</v>
      </c>
      <c r="F241">
        <v>7152.81</v>
      </c>
      <c r="G241">
        <v>19.911000000000001</v>
      </c>
    </row>
    <row r="242" spans="1:7" x14ac:dyDescent="0.25">
      <c r="A242">
        <v>2</v>
      </c>
      <c r="B242">
        <v>135.41499999999999</v>
      </c>
      <c r="C242">
        <v>210.691</v>
      </c>
      <c r="D242">
        <v>7689.76</v>
      </c>
      <c r="E242">
        <v>1.07087</v>
      </c>
      <c r="F242">
        <v>11349</v>
      </c>
      <c r="G242">
        <v>14.9438</v>
      </c>
    </row>
    <row r="243" spans="1:7" x14ac:dyDescent="0.25">
      <c r="A243">
        <v>2</v>
      </c>
      <c r="B243">
        <v>135.41499999999999</v>
      </c>
      <c r="C243">
        <v>210.691</v>
      </c>
      <c r="D243">
        <v>7689.76</v>
      </c>
      <c r="E243">
        <v>1.07087</v>
      </c>
      <c r="F243">
        <v>11349</v>
      </c>
      <c r="G243">
        <v>14.9438</v>
      </c>
    </row>
    <row r="244" spans="1:7" x14ac:dyDescent="0.25">
      <c r="A244">
        <v>2</v>
      </c>
      <c r="B244">
        <v>174.47</v>
      </c>
      <c r="C244">
        <v>175.41499999999999</v>
      </c>
      <c r="D244">
        <v>7422.05</v>
      </c>
      <c r="E244">
        <v>3.8582700000000001</v>
      </c>
      <c r="F244">
        <v>3358.18</v>
      </c>
      <c r="G244">
        <v>106.91500000000001</v>
      </c>
    </row>
    <row r="245" spans="1:7" x14ac:dyDescent="0.25">
      <c r="A245">
        <v>2</v>
      </c>
      <c r="B245">
        <v>168.17099999999999</v>
      </c>
      <c r="C245">
        <v>197.14699999999999</v>
      </c>
      <c r="D245">
        <v>2870.87</v>
      </c>
      <c r="E245">
        <v>3.8110200000000001</v>
      </c>
      <c r="F245">
        <v>3961.22</v>
      </c>
      <c r="G245">
        <v>50.840899999999998</v>
      </c>
    </row>
    <row r="246" spans="1:7" x14ac:dyDescent="0.25">
      <c r="A246">
        <v>2</v>
      </c>
      <c r="B246">
        <v>171.32</v>
      </c>
      <c r="C246">
        <v>201.87200000000001</v>
      </c>
      <c r="D246">
        <v>7154.33</v>
      </c>
      <c r="E246">
        <v>3.6929099999999999</v>
      </c>
      <c r="F246">
        <v>3942</v>
      </c>
      <c r="G246">
        <v>105.71599999999999</v>
      </c>
    </row>
    <row r="247" spans="1:7" x14ac:dyDescent="0.25">
      <c r="A247">
        <v>2</v>
      </c>
      <c r="B247">
        <v>155.572</v>
      </c>
      <c r="C247">
        <v>206.28100000000001</v>
      </c>
      <c r="D247">
        <v>2603.15</v>
      </c>
      <c r="E247">
        <v>2.70079</v>
      </c>
      <c r="F247">
        <v>4428.12</v>
      </c>
      <c r="G247">
        <v>39.406999999999996</v>
      </c>
    </row>
    <row r="248" spans="1:7" x14ac:dyDescent="0.25">
      <c r="A248">
        <v>2</v>
      </c>
      <c r="B248">
        <v>160.61199999999999</v>
      </c>
      <c r="C248">
        <v>213.84</v>
      </c>
      <c r="D248">
        <v>2335.4299999999998</v>
      </c>
      <c r="E248">
        <v>1.3307100000000001</v>
      </c>
      <c r="F248">
        <v>5313.69</v>
      </c>
      <c r="G248">
        <v>25.168900000000001</v>
      </c>
    </row>
    <row r="249" spans="1:7" x14ac:dyDescent="0.25">
      <c r="A249">
        <v>2</v>
      </c>
      <c r="B249">
        <v>155.572</v>
      </c>
      <c r="C249">
        <v>205.65100000000001</v>
      </c>
      <c r="D249">
        <v>2870.87</v>
      </c>
      <c r="E249">
        <v>2.8189000000000002</v>
      </c>
      <c r="F249">
        <v>4768.59</v>
      </c>
      <c r="G249">
        <v>36.1434</v>
      </c>
    </row>
    <row r="250" spans="1:7" x14ac:dyDescent="0.25">
      <c r="A250">
        <v>2</v>
      </c>
      <c r="B250">
        <v>160.61199999999999</v>
      </c>
      <c r="C250">
        <v>213.84</v>
      </c>
      <c r="D250">
        <v>2335.4299999999998</v>
      </c>
      <c r="E250">
        <v>1.3307100000000001</v>
      </c>
      <c r="F250">
        <v>5313.69</v>
      </c>
      <c r="G250">
        <v>25.168900000000001</v>
      </c>
    </row>
    <row r="251" spans="1:7" x14ac:dyDescent="0.25">
      <c r="A251">
        <v>2</v>
      </c>
      <c r="B251">
        <v>140.45400000000001</v>
      </c>
      <c r="C251">
        <v>211.63499999999999</v>
      </c>
      <c r="D251">
        <v>7154.33</v>
      </c>
      <c r="E251">
        <v>3.6929099999999999</v>
      </c>
      <c r="F251">
        <v>8570.6200000000008</v>
      </c>
      <c r="G251">
        <v>18.480799999999999</v>
      </c>
    </row>
    <row r="252" spans="1:7" x14ac:dyDescent="0.25">
      <c r="A252">
        <v>2</v>
      </c>
      <c r="B252">
        <v>174.47</v>
      </c>
      <c r="C252">
        <v>175.41499999999999</v>
      </c>
      <c r="D252">
        <v>7422.05</v>
      </c>
      <c r="E252">
        <v>3.8582700000000001</v>
      </c>
      <c r="F252">
        <v>3358.18</v>
      </c>
      <c r="G252">
        <v>106.91500000000001</v>
      </c>
    </row>
    <row r="253" spans="1:7" x14ac:dyDescent="0.25">
      <c r="A253">
        <v>2</v>
      </c>
      <c r="B253">
        <v>171.63499999999999</v>
      </c>
      <c r="C253">
        <v>196.83199999999999</v>
      </c>
      <c r="D253">
        <v>7422.05</v>
      </c>
      <c r="E253">
        <v>3.6929099999999999</v>
      </c>
      <c r="F253">
        <v>3899.01</v>
      </c>
      <c r="G253">
        <v>106.077</v>
      </c>
    </row>
    <row r="254" spans="1:7" x14ac:dyDescent="0.25">
      <c r="A254">
        <v>2</v>
      </c>
      <c r="B254">
        <v>145.494</v>
      </c>
      <c r="C254">
        <v>195.887</v>
      </c>
      <c r="D254">
        <v>5012.6000000000004</v>
      </c>
      <c r="E254">
        <v>3.3149600000000001</v>
      </c>
      <c r="F254">
        <v>6539.73</v>
      </c>
      <c r="G254">
        <v>21.848099999999999</v>
      </c>
    </row>
    <row r="255" spans="1:7" x14ac:dyDescent="0.25">
      <c r="A255">
        <v>2</v>
      </c>
      <c r="B255">
        <v>156.202</v>
      </c>
      <c r="C255">
        <v>205.65100000000001</v>
      </c>
      <c r="D255">
        <v>3138.58</v>
      </c>
      <c r="E255">
        <v>2.74803</v>
      </c>
      <c r="F255">
        <v>4860.4399999999996</v>
      </c>
      <c r="G255">
        <v>28.7561</v>
      </c>
    </row>
    <row r="256" spans="1:7" x14ac:dyDescent="0.25">
      <c r="A256">
        <v>2</v>
      </c>
      <c r="B256">
        <v>158.72200000000001</v>
      </c>
      <c r="C256">
        <v>206.28100000000001</v>
      </c>
      <c r="D256">
        <v>3004.72</v>
      </c>
      <c r="E256">
        <v>3.9763799999999998</v>
      </c>
      <c r="F256">
        <v>4272.58</v>
      </c>
      <c r="G256">
        <v>49.992899999999999</v>
      </c>
    </row>
    <row r="257" spans="1:7" x14ac:dyDescent="0.25">
      <c r="A257">
        <v>2</v>
      </c>
      <c r="B257">
        <v>137.62</v>
      </c>
      <c r="C257">
        <v>197.77699999999999</v>
      </c>
      <c r="D257">
        <v>7154.33</v>
      </c>
      <c r="E257">
        <v>3.8818899999999998</v>
      </c>
      <c r="F257">
        <v>8594.08</v>
      </c>
      <c r="G257">
        <v>17.114599999999999</v>
      </c>
    </row>
    <row r="271" spans="1:7" x14ac:dyDescent="0.25">
      <c r="A271">
        <v>3</v>
      </c>
      <c r="B271">
        <v>145.494</v>
      </c>
      <c r="C271">
        <v>195.887</v>
      </c>
      <c r="D271">
        <v>5012.6000000000004</v>
      </c>
      <c r="E271">
        <v>3.3149600000000001</v>
      </c>
      <c r="F271">
        <v>6539.73</v>
      </c>
      <c r="G271">
        <v>21.848099999999999</v>
      </c>
    </row>
    <row r="272" spans="1:7" x14ac:dyDescent="0.25">
      <c r="A272">
        <v>3</v>
      </c>
      <c r="B272">
        <v>135.41499999999999</v>
      </c>
      <c r="C272">
        <v>210.691</v>
      </c>
      <c r="D272">
        <v>7689.76</v>
      </c>
      <c r="E272">
        <v>1.07087</v>
      </c>
      <c r="F272">
        <v>11349</v>
      </c>
      <c r="G272">
        <v>14.9438</v>
      </c>
    </row>
    <row r="273" spans="1:7" x14ac:dyDescent="0.25">
      <c r="A273">
        <v>3</v>
      </c>
      <c r="B273">
        <v>160.61199999999999</v>
      </c>
      <c r="C273">
        <v>213.84</v>
      </c>
      <c r="D273">
        <v>2335.4299999999998</v>
      </c>
      <c r="E273">
        <v>1.3307100000000001</v>
      </c>
      <c r="F273">
        <v>5313.69</v>
      </c>
      <c r="G273">
        <v>25.168900000000001</v>
      </c>
    </row>
    <row r="274" spans="1:7" x14ac:dyDescent="0.25">
      <c r="A274">
        <v>3</v>
      </c>
      <c r="B274">
        <v>166.28100000000001</v>
      </c>
      <c r="C274">
        <v>195.572</v>
      </c>
      <c r="D274">
        <v>7288.19</v>
      </c>
      <c r="E274">
        <v>1.02362</v>
      </c>
      <c r="F274">
        <v>7152.81</v>
      </c>
      <c r="G274">
        <v>19.911000000000001</v>
      </c>
    </row>
    <row r="275" spans="1:7" x14ac:dyDescent="0.25">
      <c r="A275">
        <v>3</v>
      </c>
      <c r="B275">
        <v>145.494</v>
      </c>
      <c r="C275">
        <v>197.14699999999999</v>
      </c>
      <c r="D275">
        <v>2870.87</v>
      </c>
      <c r="E275">
        <v>3.3149600000000001</v>
      </c>
      <c r="F275">
        <v>4588.3599999999997</v>
      </c>
      <c r="G275">
        <v>76.949100000000001</v>
      </c>
    </row>
    <row r="276" spans="1:7" x14ac:dyDescent="0.25">
      <c r="A276">
        <v>3</v>
      </c>
      <c r="B276">
        <v>168.17099999999999</v>
      </c>
      <c r="C276">
        <v>199.667</v>
      </c>
      <c r="D276">
        <v>2870.87</v>
      </c>
      <c r="E276">
        <v>3.7873999999999999</v>
      </c>
      <c r="F276">
        <v>3971.22</v>
      </c>
      <c r="G276">
        <v>51.542000000000002</v>
      </c>
    </row>
    <row r="277" spans="1:7" x14ac:dyDescent="0.25">
      <c r="A277">
        <v>3</v>
      </c>
      <c r="B277">
        <v>155.25700000000001</v>
      </c>
      <c r="C277">
        <v>206.596</v>
      </c>
      <c r="D277">
        <v>7422.05</v>
      </c>
      <c r="E277">
        <v>2.7716500000000002</v>
      </c>
      <c r="F277">
        <v>8968.2800000000007</v>
      </c>
      <c r="G277">
        <v>39.007399999999997</v>
      </c>
    </row>
    <row r="278" spans="1:7" x14ac:dyDescent="0.25">
      <c r="A278">
        <v>3</v>
      </c>
      <c r="B278">
        <v>156.202</v>
      </c>
      <c r="C278">
        <v>195.572</v>
      </c>
      <c r="D278">
        <v>7154.33</v>
      </c>
      <c r="E278">
        <v>1.07087</v>
      </c>
      <c r="F278">
        <v>5925.64</v>
      </c>
      <c r="G278">
        <v>38.489199999999997</v>
      </c>
    </row>
    <row r="279" spans="1:7" x14ac:dyDescent="0.25">
      <c r="A279">
        <v>3</v>
      </c>
      <c r="B279">
        <v>137.935</v>
      </c>
      <c r="C279">
        <v>205.65100000000001</v>
      </c>
      <c r="D279">
        <v>7689.76</v>
      </c>
      <c r="E279">
        <v>1.6141700000000001</v>
      </c>
      <c r="F279">
        <v>10209.799999999999</v>
      </c>
      <c r="G279">
        <v>18.257899999999999</v>
      </c>
    </row>
    <row r="280" spans="1:7" x14ac:dyDescent="0.25">
      <c r="A280">
        <v>3</v>
      </c>
      <c r="B280">
        <v>145.494</v>
      </c>
      <c r="C280">
        <v>205.33600000000001</v>
      </c>
      <c r="D280">
        <v>15453.5</v>
      </c>
      <c r="E280">
        <v>3.2677200000000002</v>
      </c>
      <c r="F280">
        <v>16910.5</v>
      </c>
      <c r="G280">
        <v>27.180199999999999</v>
      </c>
    </row>
    <row r="281" spans="1:7" x14ac:dyDescent="0.25">
      <c r="A281">
        <v>3</v>
      </c>
      <c r="B281">
        <v>137.62</v>
      </c>
      <c r="C281">
        <v>197.77699999999999</v>
      </c>
      <c r="D281">
        <v>15989</v>
      </c>
      <c r="E281">
        <v>3.8346499999999999</v>
      </c>
      <c r="F281">
        <v>17515.8</v>
      </c>
      <c r="G281">
        <v>17.501200000000001</v>
      </c>
    </row>
    <row r="282" spans="1:7" x14ac:dyDescent="0.25">
      <c r="A282">
        <v>3</v>
      </c>
      <c r="B282">
        <v>165.65100000000001</v>
      </c>
      <c r="C282">
        <v>185.494</v>
      </c>
      <c r="D282">
        <v>3272.44</v>
      </c>
      <c r="E282">
        <v>2.5118100000000001</v>
      </c>
      <c r="F282">
        <v>5023.63</v>
      </c>
      <c r="G282">
        <v>88.433099999999996</v>
      </c>
    </row>
    <row r="283" spans="1:7" x14ac:dyDescent="0.25">
      <c r="A283">
        <v>3</v>
      </c>
      <c r="B283">
        <v>142.97399999999999</v>
      </c>
      <c r="C283">
        <v>197.14699999999999</v>
      </c>
      <c r="D283">
        <v>6351.18</v>
      </c>
      <c r="E283">
        <v>3.7873999999999999</v>
      </c>
      <c r="F283">
        <v>7777.6</v>
      </c>
      <c r="G283">
        <v>23.2392</v>
      </c>
    </row>
    <row r="284" spans="1:7" x14ac:dyDescent="0.25">
      <c r="A284">
        <v>3</v>
      </c>
      <c r="B284">
        <v>173.21</v>
      </c>
      <c r="C284">
        <v>197.46199999999999</v>
      </c>
      <c r="D284">
        <v>2870.87</v>
      </c>
      <c r="E284">
        <v>3.7873999999999999</v>
      </c>
      <c r="F284">
        <v>3575.56</v>
      </c>
      <c r="G284">
        <v>107.048</v>
      </c>
    </row>
    <row r="285" spans="1:7" x14ac:dyDescent="0.25">
      <c r="A285">
        <v>3</v>
      </c>
      <c r="B285">
        <v>160.297</v>
      </c>
      <c r="C285">
        <v>190.53299999999999</v>
      </c>
      <c r="D285">
        <v>3807.87</v>
      </c>
      <c r="E285">
        <v>2.70079</v>
      </c>
      <c r="F285">
        <v>5338.55</v>
      </c>
      <c r="G285">
        <v>58.038499999999999</v>
      </c>
    </row>
    <row r="286" spans="1:7" x14ac:dyDescent="0.25">
      <c r="A286">
        <v>3</v>
      </c>
      <c r="B286">
        <v>165.65100000000001</v>
      </c>
      <c r="C286">
        <v>214.155</v>
      </c>
      <c r="D286">
        <v>7823.62</v>
      </c>
      <c r="E286">
        <v>1.1181099999999999</v>
      </c>
      <c r="F286">
        <v>7675.67</v>
      </c>
      <c r="G286">
        <v>85.269199999999998</v>
      </c>
    </row>
    <row r="287" spans="1:7" x14ac:dyDescent="0.25">
      <c r="A287">
        <v>3</v>
      </c>
      <c r="B287">
        <v>158.72200000000001</v>
      </c>
      <c r="C287">
        <v>195.572</v>
      </c>
      <c r="D287">
        <v>3004.72</v>
      </c>
      <c r="E287">
        <v>3.9291299999999998</v>
      </c>
      <c r="F287">
        <v>4337.78</v>
      </c>
      <c r="G287">
        <v>50.177700000000002</v>
      </c>
    </row>
    <row r="288" spans="1:7" x14ac:dyDescent="0.25">
      <c r="A288">
        <v>3</v>
      </c>
      <c r="B288">
        <v>145.494</v>
      </c>
      <c r="C288">
        <v>207.226</v>
      </c>
      <c r="D288">
        <v>11437.8</v>
      </c>
      <c r="E288">
        <v>1.80315</v>
      </c>
      <c r="F288">
        <v>13681.5</v>
      </c>
      <c r="G288">
        <v>26.627800000000001</v>
      </c>
    </row>
    <row r="289" spans="1:7" x14ac:dyDescent="0.25">
      <c r="A289">
        <v>3</v>
      </c>
      <c r="B289">
        <v>136.04499999999999</v>
      </c>
      <c r="C289">
        <v>210.691</v>
      </c>
      <c r="D289">
        <v>7154.33</v>
      </c>
      <c r="E289">
        <v>3.2440899999999999</v>
      </c>
      <c r="F289">
        <v>8654.58</v>
      </c>
      <c r="G289">
        <v>14.382300000000001</v>
      </c>
    </row>
    <row r="290" spans="1:7" x14ac:dyDescent="0.25">
      <c r="A290">
        <v>3</v>
      </c>
      <c r="B290">
        <v>137.62</v>
      </c>
      <c r="C290">
        <v>197.77699999999999</v>
      </c>
      <c r="D290">
        <v>7154.33</v>
      </c>
      <c r="E290">
        <v>3.8818899999999998</v>
      </c>
      <c r="F290">
        <v>8594.08</v>
      </c>
      <c r="G290">
        <v>17.114599999999999</v>
      </c>
    </row>
    <row r="291" spans="1:7" x14ac:dyDescent="0.25">
      <c r="A291">
        <v>3</v>
      </c>
      <c r="B291">
        <v>166.28100000000001</v>
      </c>
      <c r="C291">
        <v>195.572</v>
      </c>
      <c r="D291">
        <v>7288.19</v>
      </c>
      <c r="E291">
        <v>1.02362</v>
      </c>
      <c r="F291">
        <v>7152.81</v>
      </c>
      <c r="G291">
        <v>19.911000000000001</v>
      </c>
    </row>
    <row r="292" spans="1:7" x14ac:dyDescent="0.25">
      <c r="A292">
        <v>3</v>
      </c>
      <c r="B292">
        <v>136.04499999999999</v>
      </c>
      <c r="C292">
        <v>195.572</v>
      </c>
      <c r="D292">
        <v>3138.58</v>
      </c>
      <c r="E292">
        <v>2.5590600000000001</v>
      </c>
      <c r="F292">
        <v>5327.89</v>
      </c>
      <c r="G292">
        <v>94.799800000000005</v>
      </c>
    </row>
    <row r="293" spans="1:7" x14ac:dyDescent="0.25">
      <c r="A293">
        <v>3</v>
      </c>
      <c r="B293">
        <v>151.79300000000001</v>
      </c>
      <c r="C293">
        <v>175.73</v>
      </c>
      <c r="D293">
        <v>5012.6000000000004</v>
      </c>
      <c r="E293">
        <v>3.6692900000000002</v>
      </c>
      <c r="F293">
        <v>6326.37</v>
      </c>
      <c r="G293">
        <v>36.1175</v>
      </c>
    </row>
    <row r="294" spans="1:7" x14ac:dyDescent="0.25">
      <c r="A294">
        <v>3</v>
      </c>
      <c r="B294">
        <v>155.572</v>
      </c>
      <c r="C294">
        <v>205.65100000000001</v>
      </c>
      <c r="D294">
        <v>6083.46</v>
      </c>
      <c r="E294">
        <v>1.2125999999999999</v>
      </c>
      <c r="F294">
        <v>9148.18</v>
      </c>
      <c r="G294">
        <v>38.165100000000002</v>
      </c>
    </row>
    <row r="295" spans="1:7" x14ac:dyDescent="0.25">
      <c r="A295">
        <v>3</v>
      </c>
      <c r="B295">
        <v>155.572</v>
      </c>
      <c r="C295">
        <v>205.65100000000001</v>
      </c>
      <c r="D295">
        <v>2870.87</v>
      </c>
      <c r="E295">
        <v>2.8661400000000001</v>
      </c>
      <c r="F295">
        <v>4748.74</v>
      </c>
      <c r="G295">
        <v>36.058300000000003</v>
      </c>
    </row>
    <row r="296" spans="1:7" x14ac:dyDescent="0.25">
      <c r="A296">
        <v>3</v>
      </c>
      <c r="B296">
        <v>147.69800000000001</v>
      </c>
      <c r="C296">
        <v>197.77699999999999</v>
      </c>
      <c r="D296">
        <v>7154.33</v>
      </c>
      <c r="E296">
        <v>3.8818899999999998</v>
      </c>
      <c r="F296">
        <v>8420.1299999999992</v>
      </c>
      <c r="G296">
        <v>28.865100000000002</v>
      </c>
    </row>
    <row r="297" spans="1:7" x14ac:dyDescent="0.25">
      <c r="A297">
        <v>3</v>
      </c>
      <c r="B297">
        <v>136.04499999999999</v>
      </c>
      <c r="C297">
        <v>176.36</v>
      </c>
      <c r="D297">
        <v>5280.31</v>
      </c>
      <c r="E297">
        <v>2.5118100000000001</v>
      </c>
      <c r="F297">
        <v>7659.27</v>
      </c>
      <c r="G297">
        <v>52.011099999999999</v>
      </c>
    </row>
    <row r="298" spans="1:7" x14ac:dyDescent="0.25">
      <c r="A298">
        <v>3</v>
      </c>
      <c r="B298">
        <v>170.691</v>
      </c>
      <c r="C298">
        <v>197.14699999999999</v>
      </c>
      <c r="D298">
        <v>3138.58</v>
      </c>
      <c r="E298">
        <v>2.29921</v>
      </c>
      <c r="F298">
        <v>4560.45</v>
      </c>
      <c r="G298">
        <v>87.960700000000003</v>
      </c>
    </row>
    <row r="299" spans="1:7" x14ac:dyDescent="0.25">
      <c r="A299">
        <v>3</v>
      </c>
      <c r="B299">
        <v>135.41499999999999</v>
      </c>
      <c r="C299">
        <v>211.32</v>
      </c>
      <c r="D299">
        <v>11973.2</v>
      </c>
      <c r="E299">
        <v>2.5826799999999999</v>
      </c>
      <c r="F299">
        <v>13782.1</v>
      </c>
      <c r="G299">
        <v>15.913500000000001</v>
      </c>
    </row>
    <row r="300" spans="1:7" x14ac:dyDescent="0.25">
      <c r="A300">
        <v>3</v>
      </c>
      <c r="B300">
        <v>135.41499999999999</v>
      </c>
      <c r="C300">
        <v>210.691</v>
      </c>
      <c r="D300">
        <v>7689.76</v>
      </c>
      <c r="E300">
        <v>1.07087</v>
      </c>
      <c r="F300">
        <v>11349</v>
      </c>
      <c r="G300">
        <v>14.9438</v>
      </c>
    </row>
    <row r="301" spans="1:7" x14ac:dyDescent="0.25">
      <c r="A301">
        <v>3</v>
      </c>
      <c r="B301">
        <v>160.61199999999999</v>
      </c>
      <c r="C301">
        <v>213.84</v>
      </c>
      <c r="D301">
        <v>2335.4299999999998</v>
      </c>
      <c r="E301">
        <v>1.3307100000000001</v>
      </c>
      <c r="F301">
        <v>5313.69</v>
      </c>
      <c r="G301">
        <v>25.168900000000001</v>
      </c>
    </row>
    <row r="302" spans="1:7" x14ac:dyDescent="0.25">
      <c r="A302">
        <v>3</v>
      </c>
      <c r="B302">
        <v>161.24199999999999</v>
      </c>
      <c r="C302">
        <v>205.02099999999999</v>
      </c>
      <c r="D302">
        <v>1800</v>
      </c>
      <c r="E302">
        <v>1.07087</v>
      </c>
      <c r="F302">
        <v>5290.12</v>
      </c>
      <c r="G302">
        <v>26.030200000000001</v>
      </c>
    </row>
    <row r="303" spans="1:7" x14ac:dyDescent="0.25">
      <c r="A303">
        <v>3</v>
      </c>
      <c r="B303">
        <v>140.45400000000001</v>
      </c>
      <c r="C303">
        <v>196.83199999999999</v>
      </c>
      <c r="D303">
        <v>2870.87</v>
      </c>
      <c r="E303">
        <v>2.5590600000000001</v>
      </c>
      <c r="F303">
        <v>5022.16</v>
      </c>
      <c r="G303">
        <v>84.965100000000007</v>
      </c>
    </row>
    <row r="304" spans="1:7" x14ac:dyDescent="0.25">
      <c r="A304">
        <v>3</v>
      </c>
      <c r="B304">
        <v>158.72200000000001</v>
      </c>
      <c r="C304">
        <v>195.572</v>
      </c>
      <c r="D304">
        <v>2870.87</v>
      </c>
      <c r="E304">
        <v>3.0551200000000001</v>
      </c>
      <c r="F304">
        <v>4541.95</v>
      </c>
      <c r="G304">
        <v>48.884999999999998</v>
      </c>
    </row>
    <row r="305" spans="1:7" x14ac:dyDescent="0.25">
      <c r="A305">
        <v>3</v>
      </c>
      <c r="B305">
        <v>173.21</v>
      </c>
      <c r="C305">
        <v>185.494</v>
      </c>
      <c r="D305">
        <v>7154.33</v>
      </c>
      <c r="E305">
        <v>1.1889799999999999</v>
      </c>
      <c r="F305">
        <v>4818.7700000000004</v>
      </c>
      <c r="G305">
        <v>93.973500000000001</v>
      </c>
    </row>
    <row r="306" spans="1:7" x14ac:dyDescent="0.25">
      <c r="A306">
        <v>3</v>
      </c>
      <c r="B306">
        <v>155.572</v>
      </c>
      <c r="C306">
        <v>205.65100000000001</v>
      </c>
      <c r="D306">
        <v>2870.87</v>
      </c>
      <c r="E306">
        <v>2.8425199999999999</v>
      </c>
      <c r="F306">
        <v>4758.7</v>
      </c>
      <c r="G306">
        <v>36.097799999999999</v>
      </c>
    </row>
    <row r="307" spans="1:7" x14ac:dyDescent="0.25">
      <c r="A307">
        <v>3</v>
      </c>
      <c r="B307">
        <v>135.41499999999999</v>
      </c>
      <c r="C307">
        <v>205.65100000000001</v>
      </c>
      <c r="D307">
        <v>7154.33</v>
      </c>
      <c r="E307">
        <v>2.7716500000000002</v>
      </c>
      <c r="F307">
        <v>8961.17</v>
      </c>
      <c r="G307">
        <v>14.0649</v>
      </c>
    </row>
    <row r="308" spans="1:7" x14ac:dyDescent="0.25">
      <c r="A308">
        <v>3</v>
      </c>
      <c r="B308">
        <v>173.21</v>
      </c>
      <c r="C308">
        <v>196.83199999999999</v>
      </c>
      <c r="D308">
        <v>7422.05</v>
      </c>
      <c r="E308">
        <v>3.8818899999999998</v>
      </c>
      <c r="F308">
        <v>3576</v>
      </c>
      <c r="G308">
        <v>106.724</v>
      </c>
    </row>
    <row r="309" spans="1:7" x14ac:dyDescent="0.25">
      <c r="A309">
        <v>3</v>
      </c>
      <c r="B309">
        <v>170.376</v>
      </c>
      <c r="C309">
        <v>199.667</v>
      </c>
      <c r="D309">
        <v>3138.58</v>
      </c>
      <c r="E309">
        <v>2.74803</v>
      </c>
      <c r="F309">
        <v>4377.1000000000004</v>
      </c>
      <c r="G309">
        <v>85.0304</v>
      </c>
    </row>
    <row r="310" spans="1:7" x14ac:dyDescent="0.25">
      <c r="A310">
        <v>3</v>
      </c>
      <c r="B310">
        <v>155.572</v>
      </c>
      <c r="C310">
        <v>211.95</v>
      </c>
      <c r="D310">
        <v>3406.3</v>
      </c>
      <c r="E310">
        <v>2.5826799999999999</v>
      </c>
      <c r="F310">
        <v>5065.6899999999996</v>
      </c>
      <c r="G310">
        <v>26.941400000000002</v>
      </c>
    </row>
    <row r="311" spans="1:7" x14ac:dyDescent="0.25">
      <c r="A311">
        <v>3</v>
      </c>
      <c r="B311">
        <v>155.25700000000001</v>
      </c>
      <c r="C311">
        <v>186.75399999999999</v>
      </c>
      <c r="D311">
        <v>6351.18</v>
      </c>
      <c r="E311">
        <v>3.1732300000000002</v>
      </c>
      <c r="F311">
        <v>7702.76</v>
      </c>
      <c r="G311">
        <v>39.509099999999997</v>
      </c>
    </row>
    <row r="312" spans="1:7" x14ac:dyDescent="0.25">
      <c r="A312">
        <v>3</v>
      </c>
      <c r="B312">
        <v>155.572</v>
      </c>
      <c r="C312">
        <v>195.572</v>
      </c>
      <c r="D312">
        <v>3406.3</v>
      </c>
      <c r="E312">
        <v>1.07087</v>
      </c>
      <c r="F312">
        <v>6732.3</v>
      </c>
      <c r="G312">
        <v>27.488099999999999</v>
      </c>
    </row>
    <row r="313" spans="1:7" x14ac:dyDescent="0.25">
      <c r="A313">
        <v>3</v>
      </c>
      <c r="B313">
        <v>156.202</v>
      </c>
      <c r="C313">
        <v>206.28100000000001</v>
      </c>
      <c r="D313">
        <v>3004.72</v>
      </c>
      <c r="E313">
        <v>3.9763799999999998</v>
      </c>
      <c r="F313">
        <v>4360.51</v>
      </c>
      <c r="G313">
        <v>36.148800000000001</v>
      </c>
    </row>
    <row r="314" spans="1:7" x14ac:dyDescent="0.25">
      <c r="A314">
        <v>3</v>
      </c>
      <c r="B314">
        <v>168.80099999999999</v>
      </c>
      <c r="C314">
        <v>195.25700000000001</v>
      </c>
      <c r="D314">
        <v>7288.19</v>
      </c>
      <c r="E314">
        <v>2.0157500000000002</v>
      </c>
      <c r="F314">
        <v>5177.3599999999997</v>
      </c>
      <c r="G314">
        <v>95.578100000000006</v>
      </c>
    </row>
    <row r="315" spans="1:7" x14ac:dyDescent="0.25">
      <c r="A315">
        <v>3</v>
      </c>
      <c r="B315">
        <v>148.01300000000001</v>
      </c>
      <c r="C315">
        <v>197.77699999999999</v>
      </c>
      <c r="D315">
        <v>5012.6000000000004</v>
      </c>
      <c r="E315">
        <v>3.8818899999999998</v>
      </c>
      <c r="F315">
        <v>6244.78</v>
      </c>
      <c r="G315">
        <v>28.376999999999999</v>
      </c>
    </row>
    <row r="316" spans="1:7" x14ac:dyDescent="0.25">
      <c r="A316">
        <v>3</v>
      </c>
      <c r="B316">
        <v>168.17099999999999</v>
      </c>
      <c r="C316">
        <v>197.14699999999999</v>
      </c>
      <c r="D316">
        <v>2870.87</v>
      </c>
      <c r="E316">
        <v>3.8110200000000001</v>
      </c>
      <c r="F316">
        <v>3961.22</v>
      </c>
      <c r="G316">
        <v>50.840899999999998</v>
      </c>
    </row>
    <row r="317" spans="1:7" x14ac:dyDescent="0.25">
      <c r="A317">
        <v>3</v>
      </c>
      <c r="B317">
        <v>145.494</v>
      </c>
      <c r="C317">
        <v>195.887</v>
      </c>
      <c r="D317">
        <v>5012.6000000000004</v>
      </c>
      <c r="E317">
        <v>3.3149600000000001</v>
      </c>
      <c r="F317">
        <v>6539.73</v>
      </c>
      <c r="G317">
        <v>21.848099999999999</v>
      </c>
    </row>
    <row r="318" spans="1:7" x14ac:dyDescent="0.25">
      <c r="A318">
        <v>3</v>
      </c>
      <c r="B318">
        <v>156.83199999999999</v>
      </c>
      <c r="C318">
        <v>205.65100000000001</v>
      </c>
      <c r="D318">
        <v>6351.18</v>
      </c>
      <c r="E318">
        <v>3.19685</v>
      </c>
      <c r="F318">
        <v>7706.87</v>
      </c>
      <c r="G318">
        <v>43.7254</v>
      </c>
    </row>
    <row r="319" spans="1:7" x14ac:dyDescent="0.25">
      <c r="A319">
        <v>3</v>
      </c>
      <c r="B319">
        <v>160.61199999999999</v>
      </c>
      <c r="C319">
        <v>213.84</v>
      </c>
      <c r="D319">
        <v>2335.4299999999998</v>
      </c>
      <c r="E319">
        <v>1.3307100000000001</v>
      </c>
      <c r="F319">
        <v>5313.69</v>
      </c>
      <c r="G319">
        <v>25.168900000000001</v>
      </c>
    </row>
    <row r="320" spans="1:7" x14ac:dyDescent="0.25">
      <c r="A320">
        <v>3</v>
      </c>
      <c r="B320">
        <v>145.494</v>
      </c>
      <c r="C320">
        <v>198.40700000000001</v>
      </c>
      <c r="D320">
        <v>9296.06</v>
      </c>
      <c r="E320">
        <v>3.6929099999999999</v>
      </c>
      <c r="F320">
        <v>10642.5</v>
      </c>
      <c r="G320">
        <v>27.310700000000001</v>
      </c>
    </row>
    <row r="321" spans="1:7" x14ac:dyDescent="0.25">
      <c r="A321">
        <v>3</v>
      </c>
      <c r="B321">
        <v>158.09200000000001</v>
      </c>
      <c r="C321">
        <v>213.84</v>
      </c>
      <c r="D321">
        <v>3406.3</v>
      </c>
      <c r="E321">
        <v>2.0866099999999999</v>
      </c>
      <c r="F321">
        <v>5417.97</v>
      </c>
      <c r="G321">
        <v>35.052399999999999</v>
      </c>
    </row>
    <row r="322" spans="1:7" x14ac:dyDescent="0.25">
      <c r="A322">
        <v>3</v>
      </c>
      <c r="B322">
        <v>165.65100000000001</v>
      </c>
      <c r="C322">
        <v>205.33600000000001</v>
      </c>
      <c r="D322">
        <v>5012.6000000000004</v>
      </c>
      <c r="E322">
        <v>3.3149600000000001</v>
      </c>
      <c r="F322">
        <v>6159.09</v>
      </c>
      <c r="G322">
        <v>83.466800000000006</v>
      </c>
    </row>
    <row r="323" spans="1:7" x14ac:dyDescent="0.25">
      <c r="A323">
        <v>3</v>
      </c>
      <c r="B323">
        <v>158.72200000000001</v>
      </c>
      <c r="C323">
        <v>197.14699999999999</v>
      </c>
      <c r="D323">
        <v>2870.87</v>
      </c>
      <c r="E323">
        <v>3.8110200000000001</v>
      </c>
      <c r="F323">
        <v>4263.33</v>
      </c>
      <c r="G323">
        <v>38.460900000000002</v>
      </c>
    </row>
    <row r="324" spans="1:7" x14ac:dyDescent="0.25">
      <c r="A324">
        <v>3</v>
      </c>
      <c r="B324">
        <v>173.21</v>
      </c>
      <c r="C324">
        <v>188.328</v>
      </c>
      <c r="D324">
        <v>3272.44</v>
      </c>
      <c r="E324">
        <v>2.9370099999999999</v>
      </c>
      <c r="F324">
        <v>3716.28</v>
      </c>
      <c r="G324">
        <v>114.619</v>
      </c>
    </row>
    <row r="325" spans="1:7" x14ac:dyDescent="0.25">
      <c r="A325">
        <v>3</v>
      </c>
      <c r="B325">
        <v>156.202</v>
      </c>
      <c r="C325">
        <v>201.87200000000001</v>
      </c>
      <c r="D325">
        <v>3406.3</v>
      </c>
      <c r="E325">
        <v>2.5826799999999999</v>
      </c>
      <c r="F325">
        <v>5134.96</v>
      </c>
      <c r="G325">
        <v>28.312100000000001</v>
      </c>
    </row>
    <row r="326" spans="1:7" x14ac:dyDescent="0.25">
      <c r="A326">
        <v>3</v>
      </c>
      <c r="B326">
        <v>173.21</v>
      </c>
      <c r="C326">
        <v>201.24199999999999</v>
      </c>
      <c r="D326">
        <v>2870.87</v>
      </c>
      <c r="E326">
        <v>3.3149600000000001</v>
      </c>
      <c r="F326">
        <v>3770.61</v>
      </c>
      <c r="G326">
        <v>108.97199999999999</v>
      </c>
    </row>
    <row r="327" spans="1:7" x14ac:dyDescent="0.25">
      <c r="A327">
        <v>3</v>
      </c>
      <c r="B327">
        <v>147.69800000000001</v>
      </c>
      <c r="C327">
        <v>195.25700000000001</v>
      </c>
      <c r="D327">
        <v>7154.33</v>
      </c>
      <c r="E327">
        <v>3.3149600000000001</v>
      </c>
      <c r="F327">
        <v>8408.75</v>
      </c>
      <c r="G327">
        <v>28.666599999999999</v>
      </c>
    </row>
    <row r="328" spans="1:7" x14ac:dyDescent="0.25">
      <c r="A328">
        <v>3</v>
      </c>
      <c r="B328">
        <v>156.202</v>
      </c>
      <c r="C328">
        <v>205.65100000000001</v>
      </c>
      <c r="D328">
        <v>3004.72</v>
      </c>
      <c r="E328">
        <v>2.8661400000000001</v>
      </c>
      <c r="F328">
        <v>4661.45</v>
      </c>
      <c r="G328">
        <v>43.89</v>
      </c>
    </row>
    <row r="329" spans="1:7" x14ac:dyDescent="0.25">
      <c r="A329">
        <v>3</v>
      </c>
      <c r="B329">
        <v>156.202</v>
      </c>
      <c r="C329">
        <v>205.65100000000001</v>
      </c>
      <c r="D329">
        <v>3138.58</v>
      </c>
      <c r="E329">
        <v>2.8425199999999999</v>
      </c>
      <c r="F329">
        <v>4753.7700000000004</v>
      </c>
      <c r="G329">
        <v>29.0214</v>
      </c>
    </row>
    <row r="330" spans="1:7" x14ac:dyDescent="0.25">
      <c r="A330">
        <v>3</v>
      </c>
      <c r="B330">
        <v>137.62</v>
      </c>
      <c r="C330">
        <v>204.70599999999999</v>
      </c>
      <c r="D330">
        <v>15453.5</v>
      </c>
      <c r="E330">
        <v>3.7637800000000001</v>
      </c>
      <c r="F330">
        <v>16958.8</v>
      </c>
      <c r="G330">
        <v>17.520299999999999</v>
      </c>
    </row>
    <row r="331" spans="1:7" x14ac:dyDescent="0.25">
      <c r="A331">
        <v>3</v>
      </c>
      <c r="B331">
        <v>166.28100000000001</v>
      </c>
      <c r="C331">
        <v>195.572</v>
      </c>
      <c r="D331">
        <v>7288.19</v>
      </c>
      <c r="E331">
        <v>1.02362</v>
      </c>
      <c r="F331">
        <v>7152.81</v>
      </c>
      <c r="G331">
        <v>19.911000000000001</v>
      </c>
    </row>
    <row r="332" spans="1:7" x14ac:dyDescent="0.25">
      <c r="A332">
        <v>3</v>
      </c>
      <c r="B332">
        <v>136.04499999999999</v>
      </c>
      <c r="C332">
        <v>210.691</v>
      </c>
      <c r="D332">
        <v>7154.33</v>
      </c>
      <c r="E332">
        <v>3.2440899999999999</v>
      </c>
      <c r="F332">
        <v>8654.58</v>
      </c>
      <c r="G332">
        <v>14.382300000000001</v>
      </c>
    </row>
    <row r="333" spans="1:7" x14ac:dyDescent="0.25">
      <c r="A333">
        <v>3</v>
      </c>
      <c r="B333">
        <v>136.04499999999999</v>
      </c>
      <c r="C333">
        <v>210.691</v>
      </c>
      <c r="D333">
        <v>7154.33</v>
      </c>
      <c r="E333">
        <v>3.2440899999999999</v>
      </c>
      <c r="F333">
        <v>8654.58</v>
      </c>
      <c r="G333">
        <v>14.382300000000001</v>
      </c>
    </row>
    <row r="334" spans="1:7" x14ac:dyDescent="0.25">
      <c r="A334">
        <v>3</v>
      </c>
      <c r="B334">
        <v>174.47</v>
      </c>
      <c r="C334">
        <v>175.41499999999999</v>
      </c>
      <c r="D334">
        <v>7422.05</v>
      </c>
      <c r="E334">
        <v>3.8582700000000001</v>
      </c>
      <c r="F334">
        <v>3358.18</v>
      </c>
      <c r="G334">
        <v>106.91500000000001</v>
      </c>
    </row>
    <row r="335" spans="1:7" x14ac:dyDescent="0.25">
      <c r="A335">
        <v>3</v>
      </c>
      <c r="B335">
        <v>168.17099999999999</v>
      </c>
      <c r="C335">
        <v>197.14699999999999</v>
      </c>
      <c r="D335">
        <v>2870.87</v>
      </c>
      <c r="E335">
        <v>3.8110200000000001</v>
      </c>
      <c r="F335">
        <v>3961.22</v>
      </c>
      <c r="G335">
        <v>50.840899999999998</v>
      </c>
    </row>
    <row r="336" spans="1:7" x14ac:dyDescent="0.25">
      <c r="A336">
        <v>3</v>
      </c>
      <c r="B336">
        <v>171.32</v>
      </c>
      <c r="C336">
        <v>201.87200000000001</v>
      </c>
      <c r="D336">
        <v>7154.33</v>
      </c>
      <c r="E336">
        <v>3.6929099999999999</v>
      </c>
      <c r="F336">
        <v>3942</v>
      </c>
      <c r="G336">
        <v>105.71599999999999</v>
      </c>
    </row>
    <row r="337" spans="1:7" x14ac:dyDescent="0.25">
      <c r="A337">
        <v>3</v>
      </c>
      <c r="B337">
        <v>156.202</v>
      </c>
      <c r="C337">
        <v>206.28100000000001</v>
      </c>
      <c r="D337">
        <v>3004.72</v>
      </c>
      <c r="E337">
        <v>3.9763799999999998</v>
      </c>
      <c r="F337">
        <v>4360.51</v>
      </c>
      <c r="G337">
        <v>36.148800000000001</v>
      </c>
    </row>
    <row r="338" spans="1:7" x14ac:dyDescent="0.25">
      <c r="A338">
        <v>3</v>
      </c>
      <c r="B338">
        <v>160.61199999999999</v>
      </c>
      <c r="C338">
        <v>213.84</v>
      </c>
      <c r="D338">
        <v>2335.4299999999998</v>
      </c>
      <c r="E338">
        <v>1.3307100000000001</v>
      </c>
      <c r="F338">
        <v>5313.69</v>
      </c>
      <c r="G338">
        <v>25.168900000000001</v>
      </c>
    </row>
    <row r="339" spans="1:7" x14ac:dyDescent="0.25">
      <c r="A339">
        <v>3</v>
      </c>
      <c r="B339">
        <v>155.572</v>
      </c>
      <c r="C339">
        <v>205.65100000000001</v>
      </c>
      <c r="D339">
        <v>2870.87</v>
      </c>
      <c r="E339">
        <v>2.8661400000000001</v>
      </c>
      <c r="F339">
        <v>4748.74</v>
      </c>
      <c r="G339">
        <v>36.058300000000003</v>
      </c>
    </row>
    <row r="340" spans="1:7" x14ac:dyDescent="0.25">
      <c r="A340">
        <v>3</v>
      </c>
      <c r="B340">
        <v>160.61199999999999</v>
      </c>
      <c r="C340">
        <v>213.84</v>
      </c>
      <c r="D340">
        <v>2335.4299999999998</v>
      </c>
      <c r="E340">
        <v>1.3307100000000001</v>
      </c>
      <c r="F340">
        <v>5313.69</v>
      </c>
      <c r="G340">
        <v>25.168900000000001</v>
      </c>
    </row>
    <row r="341" spans="1:7" x14ac:dyDescent="0.25">
      <c r="A341">
        <v>3</v>
      </c>
      <c r="B341">
        <v>140.45400000000001</v>
      </c>
      <c r="C341">
        <v>211.63499999999999</v>
      </c>
      <c r="D341">
        <v>7154.33</v>
      </c>
      <c r="E341">
        <v>3.6929099999999999</v>
      </c>
      <c r="F341">
        <v>8570.6200000000008</v>
      </c>
      <c r="G341">
        <v>18.480799999999999</v>
      </c>
    </row>
    <row r="342" spans="1:7" x14ac:dyDescent="0.25">
      <c r="A342">
        <v>3</v>
      </c>
      <c r="B342">
        <v>174.47</v>
      </c>
      <c r="C342">
        <v>175.41499999999999</v>
      </c>
      <c r="D342">
        <v>7422.05</v>
      </c>
      <c r="E342">
        <v>3.8582700000000001</v>
      </c>
      <c r="F342">
        <v>3358.18</v>
      </c>
      <c r="G342">
        <v>106.91500000000001</v>
      </c>
    </row>
    <row r="343" spans="1:7" x14ac:dyDescent="0.25">
      <c r="A343">
        <v>3</v>
      </c>
      <c r="B343">
        <v>171.63499999999999</v>
      </c>
      <c r="C343">
        <v>196.83199999999999</v>
      </c>
      <c r="D343">
        <v>7422.05</v>
      </c>
      <c r="E343">
        <v>3.6929099999999999</v>
      </c>
      <c r="F343">
        <v>3899.01</v>
      </c>
      <c r="G343">
        <v>106.077</v>
      </c>
    </row>
    <row r="344" spans="1:7" x14ac:dyDescent="0.25">
      <c r="A344">
        <v>3</v>
      </c>
      <c r="B344">
        <v>145.494</v>
      </c>
      <c r="C344">
        <v>195.887</v>
      </c>
      <c r="D344">
        <v>5012.6000000000004</v>
      </c>
      <c r="E344">
        <v>3.3149600000000001</v>
      </c>
      <c r="F344">
        <v>6539.73</v>
      </c>
      <c r="G344">
        <v>21.848099999999999</v>
      </c>
    </row>
    <row r="345" spans="1:7" x14ac:dyDescent="0.25">
      <c r="A345">
        <v>3</v>
      </c>
      <c r="B345">
        <v>156.202</v>
      </c>
      <c r="C345">
        <v>205.65100000000001</v>
      </c>
      <c r="D345">
        <v>3138.58</v>
      </c>
      <c r="E345">
        <v>2.74803</v>
      </c>
      <c r="F345">
        <v>4860.4399999999996</v>
      </c>
      <c r="G345">
        <v>28.7561</v>
      </c>
    </row>
    <row r="346" spans="1:7" x14ac:dyDescent="0.25">
      <c r="A346">
        <v>3</v>
      </c>
      <c r="B346">
        <v>158.72200000000001</v>
      </c>
      <c r="C346">
        <v>197.14699999999999</v>
      </c>
      <c r="D346">
        <v>2870.87</v>
      </c>
      <c r="E346">
        <v>3.8110200000000001</v>
      </c>
      <c r="F346">
        <v>4263.33</v>
      </c>
      <c r="G346">
        <v>38.460900000000002</v>
      </c>
    </row>
    <row r="347" spans="1:7" x14ac:dyDescent="0.25">
      <c r="A347">
        <v>3</v>
      </c>
      <c r="B347">
        <v>137.62</v>
      </c>
      <c r="C347">
        <v>197.77699999999999</v>
      </c>
      <c r="D347">
        <v>7154.33</v>
      </c>
      <c r="E347">
        <v>3.8818899999999998</v>
      </c>
      <c r="F347">
        <v>8594.08</v>
      </c>
      <c r="G347">
        <v>17.114599999999999</v>
      </c>
    </row>
    <row r="348" spans="1:7" x14ac:dyDescent="0.25">
      <c r="A348">
        <v>3</v>
      </c>
      <c r="B348">
        <v>161.24199999999999</v>
      </c>
      <c r="C348">
        <v>205.02099999999999</v>
      </c>
      <c r="D348">
        <v>1800</v>
      </c>
      <c r="E348">
        <v>1.07087</v>
      </c>
      <c r="F348">
        <v>5290.12</v>
      </c>
      <c r="G348">
        <v>26.030200000000001</v>
      </c>
    </row>
    <row r="349" spans="1:7" x14ac:dyDescent="0.25">
      <c r="A349">
        <v>3</v>
      </c>
      <c r="B349">
        <v>135.41499999999999</v>
      </c>
      <c r="C349">
        <v>205.65100000000001</v>
      </c>
      <c r="D349">
        <v>7154.33</v>
      </c>
      <c r="E349">
        <v>2.7716500000000002</v>
      </c>
      <c r="F349">
        <v>8961.17</v>
      </c>
      <c r="G349">
        <v>14.0649</v>
      </c>
    </row>
    <row r="350" spans="1:7" x14ac:dyDescent="0.25">
      <c r="A350">
        <v>3</v>
      </c>
      <c r="B350">
        <v>173.21</v>
      </c>
      <c r="C350">
        <v>196.83199999999999</v>
      </c>
      <c r="D350">
        <v>7422.05</v>
      </c>
      <c r="E350">
        <v>3.8818899999999998</v>
      </c>
      <c r="F350">
        <v>3576</v>
      </c>
      <c r="G350">
        <v>106.724</v>
      </c>
    </row>
    <row r="351" spans="1:7" x14ac:dyDescent="0.25">
      <c r="A351">
        <v>3</v>
      </c>
      <c r="B351">
        <v>155.572</v>
      </c>
      <c r="C351">
        <v>211.95</v>
      </c>
      <c r="D351">
        <v>3406.3</v>
      </c>
      <c r="E351">
        <v>2.5826799999999999</v>
      </c>
      <c r="F351">
        <v>5065.6899999999996</v>
      </c>
      <c r="G351">
        <v>26.941400000000002</v>
      </c>
    </row>
    <row r="352" spans="1:7" x14ac:dyDescent="0.25">
      <c r="A352">
        <v>3</v>
      </c>
      <c r="B352">
        <v>156.202</v>
      </c>
      <c r="C352">
        <v>205.65100000000001</v>
      </c>
      <c r="D352">
        <v>3138.58</v>
      </c>
      <c r="E352">
        <v>2.8425199999999999</v>
      </c>
      <c r="F352">
        <v>4753.7700000000004</v>
      </c>
      <c r="G352">
        <v>29.0214</v>
      </c>
    </row>
    <row r="361" spans="1:7" x14ac:dyDescent="0.25">
      <c r="A361">
        <v>4</v>
      </c>
      <c r="B361">
        <v>137.62</v>
      </c>
      <c r="C361">
        <v>197.77699999999999</v>
      </c>
      <c r="D361">
        <v>7154.33</v>
      </c>
      <c r="E361">
        <v>3.8818899999999998</v>
      </c>
      <c r="F361">
        <v>8594.08</v>
      </c>
      <c r="G361">
        <v>17.114599999999999</v>
      </c>
    </row>
    <row r="362" spans="1:7" x14ac:dyDescent="0.25">
      <c r="A362">
        <v>4</v>
      </c>
      <c r="B362">
        <v>136.04499999999999</v>
      </c>
      <c r="C362">
        <v>210.691</v>
      </c>
      <c r="D362">
        <v>7154.33</v>
      </c>
      <c r="E362">
        <v>3.2440899999999999</v>
      </c>
      <c r="F362">
        <v>8654.58</v>
      </c>
      <c r="G362">
        <v>14.382300000000001</v>
      </c>
    </row>
    <row r="363" spans="1:7" x14ac:dyDescent="0.25">
      <c r="A363">
        <v>4</v>
      </c>
      <c r="B363">
        <v>135.41499999999999</v>
      </c>
      <c r="C363">
        <v>205.65100000000001</v>
      </c>
      <c r="D363">
        <v>7154.33</v>
      </c>
      <c r="E363">
        <v>2.7716500000000002</v>
      </c>
      <c r="F363">
        <v>8961.17</v>
      </c>
      <c r="G363">
        <v>14.0649</v>
      </c>
    </row>
    <row r="364" spans="1:7" x14ac:dyDescent="0.25">
      <c r="A364">
        <v>4</v>
      </c>
      <c r="B364">
        <v>158.72200000000001</v>
      </c>
      <c r="C364">
        <v>197.14699999999999</v>
      </c>
      <c r="D364">
        <v>2870.87</v>
      </c>
      <c r="E364">
        <v>3.8110200000000001</v>
      </c>
      <c r="F364">
        <v>4263.33</v>
      </c>
      <c r="G364">
        <v>38.460900000000002</v>
      </c>
    </row>
    <row r="365" spans="1:7" x14ac:dyDescent="0.25">
      <c r="A365">
        <v>4</v>
      </c>
      <c r="B365">
        <v>163.761</v>
      </c>
      <c r="C365">
        <v>196.202</v>
      </c>
      <c r="D365">
        <v>2870.87</v>
      </c>
      <c r="E365">
        <v>3.9291299999999998</v>
      </c>
      <c r="F365">
        <v>4077.06</v>
      </c>
      <c r="G365">
        <v>80.999899999999997</v>
      </c>
    </row>
    <row r="366" spans="1:7" x14ac:dyDescent="0.25">
      <c r="A366">
        <v>4</v>
      </c>
      <c r="B366">
        <v>137.935</v>
      </c>
      <c r="C366">
        <v>208.17099999999999</v>
      </c>
      <c r="D366">
        <v>7154.33</v>
      </c>
      <c r="E366">
        <v>3.90551</v>
      </c>
      <c r="F366">
        <v>8538.65</v>
      </c>
      <c r="G366">
        <v>17.1496</v>
      </c>
    </row>
    <row r="367" spans="1:7" x14ac:dyDescent="0.25">
      <c r="A367">
        <v>4</v>
      </c>
      <c r="B367">
        <v>158.72200000000001</v>
      </c>
      <c r="C367">
        <v>205.65100000000001</v>
      </c>
      <c r="D367">
        <v>2870.87</v>
      </c>
      <c r="E367">
        <v>3.0551200000000001</v>
      </c>
      <c r="F367">
        <v>4541.95</v>
      </c>
      <c r="G367">
        <v>48.884999999999998</v>
      </c>
    </row>
    <row r="368" spans="1:7" x14ac:dyDescent="0.25">
      <c r="A368">
        <v>4</v>
      </c>
      <c r="B368">
        <v>161.24199999999999</v>
      </c>
      <c r="C368">
        <v>201.87200000000001</v>
      </c>
      <c r="D368">
        <v>7154.33</v>
      </c>
      <c r="E368">
        <v>2.6771699999999998</v>
      </c>
      <c r="F368">
        <v>8541.2800000000007</v>
      </c>
      <c r="G368">
        <v>28.816800000000001</v>
      </c>
    </row>
    <row r="369" spans="1:7" x14ac:dyDescent="0.25">
      <c r="A369">
        <v>4</v>
      </c>
      <c r="B369">
        <v>155.572</v>
      </c>
      <c r="C369">
        <v>205.65100000000001</v>
      </c>
      <c r="D369">
        <v>7154.33</v>
      </c>
      <c r="E369">
        <v>1.07087</v>
      </c>
      <c r="F369">
        <v>10471.5</v>
      </c>
      <c r="G369">
        <v>37.923299999999998</v>
      </c>
    </row>
    <row r="370" spans="1:7" x14ac:dyDescent="0.25">
      <c r="A370">
        <v>4</v>
      </c>
      <c r="B370">
        <v>156.202</v>
      </c>
      <c r="C370">
        <v>207.541</v>
      </c>
      <c r="D370">
        <v>3004.72</v>
      </c>
      <c r="E370">
        <v>3.9763799999999998</v>
      </c>
      <c r="F370">
        <v>4360.51</v>
      </c>
      <c r="G370">
        <v>36.148800000000001</v>
      </c>
    </row>
    <row r="371" spans="1:7" x14ac:dyDescent="0.25">
      <c r="A371">
        <v>4</v>
      </c>
      <c r="B371">
        <v>136.04499999999999</v>
      </c>
      <c r="C371">
        <v>205.65100000000001</v>
      </c>
      <c r="D371">
        <v>7288.19</v>
      </c>
      <c r="E371">
        <v>3.2440899999999999</v>
      </c>
      <c r="F371">
        <v>8780.77</v>
      </c>
      <c r="G371">
        <v>14.721</v>
      </c>
    </row>
    <row r="372" spans="1:7" x14ac:dyDescent="0.25">
      <c r="A372">
        <v>4</v>
      </c>
      <c r="B372">
        <v>165.65100000000001</v>
      </c>
      <c r="C372">
        <v>200.92699999999999</v>
      </c>
      <c r="D372">
        <v>5548.03</v>
      </c>
      <c r="E372">
        <v>2.5590600000000001</v>
      </c>
      <c r="F372">
        <v>6453.21</v>
      </c>
      <c r="G372">
        <v>88.205600000000004</v>
      </c>
    </row>
    <row r="373" spans="1:7" x14ac:dyDescent="0.25">
      <c r="A373">
        <v>4</v>
      </c>
      <c r="B373">
        <v>173.21</v>
      </c>
      <c r="C373">
        <v>207.541</v>
      </c>
      <c r="D373">
        <v>2870.87</v>
      </c>
      <c r="E373">
        <v>2.5590600000000001</v>
      </c>
      <c r="F373">
        <v>3803.24</v>
      </c>
      <c r="G373">
        <v>117.142</v>
      </c>
    </row>
    <row r="374" spans="1:7" x14ac:dyDescent="0.25">
      <c r="A374">
        <v>4</v>
      </c>
      <c r="B374">
        <v>156.202</v>
      </c>
      <c r="C374">
        <v>205.02099999999999</v>
      </c>
      <c r="D374">
        <v>6083.46</v>
      </c>
      <c r="E374">
        <v>1.02362</v>
      </c>
      <c r="F374">
        <v>5936.56</v>
      </c>
      <c r="G374">
        <v>38.229999999999997</v>
      </c>
    </row>
    <row r="375" spans="1:7" x14ac:dyDescent="0.25">
      <c r="A375">
        <v>4</v>
      </c>
      <c r="B375">
        <v>156.202</v>
      </c>
      <c r="C375">
        <v>205.65100000000001</v>
      </c>
      <c r="D375">
        <v>2870.87</v>
      </c>
      <c r="E375">
        <v>2.8661400000000001</v>
      </c>
      <c r="F375">
        <v>4726.76</v>
      </c>
      <c r="G375">
        <v>37.055199999999999</v>
      </c>
    </row>
    <row r="376" spans="1:7" x14ac:dyDescent="0.25">
      <c r="A376">
        <v>4</v>
      </c>
      <c r="B376">
        <v>156.202</v>
      </c>
      <c r="C376">
        <v>196.202</v>
      </c>
      <c r="D376">
        <v>3004.72</v>
      </c>
      <c r="E376">
        <v>1.44882</v>
      </c>
      <c r="F376">
        <v>5580.95</v>
      </c>
      <c r="G376">
        <v>26.047799999999999</v>
      </c>
    </row>
    <row r="377" spans="1:7" x14ac:dyDescent="0.25">
      <c r="A377">
        <v>4</v>
      </c>
      <c r="B377">
        <v>173.21</v>
      </c>
      <c r="C377">
        <v>198.09200000000001</v>
      </c>
      <c r="D377">
        <v>7422.05</v>
      </c>
      <c r="E377">
        <v>3.8818899999999998</v>
      </c>
      <c r="F377">
        <v>3576</v>
      </c>
      <c r="G377">
        <v>106.724</v>
      </c>
    </row>
    <row r="378" spans="1:7" x14ac:dyDescent="0.25">
      <c r="A378">
        <v>4</v>
      </c>
      <c r="B378">
        <v>168.80099999999999</v>
      </c>
      <c r="C378">
        <v>198.40700000000001</v>
      </c>
      <c r="D378">
        <v>7154.33</v>
      </c>
      <c r="E378">
        <v>3.7165400000000002</v>
      </c>
      <c r="F378">
        <v>4701.1400000000003</v>
      </c>
      <c r="G378">
        <v>42.593600000000002</v>
      </c>
    </row>
    <row r="379" spans="1:7" x14ac:dyDescent="0.25">
      <c r="A379">
        <v>4</v>
      </c>
      <c r="B379">
        <v>156.202</v>
      </c>
      <c r="C379">
        <v>200.61199999999999</v>
      </c>
      <c r="D379">
        <v>3406.3</v>
      </c>
      <c r="E379">
        <v>2.7716500000000002</v>
      </c>
      <c r="F379">
        <v>5016.43</v>
      </c>
      <c r="G379">
        <v>28.8216</v>
      </c>
    </row>
    <row r="380" spans="1:7" x14ac:dyDescent="0.25">
      <c r="A380">
        <v>4</v>
      </c>
      <c r="B380">
        <v>165.65100000000001</v>
      </c>
      <c r="C380">
        <v>205.65100000000001</v>
      </c>
      <c r="D380">
        <v>7154.33</v>
      </c>
      <c r="E380">
        <v>3.90551</v>
      </c>
      <c r="F380">
        <v>6599.79</v>
      </c>
      <c r="G380">
        <v>81.491600000000005</v>
      </c>
    </row>
    <row r="381" spans="1:7" x14ac:dyDescent="0.25">
      <c r="A381">
        <v>4</v>
      </c>
      <c r="B381">
        <v>163.761</v>
      </c>
      <c r="C381">
        <v>207.541</v>
      </c>
      <c r="D381">
        <v>2870.87</v>
      </c>
      <c r="E381">
        <v>3.7873999999999999</v>
      </c>
      <c r="F381">
        <v>4078.6</v>
      </c>
      <c r="G381">
        <v>81.278599999999997</v>
      </c>
    </row>
    <row r="382" spans="1:7" x14ac:dyDescent="0.25">
      <c r="A382">
        <v>4</v>
      </c>
      <c r="B382">
        <v>136.04499999999999</v>
      </c>
      <c r="C382">
        <v>210.691</v>
      </c>
      <c r="D382">
        <v>7154.33</v>
      </c>
      <c r="E382">
        <v>3.2440899999999999</v>
      </c>
      <c r="F382">
        <v>8654.58</v>
      </c>
      <c r="G382">
        <v>14.382300000000001</v>
      </c>
    </row>
    <row r="383" spans="1:7" x14ac:dyDescent="0.25">
      <c r="A383">
        <v>4</v>
      </c>
      <c r="B383">
        <v>158.72200000000001</v>
      </c>
      <c r="C383">
        <v>196.83199999999999</v>
      </c>
      <c r="D383">
        <v>3540.16</v>
      </c>
      <c r="E383">
        <v>3.5748000000000002</v>
      </c>
      <c r="F383">
        <v>4830.8599999999997</v>
      </c>
      <c r="G383">
        <v>56.798699999999997</v>
      </c>
    </row>
    <row r="384" spans="1:7" x14ac:dyDescent="0.25">
      <c r="A384">
        <v>4</v>
      </c>
      <c r="B384">
        <v>158.72200000000001</v>
      </c>
      <c r="C384">
        <v>195.572</v>
      </c>
      <c r="D384">
        <v>11437.8</v>
      </c>
      <c r="E384">
        <v>3.0551200000000001</v>
      </c>
      <c r="F384">
        <v>12721.1</v>
      </c>
      <c r="G384">
        <v>57.535800000000002</v>
      </c>
    </row>
    <row r="385" spans="1:7" x14ac:dyDescent="0.25">
      <c r="A385">
        <v>4</v>
      </c>
      <c r="B385">
        <v>171.32</v>
      </c>
      <c r="C385">
        <v>195.572</v>
      </c>
      <c r="D385">
        <v>7555.91</v>
      </c>
      <c r="E385">
        <v>2.1574800000000001</v>
      </c>
      <c r="F385">
        <v>4303.7299999999996</v>
      </c>
      <c r="G385">
        <v>94.798000000000002</v>
      </c>
    </row>
    <row r="386" spans="1:7" x14ac:dyDescent="0.25">
      <c r="A386">
        <v>4</v>
      </c>
      <c r="B386">
        <v>162.81700000000001</v>
      </c>
      <c r="C386">
        <v>197.46199999999999</v>
      </c>
      <c r="D386">
        <v>2870.87</v>
      </c>
      <c r="E386">
        <v>3.9763799999999998</v>
      </c>
      <c r="F386">
        <v>4217.33</v>
      </c>
      <c r="G386">
        <v>79.893900000000002</v>
      </c>
    </row>
    <row r="387" spans="1:7" x14ac:dyDescent="0.25">
      <c r="A387">
        <v>4</v>
      </c>
      <c r="B387">
        <v>158.09200000000001</v>
      </c>
      <c r="C387">
        <v>199.667</v>
      </c>
      <c r="D387">
        <v>2870.87</v>
      </c>
      <c r="E387">
        <v>3.9763799999999998</v>
      </c>
      <c r="F387">
        <v>4220.8</v>
      </c>
      <c r="G387">
        <v>37.315100000000001</v>
      </c>
    </row>
    <row r="388" spans="1:7" x14ac:dyDescent="0.25">
      <c r="A388">
        <v>4</v>
      </c>
      <c r="B388">
        <v>165.65100000000001</v>
      </c>
      <c r="C388">
        <v>195.25700000000001</v>
      </c>
      <c r="D388">
        <v>3138.58</v>
      </c>
      <c r="E388">
        <v>3.6929099999999999</v>
      </c>
      <c r="F388">
        <v>4322.2299999999996</v>
      </c>
      <c r="G388">
        <v>81.948700000000002</v>
      </c>
    </row>
    <row r="389" spans="1:7" x14ac:dyDescent="0.25">
      <c r="A389">
        <v>4</v>
      </c>
      <c r="B389">
        <v>135.1</v>
      </c>
      <c r="C389">
        <v>195.572</v>
      </c>
      <c r="D389">
        <v>7154.33</v>
      </c>
      <c r="E389">
        <v>2.74803</v>
      </c>
      <c r="F389">
        <v>8964.41</v>
      </c>
      <c r="G389">
        <v>15.3666</v>
      </c>
    </row>
    <row r="390" spans="1:7" x14ac:dyDescent="0.25">
      <c r="A390">
        <v>4</v>
      </c>
      <c r="B390">
        <v>168.80099999999999</v>
      </c>
      <c r="C390">
        <v>196.83199999999999</v>
      </c>
      <c r="D390">
        <v>2870.87</v>
      </c>
      <c r="E390">
        <v>3.14961</v>
      </c>
      <c r="F390">
        <v>4277.7700000000004</v>
      </c>
      <c r="G390">
        <v>82.929599999999994</v>
      </c>
    </row>
    <row r="391" spans="1:7" x14ac:dyDescent="0.25">
      <c r="A391">
        <v>4</v>
      </c>
      <c r="B391">
        <v>170.376</v>
      </c>
      <c r="C391">
        <v>197.77699999999999</v>
      </c>
      <c r="D391">
        <v>7422.05</v>
      </c>
      <c r="E391">
        <v>2.74803</v>
      </c>
      <c r="F391">
        <v>4377.1000000000004</v>
      </c>
      <c r="G391">
        <v>85.0304</v>
      </c>
    </row>
    <row r="392" spans="1:7" x14ac:dyDescent="0.25">
      <c r="A392">
        <v>4</v>
      </c>
      <c r="B392">
        <v>156.202</v>
      </c>
      <c r="C392">
        <v>206.28100000000001</v>
      </c>
      <c r="D392">
        <v>3004.72</v>
      </c>
      <c r="E392">
        <v>3.5275599999999998</v>
      </c>
      <c r="F392">
        <v>4488.49</v>
      </c>
      <c r="G392">
        <v>37.297699999999999</v>
      </c>
    </row>
    <row r="393" spans="1:7" x14ac:dyDescent="0.25">
      <c r="A393">
        <v>4</v>
      </c>
      <c r="B393">
        <v>168.17099999999999</v>
      </c>
      <c r="C393">
        <v>195.572</v>
      </c>
      <c r="D393">
        <v>7422.05</v>
      </c>
      <c r="E393">
        <v>3.2204700000000002</v>
      </c>
      <c r="F393">
        <v>4935.53</v>
      </c>
      <c r="G393">
        <v>82.679100000000005</v>
      </c>
    </row>
    <row r="394" spans="1:7" x14ac:dyDescent="0.25">
      <c r="A394">
        <v>4</v>
      </c>
      <c r="B394">
        <v>155.887</v>
      </c>
      <c r="C394">
        <v>195.25700000000001</v>
      </c>
      <c r="D394">
        <v>7154.33</v>
      </c>
      <c r="E394">
        <v>3.10236</v>
      </c>
      <c r="F394">
        <v>8718.06</v>
      </c>
      <c r="G394">
        <v>41.151000000000003</v>
      </c>
    </row>
    <row r="395" spans="1:7" x14ac:dyDescent="0.25">
      <c r="A395">
        <v>4</v>
      </c>
      <c r="B395">
        <v>135.41499999999999</v>
      </c>
      <c r="C395">
        <v>195.572</v>
      </c>
      <c r="D395">
        <v>7288.19</v>
      </c>
      <c r="E395">
        <v>1.07087</v>
      </c>
      <c r="F395">
        <v>10796.1</v>
      </c>
      <c r="G395">
        <v>13.130599999999999</v>
      </c>
    </row>
    <row r="396" spans="1:7" x14ac:dyDescent="0.25">
      <c r="A396">
        <v>4</v>
      </c>
      <c r="B396">
        <v>156.202</v>
      </c>
      <c r="C396">
        <v>197.46199999999999</v>
      </c>
      <c r="D396">
        <v>3004.72</v>
      </c>
      <c r="E396">
        <v>3.2440899999999999</v>
      </c>
      <c r="F396">
        <v>4746.22</v>
      </c>
      <c r="G396">
        <v>37.851900000000001</v>
      </c>
    </row>
    <row r="397" spans="1:7" x14ac:dyDescent="0.25">
      <c r="A397">
        <v>4</v>
      </c>
      <c r="B397">
        <v>161.24199999999999</v>
      </c>
      <c r="C397">
        <v>197.46199999999999</v>
      </c>
      <c r="D397">
        <v>2870.87</v>
      </c>
      <c r="E397">
        <v>1.54331</v>
      </c>
      <c r="F397">
        <v>5276.71</v>
      </c>
      <c r="G397">
        <v>66.915499999999994</v>
      </c>
    </row>
    <row r="398" spans="1:7" x14ac:dyDescent="0.25">
      <c r="A398">
        <v>4</v>
      </c>
      <c r="B398">
        <v>156.202</v>
      </c>
      <c r="C398">
        <v>205.65100000000001</v>
      </c>
      <c r="D398">
        <v>7154.33</v>
      </c>
      <c r="E398">
        <v>2.8425199999999999</v>
      </c>
      <c r="F398">
        <v>8680.2999999999993</v>
      </c>
      <c r="G398">
        <v>41.644399999999997</v>
      </c>
    </row>
    <row r="399" spans="1:7" x14ac:dyDescent="0.25">
      <c r="A399">
        <v>4</v>
      </c>
      <c r="B399">
        <v>173.21</v>
      </c>
      <c r="C399">
        <v>197.14699999999999</v>
      </c>
      <c r="D399">
        <v>2870.87</v>
      </c>
      <c r="E399">
        <v>3.7873999999999999</v>
      </c>
      <c r="F399">
        <v>3575.56</v>
      </c>
      <c r="G399">
        <v>107.048</v>
      </c>
    </row>
    <row r="400" spans="1:7" x14ac:dyDescent="0.25">
      <c r="A400">
        <v>4</v>
      </c>
      <c r="B400">
        <v>135.41499999999999</v>
      </c>
      <c r="C400">
        <v>205.65100000000001</v>
      </c>
      <c r="D400">
        <v>7154.33</v>
      </c>
      <c r="E400">
        <v>2.7716500000000002</v>
      </c>
      <c r="F400">
        <v>8961.17</v>
      </c>
      <c r="G400">
        <v>14.0649</v>
      </c>
    </row>
    <row r="401" spans="1:7" x14ac:dyDescent="0.25">
      <c r="A401">
        <v>4</v>
      </c>
      <c r="B401">
        <v>168.17099999999999</v>
      </c>
      <c r="C401">
        <v>202.50200000000001</v>
      </c>
      <c r="D401">
        <v>2870.87</v>
      </c>
      <c r="E401">
        <v>3.7165400000000002</v>
      </c>
      <c r="F401">
        <v>4062.18</v>
      </c>
      <c r="G401">
        <v>76.772000000000006</v>
      </c>
    </row>
    <row r="402" spans="1:7" x14ac:dyDescent="0.25">
      <c r="A402">
        <v>4</v>
      </c>
      <c r="B402">
        <v>160.61199999999999</v>
      </c>
      <c r="C402">
        <v>211.32</v>
      </c>
      <c r="D402">
        <v>1800</v>
      </c>
      <c r="E402">
        <v>2.8425199999999999</v>
      </c>
      <c r="F402">
        <v>3690.12</v>
      </c>
      <c r="G402">
        <v>73.507800000000003</v>
      </c>
    </row>
    <row r="403" spans="1:7" x14ac:dyDescent="0.25">
      <c r="A403">
        <v>4</v>
      </c>
      <c r="B403">
        <v>156.202</v>
      </c>
      <c r="C403">
        <v>205.33600000000001</v>
      </c>
      <c r="D403">
        <v>5012.6000000000004</v>
      </c>
      <c r="E403">
        <v>2.74803</v>
      </c>
      <c r="F403">
        <v>6673.72</v>
      </c>
      <c r="G403">
        <v>34.154200000000003</v>
      </c>
    </row>
    <row r="404" spans="1:7" x14ac:dyDescent="0.25">
      <c r="A404">
        <v>4</v>
      </c>
      <c r="B404">
        <v>168.80099999999999</v>
      </c>
      <c r="C404">
        <v>195.572</v>
      </c>
      <c r="D404">
        <v>7154.33</v>
      </c>
      <c r="E404">
        <v>2.1810999999999998</v>
      </c>
      <c r="F404">
        <v>5066.6000000000004</v>
      </c>
      <c r="G404">
        <v>92.904399999999995</v>
      </c>
    </row>
    <row r="405" spans="1:7" x14ac:dyDescent="0.25">
      <c r="A405">
        <v>4</v>
      </c>
      <c r="B405">
        <v>163.131</v>
      </c>
      <c r="C405">
        <v>195.887</v>
      </c>
      <c r="D405">
        <v>2870.87</v>
      </c>
      <c r="E405">
        <v>3.4094500000000001</v>
      </c>
      <c r="F405">
        <v>4172.18</v>
      </c>
      <c r="G405">
        <v>81.347499999999997</v>
      </c>
    </row>
    <row r="406" spans="1:7" x14ac:dyDescent="0.25">
      <c r="A406">
        <v>4</v>
      </c>
      <c r="B406">
        <v>137.935</v>
      </c>
      <c r="C406">
        <v>198.40700000000001</v>
      </c>
      <c r="D406">
        <v>7154.33</v>
      </c>
      <c r="E406">
        <v>3.8818899999999998</v>
      </c>
      <c r="F406">
        <v>8604.5499999999993</v>
      </c>
      <c r="G406">
        <v>17.0366</v>
      </c>
    </row>
    <row r="407" spans="1:7" x14ac:dyDescent="0.25">
      <c r="A407">
        <v>4</v>
      </c>
      <c r="B407">
        <v>160.61199999999999</v>
      </c>
      <c r="C407">
        <v>196.202</v>
      </c>
      <c r="D407">
        <v>2870.87</v>
      </c>
      <c r="E407">
        <v>3.6220500000000002</v>
      </c>
      <c r="F407">
        <v>4183.45</v>
      </c>
      <c r="G407">
        <v>28.847799999999999</v>
      </c>
    </row>
    <row r="408" spans="1:7" x14ac:dyDescent="0.25">
      <c r="A408">
        <v>4</v>
      </c>
      <c r="B408">
        <v>135.41499999999999</v>
      </c>
      <c r="C408">
        <v>205.65100000000001</v>
      </c>
      <c r="D408">
        <v>3674.02</v>
      </c>
      <c r="E408">
        <v>1.2598400000000001</v>
      </c>
      <c r="F408">
        <v>7028.63</v>
      </c>
      <c r="G408">
        <v>56.518700000000003</v>
      </c>
    </row>
    <row r="409" spans="1:7" x14ac:dyDescent="0.25">
      <c r="A409">
        <v>4</v>
      </c>
      <c r="B409">
        <v>168.17099999999999</v>
      </c>
      <c r="C409">
        <v>197.14699999999999</v>
      </c>
      <c r="D409">
        <v>2870.87</v>
      </c>
      <c r="E409">
        <v>3.8110200000000001</v>
      </c>
      <c r="F409">
        <v>3961.22</v>
      </c>
      <c r="G409">
        <v>50.840899999999998</v>
      </c>
    </row>
    <row r="410" spans="1:7" x14ac:dyDescent="0.25">
      <c r="A410">
        <v>4</v>
      </c>
      <c r="B410">
        <v>160.61199999999999</v>
      </c>
      <c r="C410">
        <v>212.58</v>
      </c>
      <c r="D410">
        <v>3406.3</v>
      </c>
      <c r="E410">
        <v>1.3307100000000001</v>
      </c>
      <c r="F410">
        <v>6555.23</v>
      </c>
      <c r="G410">
        <v>25.168900000000001</v>
      </c>
    </row>
    <row r="411" spans="1:7" x14ac:dyDescent="0.25">
      <c r="A411">
        <v>4</v>
      </c>
      <c r="B411">
        <v>155.572</v>
      </c>
      <c r="C411">
        <v>202.81700000000001</v>
      </c>
      <c r="D411">
        <v>2335.4299999999998</v>
      </c>
      <c r="E411">
        <v>1.7086600000000001</v>
      </c>
      <c r="F411">
        <v>4880.76</v>
      </c>
      <c r="G411">
        <v>50.233800000000002</v>
      </c>
    </row>
    <row r="412" spans="1:7" x14ac:dyDescent="0.25">
      <c r="A412">
        <v>4</v>
      </c>
      <c r="B412">
        <v>156.202</v>
      </c>
      <c r="C412">
        <v>198.72200000000001</v>
      </c>
      <c r="D412">
        <v>1800</v>
      </c>
      <c r="E412">
        <v>2.6771699999999998</v>
      </c>
      <c r="F412">
        <v>3804.86</v>
      </c>
      <c r="G412">
        <v>76.507099999999994</v>
      </c>
    </row>
    <row r="413" spans="1:7" x14ac:dyDescent="0.25">
      <c r="A413">
        <v>4</v>
      </c>
      <c r="B413">
        <v>158.09200000000001</v>
      </c>
      <c r="C413">
        <v>195.572</v>
      </c>
      <c r="D413">
        <v>3272.44</v>
      </c>
      <c r="E413">
        <v>3.8818899999999998</v>
      </c>
      <c r="F413">
        <v>4486.76</v>
      </c>
      <c r="G413">
        <v>53.834699999999998</v>
      </c>
    </row>
    <row r="414" spans="1:7" x14ac:dyDescent="0.25">
      <c r="A414">
        <v>4</v>
      </c>
      <c r="B414">
        <v>135.41499999999999</v>
      </c>
      <c r="C414">
        <v>205.65100000000001</v>
      </c>
      <c r="D414">
        <v>3004.72</v>
      </c>
      <c r="E414">
        <v>3.4803099999999998</v>
      </c>
      <c r="F414">
        <v>4754.9799999999996</v>
      </c>
      <c r="G414">
        <v>104.666</v>
      </c>
    </row>
    <row r="415" spans="1:7" x14ac:dyDescent="0.25">
      <c r="A415">
        <v>4</v>
      </c>
      <c r="B415">
        <v>137.62</v>
      </c>
      <c r="C415">
        <v>197.77699999999999</v>
      </c>
      <c r="D415">
        <v>7154.33</v>
      </c>
      <c r="E415">
        <v>3.8818899999999998</v>
      </c>
      <c r="F415">
        <v>8594.08</v>
      </c>
      <c r="G415">
        <v>17.114599999999999</v>
      </c>
    </row>
    <row r="416" spans="1:7" x14ac:dyDescent="0.25">
      <c r="A416">
        <v>4</v>
      </c>
      <c r="B416">
        <v>146.124</v>
      </c>
      <c r="C416">
        <v>197.14699999999999</v>
      </c>
      <c r="D416">
        <v>5012.6000000000004</v>
      </c>
      <c r="E416">
        <v>3.6929099999999999</v>
      </c>
      <c r="F416">
        <v>6303.48</v>
      </c>
      <c r="G416">
        <v>23.261099999999999</v>
      </c>
    </row>
    <row r="417" spans="1:7" x14ac:dyDescent="0.25">
      <c r="A417">
        <v>4</v>
      </c>
      <c r="B417">
        <v>158.72200000000001</v>
      </c>
      <c r="C417">
        <v>207.226</v>
      </c>
      <c r="D417">
        <v>2870.87</v>
      </c>
      <c r="E417">
        <v>2.6771699999999998</v>
      </c>
      <c r="F417">
        <v>4697.8599999999997</v>
      </c>
      <c r="G417">
        <v>51.361199999999997</v>
      </c>
    </row>
    <row r="418" spans="1:7" x14ac:dyDescent="0.25">
      <c r="A418">
        <v>4</v>
      </c>
      <c r="B418">
        <v>173.21</v>
      </c>
      <c r="C418">
        <v>197.46199999999999</v>
      </c>
      <c r="D418">
        <v>2870.87</v>
      </c>
      <c r="E418">
        <v>3.8110200000000001</v>
      </c>
      <c r="F418">
        <v>3575.6</v>
      </c>
      <c r="G418">
        <v>106.96899999999999</v>
      </c>
    </row>
    <row r="419" spans="1:7" x14ac:dyDescent="0.25">
      <c r="A419">
        <v>4</v>
      </c>
      <c r="B419">
        <v>156.202</v>
      </c>
      <c r="C419">
        <v>205.65100000000001</v>
      </c>
      <c r="D419">
        <v>3004.72</v>
      </c>
      <c r="E419">
        <v>3.2204700000000002</v>
      </c>
      <c r="F419">
        <v>4697.3900000000003</v>
      </c>
      <c r="G419">
        <v>42.2134</v>
      </c>
    </row>
    <row r="420" spans="1:7" x14ac:dyDescent="0.25">
      <c r="A420">
        <v>4</v>
      </c>
      <c r="B420">
        <v>170.691</v>
      </c>
      <c r="C420">
        <v>196.83199999999999</v>
      </c>
      <c r="D420">
        <v>7288.19</v>
      </c>
      <c r="E420">
        <v>1.2362200000000001</v>
      </c>
      <c r="F420">
        <v>5235</v>
      </c>
      <c r="G420">
        <v>88.299599999999998</v>
      </c>
    </row>
    <row r="421" spans="1:7" x14ac:dyDescent="0.25">
      <c r="A421">
        <v>4</v>
      </c>
      <c r="B421">
        <v>166.28100000000001</v>
      </c>
      <c r="C421">
        <v>195.572</v>
      </c>
      <c r="D421">
        <v>7288.19</v>
      </c>
      <c r="E421">
        <v>1.02362</v>
      </c>
      <c r="F421">
        <v>7152.81</v>
      </c>
      <c r="G421">
        <v>19.911000000000001</v>
      </c>
    </row>
    <row r="422" spans="1:7" x14ac:dyDescent="0.25">
      <c r="A422">
        <v>4</v>
      </c>
      <c r="B422">
        <v>136.04499999999999</v>
      </c>
      <c r="C422">
        <v>210.691</v>
      </c>
      <c r="D422">
        <v>7154.33</v>
      </c>
      <c r="E422">
        <v>3.2440899999999999</v>
      </c>
      <c r="F422">
        <v>8654.58</v>
      </c>
      <c r="G422">
        <v>14.382300000000001</v>
      </c>
    </row>
    <row r="423" spans="1:7" x14ac:dyDescent="0.25">
      <c r="A423">
        <v>4</v>
      </c>
      <c r="B423">
        <v>136.04499999999999</v>
      </c>
      <c r="C423">
        <v>210.691</v>
      </c>
      <c r="D423">
        <v>7154.33</v>
      </c>
      <c r="E423">
        <v>3.2440899999999999</v>
      </c>
      <c r="F423">
        <v>8654.58</v>
      </c>
      <c r="G423">
        <v>14.382300000000001</v>
      </c>
    </row>
    <row r="424" spans="1:7" x14ac:dyDescent="0.25">
      <c r="A424">
        <v>4</v>
      </c>
      <c r="B424">
        <v>174.47</v>
      </c>
      <c r="C424">
        <v>175.41499999999999</v>
      </c>
      <c r="D424">
        <v>7422.05</v>
      </c>
      <c r="E424">
        <v>3.8582700000000001</v>
      </c>
      <c r="F424">
        <v>3358.18</v>
      </c>
      <c r="G424">
        <v>106.91500000000001</v>
      </c>
    </row>
    <row r="425" spans="1:7" x14ac:dyDescent="0.25">
      <c r="A425">
        <v>4</v>
      </c>
      <c r="B425">
        <v>168.17099999999999</v>
      </c>
      <c r="C425">
        <v>197.14699999999999</v>
      </c>
      <c r="D425">
        <v>2870.87</v>
      </c>
      <c r="E425">
        <v>3.8110200000000001</v>
      </c>
      <c r="F425">
        <v>3961.22</v>
      </c>
      <c r="G425">
        <v>50.840899999999998</v>
      </c>
    </row>
    <row r="426" spans="1:7" x14ac:dyDescent="0.25">
      <c r="A426">
        <v>4</v>
      </c>
      <c r="B426">
        <v>160.61199999999999</v>
      </c>
      <c r="C426">
        <v>211.32</v>
      </c>
      <c r="D426">
        <v>1800</v>
      </c>
      <c r="E426">
        <v>2.8425199999999999</v>
      </c>
      <c r="F426">
        <v>3690.12</v>
      </c>
      <c r="G426">
        <v>73.507800000000003</v>
      </c>
    </row>
    <row r="427" spans="1:7" x14ac:dyDescent="0.25">
      <c r="A427">
        <v>4</v>
      </c>
      <c r="B427">
        <v>160.61199999999999</v>
      </c>
      <c r="C427">
        <v>196.202</v>
      </c>
      <c r="D427">
        <v>2870.87</v>
      </c>
      <c r="E427">
        <v>3.6220500000000002</v>
      </c>
      <c r="F427">
        <v>4183.45</v>
      </c>
      <c r="G427">
        <v>28.847799999999999</v>
      </c>
    </row>
    <row r="428" spans="1:7" x14ac:dyDescent="0.25">
      <c r="A428">
        <v>4</v>
      </c>
      <c r="B428">
        <v>160.61199999999999</v>
      </c>
      <c r="C428">
        <v>213.84</v>
      </c>
      <c r="D428">
        <v>2335.4299999999998</v>
      </c>
      <c r="E428">
        <v>1.3307100000000001</v>
      </c>
      <c r="F428">
        <v>5313.69</v>
      </c>
      <c r="G428">
        <v>25.168900000000001</v>
      </c>
    </row>
    <row r="429" spans="1:7" x14ac:dyDescent="0.25">
      <c r="A429">
        <v>4</v>
      </c>
      <c r="B429">
        <v>160.61199999999999</v>
      </c>
      <c r="C429">
        <v>196.202</v>
      </c>
      <c r="D429">
        <v>2870.87</v>
      </c>
      <c r="E429">
        <v>3.6220500000000002</v>
      </c>
      <c r="F429">
        <v>4183.45</v>
      </c>
      <c r="G429">
        <v>28.847799999999999</v>
      </c>
    </row>
    <row r="430" spans="1:7" x14ac:dyDescent="0.25">
      <c r="A430">
        <v>4</v>
      </c>
      <c r="B430">
        <v>160.61199999999999</v>
      </c>
      <c r="C430">
        <v>213.84</v>
      </c>
      <c r="D430">
        <v>2335.4299999999998</v>
      </c>
      <c r="E430">
        <v>1.3307100000000001</v>
      </c>
      <c r="F430">
        <v>5313.69</v>
      </c>
      <c r="G430">
        <v>25.168900000000001</v>
      </c>
    </row>
    <row r="431" spans="1:7" x14ac:dyDescent="0.25">
      <c r="A431">
        <v>4</v>
      </c>
      <c r="B431">
        <v>137.935</v>
      </c>
      <c r="C431">
        <v>208.17099999999999</v>
      </c>
      <c r="D431">
        <v>7154.33</v>
      </c>
      <c r="E431">
        <v>3.90551</v>
      </c>
      <c r="F431">
        <v>8538.65</v>
      </c>
      <c r="G431">
        <v>17.1496</v>
      </c>
    </row>
    <row r="432" spans="1:7" x14ac:dyDescent="0.25">
      <c r="A432">
        <v>4</v>
      </c>
      <c r="B432">
        <v>174.47</v>
      </c>
      <c r="C432">
        <v>175.41499999999999</v>
      </c>
      <c r="D432">
        <v>7422.05</v>
      </c>
      <c r="E432">
        <v>3.8582700000000001</v>
      </c>
      <c r="F432">
        <v>3358.18</v>
      </c>
      <c r="G432">
        <v>106.91500000000001</v>
      </c>
    </row>
    <row r="433" spans="1:7" x14ac:dyDescent="0.25">
      <c r="A433">
        <v>4</v>
      </c>
      <c r="B433">
        <v>160.61199999999999</v>
      </c>
      <c r="C433">
        <v>211.32</v>
      </c>
      <c r="D433">
        <v>1800</v>
      </c>
      <c r="E433">
        <v>2.8425199999999999</v>
      </c>
      <c r="F433">
        <v>3690.12</v>
      </c>
      <c r="G433">
        <v>73.507800000000003</v>
      </c>
    </row>
    <row r="434" spans="1:7" x14ac:dyDescent="0.25">
      <c r="A434">
        <v>4</v>
      </c>
      <c r="B434">
        <v>145.494</v>
      </c>
      <c r="C434">
        <v>195.887</v>
      </c>
      <c r="D434">
        <v>5012.6000000000004</v>
      </c>
      <c r="E434">
        <v>3.3149600000000001</v>
      </c>
      <c r="F434">
        <v>6539.73</v>
      </c>
      <c r="G434">
        <v>21.848099999999999</v>
      </c>
    </row>
    <row r="435" spans="1:7" x14ac:dyDescent="0.25">
      <c r="A435">
        <v>4</v>
      </c>
      <c r="B435">
        <v>156.202</v>
      </c>
      <c r="C435">
        <v>205.65100000000001</v>
      </c>
      <c r="D435">
        <v>3138.58</v>
      </c>
      <c r="E435">
        <v>2.74803</v>
      </c>
      <c r="F435">
        <v>4860.4399999999996</v>
      </c>
      <c r="G435">
        <v>28.7561</v>
      </c>
    </row>
    <row r="436" spans="1:7" x14ac:dyDescent="0.25">
      <c r="A436">
        <v>4</v>
      </c>
      <c r="B436">
        <v>160.61199999999999</v>
      </c>
      <c r="C436">
        <v>196.202</v>
      </c>
      <c r="D436">
        <v>2870.87</v>
      </c>
      <c r="E436">
        <v>3.6220500000000002</v>
      </c>
      <c r="F436">
        <v>4183.45</v>
      </c>
      <c r="G436">
        <v>28.847799999999999</v>
      </c>
    </row>
    <row r="437" spans="1:7" x14ac:dyDescent="0.25">
      <c r="A437">
        <v>4</v>
      </c>
      <c r="B437">
        <v>137.62</v>
      </c>
      <c r="C437">
        <v>197.77699999999999</v>
      </c>
      <c r="D437">
        <v>7154.33</v>
      </c>
      <c r="E437">
        <v>3.8818899999999998</v>
      </c>
      <c r="F437">
        <v>8594.08</v>
      </c>
      <c r="G437">
        <v>17.114599999999999</v>
      </c>
    </row>
    <row r="438" spans="1:7" x14ac:dyDescent="0.25">
      <c r="A438">
        <v>4</v>
      </c>
      <c r="B438">
        <v>161.24199999999999</v>
      </c>
      <c r="C438">
        <v>205.02099999999999</v>
      </c>
      <c r="D438">
        <v>1800</v>
      </c>
      <c r="E438">
        <v>1.07087</v>
      </c>
      <c r="F438">
        <v>5290.12</v>
      </c>
      <c r="G438">
        <v>26.030200000000001</v>
      </c>
    </row>
    <row r="439" spans="1:7" x14ac:dyDescent="0.25">
      <c r="A439">
        <v>4</v>
      </c>
      <c r="B439">
        <v>135.41499999999999</v>
      </c>
      <c r="C439">
        <v>205.65100000000001</v>
      </c>
      <c r="D439">
        <v>7154.33</v>
      </c>
      <c r="E439">
        <v>2.7716500000000002</v>
      </c>
      <c r="F439">
        <v>8961.17</v>
      </c>
      <c r="G439">
        <v>14.0649</v>
      </c>
    </row>
    <row r="440" spans="1:7" x14ac:dyDescent="0.25">
      <c r="A440">
        <v>4</v>
      </c>
      <c r="B440">
        <v>173.21</v>
      </c>
      <c r="C440">
        <v>198.09200000000001</v>
      </c>
      <c r="D440">
        <v>7422.05</v>
      </c>
      <c r="E440">
        <v>3.8818899999999998</v>
      </c>
      <c r="F440">
        <v>3576</v>
      </c>
      <c r="G440">
        <v>106.724</v>
      </c>
    </row>
    <row r="441" spans="1:7" x14ac:dyDescent="0.25">
      <c r="A441">
        <v>4</v>
      </c>
      <c r="B441">
        <v>155.572</v>
      </c>
      <c r="C441">
        <v>211.95</v>
      </c>
      <c r="D441">
        <v>3406.3</v>
      </c>
      <c r="E441">
        <v>2.5826799999999999</v>
      </c>
      <c r="F441">
        <v>5065.6899999999996</v>
      </c>
      <c r="G441">
        <v>26.941400000000002</v>
      </c>
    </row>
    <row r="442" spans="1:7" x14ac:dyDescent="0.25">
      <c r="A442">
        <v>4</v>
      </c>
      <c r="B442">
        <v>160.61199999999999</v>
      </c>
      <c r="C442">
        <v>196.202</v>
      </c>
      <c r="D442">
        <v>2870.87</v>
      </c>
      <c r="E442">
        <v>3.6220500000000002</v>
      </c>
      <c r="F442">
        <v>4183.45</v>
      </c>
      <c r="G442">
        <v>28.847799999999999</v>
      </c>
    </row>
    <row r="443" spans="1:7" x14ac:dyDescent="0.25">
      <c r="A443">
        <v>4</v>
      </c>
      <c r="B443">
        <v>135.41499999999999</v>
      </c>
      <c r="C443">
        <v>195.572</v>
      </c>
      <c r="D443">
        <v>7288.19</v>
      </c>
      <c r="E443">
        <v>1.07087</v>
      </c>
      <c r="F443">
        <v>10796.1</v>
      </c>
      <c r="G443">
        <v>13.130599999999999</v>
      </c>
    </row>
    <row r="444" spans="1:7" x14ac:dyDescent="0.25">
      <c r="A444">
        <v>4</v>
      </c>
      <c r="B444">
        <v>137.935</v>
      </c>
      <c r="C444">
        <v>198.40700000000001</v>
      </c>
      <c r="D444">
        <v>7154.33</v>
      </c>
      <c r="E444">
        <v>3.8818899999999998</v>
      </c>
      <c r="F444">
        <v>8604.5499999999993</v>
      </c>
      <c r="G444">
        <v>17.0366</v>
      </c>
    </row>
    <row r="445" spans="1:7" x14ac:dyDescent="0.25">
      <c r="A445">
        <v>4</v>
      </c>
      <c r="B445">
        <v>146.124</v>
      </c>
      <c r="C445">
        <v>197.14699999999999</v>
      </c>
      <c r="D445">
        <v>5012.6000000000004</v>
      </c>
      <c r="E445">
        <v>3.6929099999999999</v>
      </c>
      <c r="F445">
        <v>6303.48</v>
      </c>
      <c r="G445">
        <v>23.261099999999999</v>
      </c>
    </row>
    <row r="451" spans="1:7" x14ac:dyDescent="0.25">
      <c r="A451">
        <v>5</v>
      </c>
      <c r="B451">
        <v>156.202</v>
      </c>
      <c r="C451">
        <v>196.202</v>
      </c>
      <c r="D451">
        <v>3004.72</v>
      </c>
      <c r="E451">
        <v>1.44882</v>
      </c>
      <c r="F451">
        <v>5580.95</v>
      </c>
      <c r="G451">
        <v>26.047799999999999</v>
      </c>
    </row>
    <row r="452" spans="1:7" x14ac:dyDescent="0.25">
      <c r="A452">
        <v>5</v>
      </c>
      <c r="B452">
        <v>156.202</v>
      </c>
      <c r="C452">
        <v>200.61199999999999</v>
      </c>
      <c r="D452">
        <v>3406.3</v>
      </c>
      <c r="E452">
        <v>2.7716500000000002</v>
      </c>
      <c r="F452">
        <v>5016.43</v>
      </c>
      <c r="G452">
        <v>28.8216</v>
      </c>
    </row>
    <row r="453" spans="1:7" x14ac:dyDescent="0.25">
      <c r="A453">
        <v>5</v>
      </c>
      <c r="B453">
        <v>135.41499999999999</v>
      </c>
      <c r="C453">
        <v>195.572</v>
      </c>
      <c r="D453">
        <v>7288.19</v>
      </c>
      <c r="E453">
        <v>1.07087</v>
      </c>
      <c r="F453">
        <v>10796.1</v>
      </c>
      <c r="G453">
        <v>13.130599999999999</v>
      </c>
    </row>
    <row r="454" spans="1:7" x14ac:dyDescent="0.25">
      <c r="A454">
        <v>5</v>
      </c>
      <c r="B454">
        <v>160.61199999999999</v>
      </c>
      <c r="C454">
        <v>196.202</v>
      </c>
      <c r="D454">
        <v>2870.87</v>
      </c>
      <c r="E454">
        <v>3.6220500000000002</v>
      </c>
      <c r="F454">
        <v>4183.45</v>
      </c>
      <c r="G454">
        <v>28.847799999999999</v>
      </c>
    </row>
    <row r="455" spans="1:7" x14ac:dyDescent="0.25">
      <c r="A455">
        <v>5</v>
      </c>
      <c r="B455">
        <v>155.572</v>
      </c>
      <c r="C455">
        <v>200.61199999999999</v>
      </c>
      <c r="D455">
        <v>7154.33</v>
      </c>
      <c r="E455">
        <v>2.7716500000000002</v>
      </c>
      <c r="F455">
        <v>8796.65</v>
      </c>
      <c r="G455">
        <v>39.8386</v>
      </c>
    </row>
    <row r="456" spans="1:7" x14ac:dyDescent="0.25">
      <c r="A456">
        <v>5</v>
      </c>
      <c r="B456">
        <v>161.24199999999999</v>
      </c>
      <c r="C456">
        <v>196.202</v>
      </c>
      <c r="D456">
        <v>2870.87</v>
      </c>
      <c r="E456">
        <v>1.54331</v>
      </c>
      <c r="F456">
        <v>5276.71</v>
      </c>
      <c r="G456">
        <v>66.915499999999994</v>
      </c>
    </row>
    <row r="457" spans="1:7" x14ac:dyDescent="0.25">
      <c r="A457">
        <v>5</v>
      </c>
      <c r="B457">
        <v>160.61199999999999</v>
      </c>
      <c r="C457">
        <v>199.982</v>
      </c>
      <c r="D457">
        <v>1800</v>
      </c>
      <c r="E457">
        <v>3.0314999999999999</v>
      </c>
      <c r="F457">
        <v>3590.8</v>
      </c>
      <c r="G457">
        <v>75.763999999999996</v>
      </c>
    </row>
    <row r="458" spans="1:7" x14ac:dyDescent="0.25">
      <c r="A458">
        <v>5</v>
      </c>
      <c r="B458">
        <v>173.21</v>
      </c>
      <c r="C458">
        <v>198.72200000000001</v>
      </c>
      <c r="D458">
        <v>2870.87</v>
      </c>
      <c r="E458">
        <v>4</v>
      </c>
      <c r="F458">
        <v>3577.89</v>
      </c>
      <c r="G458">
        <v>106.288</v>
      </c>
    </row>
    <row r="459" spans="1:7" x14ac:dyDescent="0.25">
      <c r="A459">
        <v>5</v>
      </c>
      <c r="B459">
        <v>135.1</v>
      </c>
      <c r="C459">
        <v>200.61199999999999</v>
      </c>
      <c r="D459">
        <v>2870.87</v>
      </c>
      <c r="E459">
        <v>2.74803</v>
      </c>
      <c r="F459">
        <v>4944.63</v>
      </c>
      <c r="G459">
        <v>99.827200000000005</v>
      </c>
    </row>
    <row r="460" spans="1:7" x14ac:dyDescent="0.25">
      <c r="A460">
        <v>5</v>
      </c>
      <c r="B460">
        <v>163.131</v>
      </c>
      <c r="C460">
        <v>198.72200000000001</v>
      </c>
      <c r="D460">
        <v>3406.3</v>
      </c>
      <c r="E460">
        <v>2.4645700000000001</v>
      </c>
      <c r="F460">
        <v>5064.3100000000004</v>
      </c>
      <c r="G460">
        <v>27.234999999999999</v>
      </c>
    </row>
    <row r="461" spans="1:7" x14ac:dyDescent="0.25">
      <c r="A461">
        <v>5</v>
      </c>
      <c r="B461">
        <v>140.45400000000001</v>
      </c>
      <c r="C461">
        <v>195.572</v>
      </c>
      <c r="D461">
        <v>7288.19</v>
      </c>
      <c r="E461">
        <v>3.3385799999999999</v>
      </c>
      <c r="F461">
        <v>9003.1200000000008</v>
      </c>
      <c r="G461">
        <v>18.6143</v>
      </c>
    </row>
    <row r="462" spans="1:7" x14ac:dyDescent="0.25">
      <c r="A462">
        <v>5</v>
      </c>
      <c r="B462">
        <v>158.09200000000001</v>
      </c>
      <c r="C462">
        <v>198.40700000000001</v>
      </c>
      <c r="D462">
        <v>7154.33</v>
      </c>
      <c r="E462">
        <v>3.9763799999999998</v>
      </c>
      <c r="F462">
        <v>8325.5499999999993</v>
      </c>
      <c r="G462">
        <v>56.882300000000001</v>
      </c>
    </row>
    <row r="463" spans="1:7" x14ac:dyDescent="0.25">
      <c r="A463">
        <v>5</v>
      </c>
      <c r="B463">
        <v>137.935</v>
      </c>
      <c r="C463">
        <v>197.77699999999999</v>
      </c>
      <c r="D463">
        <v>7288.19</v>
      </c>
      <c r="E463">
        <v>2.7716500000000002</v>
      </c>
      <c r="F463">
        <v>9071.9699999999993</v>
      </c>
      <c r="G463">
        <v>15.4247</v>
      </c>
    </row>
    <row r="464" spans="1:7" x14ac:dyDescent="0.25">
      <c r="A464">
        <v>5</v>
      </c>
      <c r="B464">
        <v>165.65100000000001</v>
      </c>
      <c r="C464">
        <v>195.887</v>
      </c>
      <c r="D464">
        <v>7154.33</v>
      </c>
      <c r="E464">
        <v>3.2440899999999999</v>
      </c>
      <c r="F464">
        <v>6572.85</v>
      </c>
      <c r="G464">
        <v>83.819199999999995</v>
      </c>
    </row>
    <row r="465" spans="1:7" x14ac:dyDescent="0.25">
      <c r="A465">
        <v>5</v>
      </c>
      <c r="B465">
        <v>163.131</v>
      </c>
      <c r="C465">
        <v>197.46199999999999</v>
      </c>
      <c r="D465">
        <v>3004.72</v>
      </c>
      <c r="E465">
        <v>2.20472</v>
      </c>
      <c r="F465">
        <v>4871.2700000000004</v>
      </c>
      <c r="G465">
        <v>25.2303</v>
      </c>
    </row>
    <row r="466" spans="1:7" x14ac:dyDescent="0.25">
      <c r="A466">
        <v>5</v>
      </c>
      <c r="B466">
        <v>155.572</v>
      </c>
      <c r="C466">
        <v>196.202</v>
      </c>
      <c r="D466">
        <v>3004.72</v>
      </c>
      <c r="E466">
        <v>1.54331</v>
      </c>
      <c r="F466">
        <v>5510.73</v>
      </c>
      <c r="G466">
        <v>25.675699999999999</v>
      </c>
    </row>
    <row r="467" spans="1:7" x14ac:dyDescent="0.25">
      <c r="A467">
        <v>5</v>
      </c>
      <c r="B467">
        <v>135.41499999999999</v>
      </c>
      <c r="C467">
        <v>208.17099999999999</v>
      </c>
      <c r="D467">
        <v>2870.87</v>
      </c>
      <c r="E467">
        <v>4</v>
      </c>
      <c r="F467">
        <v>4504.28</v>
      </c>
      <c r="G467">
        <v>112.19499999999999</v>
      </c>
    </row>
    <row r="468" spans="1:7" x14ac:dyDescent="0.25">
      <c r="A468">
        <v>5</v>
      </c>
      <c r="B468">
        <v>155.572</v>
      </c>
      <c r="C468">
        <v>196.83199999999999</v>
      </c>
      <c r="D468">
        <v>7288.19</v>
      </c>
      <c r="E468">
        <v>3.3385799999999999</v>
      </c>
      <c r="F468">
        <v>8633.02</v>
      </c>
      <c r="G468">
        <v>40.577199999999998</v>
      </c>
    </row>
    <row r="469" spans="1:7" x14ac:dyDescent="0.25">
      <c r="A469">
        <v>5</v>
      </c>
      <c r="B469">
        <v>135.41499999999999</v>
      </c>
      <c r="C469">
        <v>205.65100000000001</v>
      </c>
      <c r="D469">
        <v>7154.33</v>
      </c>
      <c r="E469">
        <v>3.2440899999999999</v>
      </c>
      <c r="F469">
        <v>8728.9699999999993</v>
      </c>
      <c r="G469">
        <v>13.9887</v>
      </c>
    </row>
    <row r="470" spans="1:7" x14ac:dyDescent="0.25">
      <c r="A470">
        <v>5</v>
      </c>
      <c r="B470">
        <v>158.09200000000001</v>
      </c>
      <c r="C470">
        <v>197.14699999999999</v>
      </c>
      <c r="D470">
        <v>2870.87</v>
      </c>
      <c r="E470">
        <v>3.7873999999999999</v>
      </c>
      <c r="F470">
        <v>4281.8500000000004</v>
      </c>
      <c r="G470">
        <v>37.7928</v>
      </c>
    </row>
    <row r="471" spans="1:7" x14ac:dyDescent="0.25">
      <c r="A471">
        <v>5</v>
      </c>
      <c r="B471">
        <v>136.04499999999999</v>
      </c>
      <c r="C471">
        <v>198.09200000000001</v>
      </c>
      <c r="D471">
        <v>6083.46</v>
      </c>
      <c r="E471">
        <v>2.5826799999999999</v>
      </c>
      <c r="F471">
        <v>8031.81</v>
      </c>
      <c r="G471">
        <v>21.354600000000001</v>
      </c>
    </row>
    <row r="472" spans="1:7" x14ac:dyDescent="0.25">
      <c r="A472">
        <v>5</v>
      </c>
      <c r="B472">
        <v>135.41499999999999</v>
      </c>
      <c r="C472">
        <v>197.46199999999999</v>
      </c>
      <c r="D472">
        <v>2870.87</v>
      </c>
      <c r="E472">
        <v>3.7873999999999999</v>
      </c>
      <c r="F472">
        <v>4654.38</v>
      </c>
      <c r="G472">
        <v>116.65900000000001</v>
      </c>
    </row>
    <row r="473" spans="1:7" x14ac:dyDescent="0.25">
      <c r="A473">
        <v>5</v>
      </c>
      <c r="B473">
        <v>161.24199999999999</v>
      </c>
      <c r="C473">
        <v>198.72200000000001</v>
      </c>
      <c r="D473">
        <v>1800</v>
      </c>
      <c r="E473">
        <v>2.8425199999999999</v>
      </c>
      <c r="F473">
        <v>3588.18</v>
      </c>
      <c r="G473">
        <v>71.782499999999999</v>
      </c>
    </row>
    <row r="474" spans="1:7" x14ac:dyDescent="0.25">
      <c r="A474">
        <v>5</v>
      </c>
      <c r="B474">
        <v>135.41499999999999</v>
      </c>
      <c r="C474">
        <v>208.17099999999999</v>
      </c>
      <c r="D474">
        <v>7154.33</v>
      </c>
      <c r="E474">
        <v>2.3936999999999999</v>
      </c>
      <c r="F474">
        <v>9073.94</v>
      </c>
      <c r="G474">
        <v>14.130699999999999</v>
      </c>
    </row>
    <row r="475" spans="1:7" x14ac:dyDescent="0.25">
      <c r="A475">
        <v>5</v>
      </c>
      <c r="B475">
        <v>135.41499999999999</v>
      </c>
      <c r="C475">
        <v>211.32</v>
      </c>
      <c r="D475">
        <v>7154.33</v>
      </c>
      <c r="E475">
        <v>2.8661400000000001</v>
      </c>
      <c r="F475">
        <v>8885.1200000000008</v>
      </c>
      <c r="G475">
        <v>14.049099999999999</v>
      </c>
    </row>
    <row r="476" spans="1:7" x14ac:dyDescent="0.25">
      <c r="A476">
        <v>5</v>
      </c>
      <c r="B476">
        <v>168.17099999999999</v>
      </c>
      <c r="C476">
        <v>196.202</v>
      </c>
      <c r="D476">
        <v>2870.87</v>
      </c>
      <c r="E476">
        <v>2.20472</v>
      </c>
      <c r="F476">
        <v>4604.37</v>
      </c>
      <c r="G476">
        <v>92.132099999999994</v>
      </c>
    </row>
    <row r="477" spans="1:7" x14ac:dyDescent="0.25">
      <c r="A477">
        <v>5</v>
      </c>
      <c r="B477">
        <v>165.65100000000001</v>
      </c>
      <c r="C477">
        <v>201.87200000000001</v>
      </c>
      <c r="D477">
        <v>3406.3</v>
      </c>
      <c r="E477">
        <v>3.90551</v>
      </c>
      <c r="F477">
        <v>4432.76</v>
      </c>
      <c r="G477">
        <v>81.491600000000005</v>
      </c>
    </row>
    <row r="478" spans="1:7" x14ac:dyDescent="0.25">
      <c r="A478">
        <v>5</v>
      </c>
      <c r="B478">
        <v>168.17099999999999</v>
      </c>
      <c r="C478">
        <v>197.14699999999999</v>
      </c>
      <c r="D478">
        <v>2870.87</v>
      </c>
      <c r="E478">
        <v>3.8110200000000001</v>
      </c>
      <c r="F478">
        <v>3961.22</v>
      </c>
      <c r="G478">
        <v>50.840899999999998</v>
      </c>
    </row>
    <row r="479" spans="1:7" x14ac:dyDescent="0.25">
      <c r="A479">
        <v>5</v>
      </c>
      <c r="B479">
        <v>160.61199999999999</v>
      </c>
      <c r="C479">
        <v>195.887</v>
      </c>
      <c r="D479">
        <v>2870.87</v>
      </c>
      <c r="E479">
        <v>2.8425199999999999</v>
      </c>
      <c r="F479">
        <v>4523.75</v>
      </c>
      <c r="G479">
        <v>35.036099999999998</v>
      </c>
    </row>
    <row r="480" spans="1:7" x14ac:dyDescent="0.25">
      <c r="A480">
        <v>5</v>
      </c>
      <c r="B480">
        <v>156.202</v>
      </c>
      <c r="C480">
        <v>205.65100000000001</v>
      </c>
      <c r="D480">
        <v>7154.33</v>
      </c>
      <c r="E480">
        <v>3.2440899999999999</v>
      </c>
      <c r="F480">
        <v>8451.34</v>
      </c>
      <c r="G480">
        <v>42.159799999999997</v>
      </c>
    </row>
    <row r="481" spans="1:7" x14ac:dyDescent="0.25">
      <c r="A481">
        <v>5</v>
      </c>
      <c r="B481">
        <v>173.21</v>
      </c>
      <c r="C481">
        <v>197.46199999999999</v>
      </c>
      <c r="D481">
        <v>2870.87</v>
      </c>
      <c r="E481">
        <v>3.8110200000000001</v>
      </c>
      <c r="F481">
        <v>3575.6</v>
      </c>
      <c r="G481">
        <v>106.96899999999999</v>
      </c>
    </row>
    <row r="482" spans="1:7" x14ac:dyDescent="0.25">
      <c r="A482">
        <v>5</v>
      </c>
      <c r="B482">
        <v>135.41499999999999</v>
      </c>
      <c r="C482">
        <v>195.572</v>
      </c>
      <c r="D482">
        <v>7288.19</v>
      </c>
      <c r="E482">
        <v>1.2598400000000001</v>
      </c>
      <c r="F482">
        <v>10395.700000000001</v>
      </c>
      <c r="G482">
        <v>12.433299999999999</v>
      </c>
    </row>
    <row r="483" spans="1:7" x14ac:dyDescent="0.25">
      <c r="A483">
        <v>5</v>
      </c>
      <c r="B483">
        <v>140.13900000000001</v>
      </c>
      <c r="C483">
        <v>201.24199999999999</v>
      </c>
      <c r="D483">
        <v>3406.3</v>
      </c>
      <c r="E483">
        <v>3.5039400000000001</v>
      </c>
      <c r="F483">
        <v>5136.3100000000004</v>
      </c>
      <c r="G483">
        <v>79.173699999999997</v>
      </c>
    </row>
    <row r="484" spans="1:7" x14ac:dyDescent="0.25">
      <c r="A484">
        <v>5</v>
      </c>
      <c r="B484">
        <v>160.61199999999999</v>
      </c>
      <c r="C484">
        <v>196.202</v>
      </c>
      <c r="D484">
        <v>2870.87</v>
      </c>
      <c r="E484">
        <v>2.6771699999999998</v>
      </c>
      <c r="F484">
        <v>4677.3</v>
      </c>
      <c r="G484">
        <v>37.174300000000002</v>
      </c>
    </row>
    <row r="485" spans="1:7" x14ac:dyDescent="0.25">
      <c r="A485">
        <v>5</v>
      </c>
      <c r="B485">
        <v>173.21</v>
      </c>
      <c r="C485">
        <v>197.14699999999999</v>
      </c>
      <c r="D485">
        <v>2870.87</v>
      </c>
      <c r="E485">
        <v>3.6220500000000002</v>
      </c>
      <c r="F485">
        <v>3576.84</v>
      </c>
      <c r="G485">
        <v>107.56399999999999</v>
      </c>
    </row>
    <row r="486" spans="1:7" x14ac:dyDescent="0.25">
      <c r="A486">
        <v>5</v>
      </c>
      <c r="B486">
        <v>165.65100000000001</v>
      </c>
      <c r="C486">
        <v>207.541</v>
      </c>
      <c r="D486">
        <v>2870.87</v>
      </c>
      <c r="E486">
        <v>3.2440899999999999</v>
      </c>
      <c r="F486">
        <v>4174.5</v>
      </c>
      <c r="G486">
        <v>83.819199999999995</v>
      </c>
    </row>
    <row r="487" spans="1:7" x14ac:dyDescent="0.25">
      <c r="A487">
        <v>5</v>
      </c>
      <c r="B487">
        <v>170.691</v>
      </c>
      <c r="C487">
        <v>212.26499999999999</v>
      </c>
      <c r="D487">
        <v>2870.87</v>
      </c>
      <c r="E487">
        <v>3.4094500000000001</v>
      </c>
      <c r="F487">
        <v>4015.03</v>
      </c>
      <c r="G487">
        <v>105.40600000000001</v>
      </c>
    </row>
    <row r="488" spans="1:7" x14ac:dyDescent="0.25">
      <c r="A488">
        <v>5</v>
      </c>
      <c r="B488">
        <v>146.124</v>
      </c>
      <c r="C488">
        <v>197.14699999999999</v>
      </c>
      <c r="D488">
        <v>5012.6000000000004</v>
      </c>
      <c r="E488">
        <v>3.0314999999999999</v>
      </c>
      <c r="F488">
        <v>6618.82</v>
      </c>
      <c r="G488">
        <v>23.766500000000001</v>
      </c>
    </row>
    <row r="489" spans="1:7" x14ac:dyDescent="0.25">
      <c r="A489">
        <v>5</v>
      </c>
      <c r="B489">
        <v>156.202</v>
      </c>
      <c r="C489">
        <v>196.83199999999999</v>
      </c>
      <c r="D489">
        <v>3004.72</v>
      </c>
      <c r="E489">
        <v>1.54331</v>
      </c>
      <c r="F489">
        <v>5700.32</v>
      </c>
      <c r="G489">
        <v>22.826499999999999</v>
      </c>
    </row>
    <row r="490" spans="1:7" x14ac:dyDescent="0.25">
      <c r="A490">
        <v>5</v>
      </c>
      <c r="B490">
        <v>155.572</v>
      </c>
      <c r="C490">
        <v>197.46199999999999</v>
      </c>
      <c r="D490">
        <v>3004.72</v>
      </c>
      <c r="E490">
        <v>3.8110200000000001</v>
      </c>
      <c r="F490">
        <v>4586.9399999999996</v>
      </c>
      <c r="G490">
        <v>33.599499999999999</v>
      </c>
    </row>
    <row r="491" spans="1:7" x14ac:dyDescent="0.25">
      <c r="A491">
        <v>5</v>
      </c>
      <c r="B491">
        <v>158.09200000000001</v>
      </c>
      <c r="C491">
        <v>195.572</v>
      </c>
      <c r="D491">
        <v>3138.58</v>
      </c>
      <c r="E491">
        <v>3.5039400000000001</v>
      </c>
      <c r="F491">
        <v>4535.97</v>
      </c>
      <c r="G491">
        <v>53.172400000000003</v>
      </c>
    </row>
    <row r="492" spans="1:7" x14ac:dyDescent="0.25">
      <c r="A492">
        <v>5</v>
      </c>
      <c r="B492">
        <v>136.04499999999999</v>
      </c>
      <c r="C492">
        <v>196.202</v>
      </c>
      <c r="D492">
        <v>7288.19</v>
      </c>
      <c r="E492">
        <v>2.9606300000000001</v>
      </c>
      <c r="F492">
        <v>8919.89</v>
      </c>
      <c r="G492">
        <v>14.6838</v>
      </c>
    </row>
    <row r="493" spans="1:7" x14ac:dyDescent="0.25">
      <c r="A493">
        <v>5</v>
      </c>
      <c r="B493">
        <v>160.61199999999999</v>
      </c>
      <c r="C493">
        <v>200.61199999999999</v>
      </c>
      <c r="D493">
        <v>2870.87</v>
      </c>
      <c r="E493">
        <v>3.8110200000000001</v>
      </c>
      <c r="F493">
        <v>4242.51</v>
      </c>
      <c r="G493">
        <v>28.171600000000002</v>
      </c>
    </row>
    <row r="494" spans="1:7" x14ac:dyDescent="0.25">
      <c r="A494">
        <v>5</v>
      </c>
      <c r="B494">
        <v>156.202</v>
      </c>
      <c r="C494">
        <v>211.32</v>
      </c>
      <c r="D494">
        <v>2870.87</v>
      </c>
      <c r="E494">
        <v>1.1417299999999999</v>
      </c>
      <c r="F494">
        <v>6272.13</v>
      </c>
      <c r="G494">
        <v>45.776400000000002</v>
      </c>
    </row>
    <row r="495" spans="1:7" x14ac:dyDescent="0.25">
      <c r="A495">
        <v>5</v>
      </c>
      <c r="B495">
        <v>163.131</v>
      </c>
      <c r="C495">
        <v>198.09200000000001</v>
      </c>
      <c r="D495">
        <v>7422.05</v>
      </c>
      <c r="E495">
        <v>3.8818899999999998</v>
      </c>
      <c r="F495">
        <v>8386.84</v>
      </c>
      <c r="G495">
        <v>80.485100000000003</v>
      </c>
    </row>
    <row r="496" spans="1:7" x14ac:dyDescent="0.25">
      <c r="A496">
        <v>5</v>
      </c>
      <c r="B496">
        <v>173.21</v>
      </c>
      <c r="C496">
        <v>196.202</v>
      </c>
      <c r="D496">
        <v>2870.87</v>
      </c>
      <c r="E496">
        <v>4</v>
      </c>
      <c r="F496">
        <v>3577.89</v>
      </c>
      <c r="G496">
        <v>106.288</v>
      </c>
    </row>
    <row r="497" spans="1:7" x14ac:dyDescent="0.25">
      <c r="A497">
        <v>5</v>
      </c>
      <c r="B497">
        <v>158.09200000000001</v>
      </c>
      <c r="C497">
        <v>208.80099999999999</v>
      </c>
      <c r="D497">
        <v>7154.33</v>
      </c>
      <c r="E497">
        <v>3.1259800000000002</v>
      </c>
      <c r="F497">
        <v>8477.67</v>
      </c>
      <c r="G497">
        <v>57.392899999999997</v>
      </c>
    </row>
    <row r="498" spans="1:7" x14ac:dyDescent="0.25">
      <c r="A498">
        <v>5</v>
      </c>
      <c r="B498">
        <v>173.21</v>
      </c>
      <c r="C498">
        <v>197.46199999999999</v>
      </c>
      <c r="D498">
        <v>2870.87</v>
      </c>
      <c r="E498">
        <v>3.8110200000000001</v>
      </c>
      <c r="F498">
        <v>3575.6</v>
      </c>
      <c r="G498">
        <v>106.96899999999999</v>
      </c>
    </row>
    <row r="499" spans="1:7" x14ac:dyDescent="0.25">
      <c r="A499">
        <v>5</v>
      </c>
      <c r="B499">
        <v>135.41499999999999</v>
      </c>
      <c r="C499">
        <v>197.46199999999999</v>
      </c>
      <c r="D499">
        <v>9429.92</v>
      </c>
      <c r="E499">
        <v>2.9606300000000001</v>
      </c>
      <c r="F499">
        <v>11179.8</v>
      </c>
      <c r="G499">
        <v>16.0337</v>
      </c>
    </row>
    <row r="500" spans="1:7" x14ac:dyDescent="0.25">
      <c r="A500">
        <v>5</v>
      </c>
      <c r="B500">
        <v>163.131</v>
      </c>
      <c r="C500">
        <v>200.61199999999999</v>
      </c>
      <c r="D500">
        <v>7154.33</v>
      </c>
      <c r="E500">
        <v>2.4645700000000001</v>
      </c>
      <c r="F500">
        <v>8603.9699999999993</v>
      </c>
      <c r="G500">
        <v>27.234999999999999</v>
      </c>
    </row>
    <row r="501" spans="1:7" x14ac:dyDescent="0.25">
      <c r="A501">
        <v>5</v>
      </c>
      <c r="B501">
        <v>156.202</v>
      </c>
      <c r="C501">
        <v>200.61199999999999</v>
      </c>
      <c r="D501">
        <v>7154.33</v>
      </c>
      <c r="E501">
        <v>3.14961</v>
      </c>
      <c r="F501">
        <v>8514.7900000000009</v>
      </c>
      <c r="G501">
        <v>42.049199999999999</v>
      </c>
    </row>
    <row r="502" spans="1:7" x14ac:dyDescent="0.25">
      <c r="A502">
        <v>5</v>
      </c>
      <c r="B502">
        <v>137.935</v>
      </c>
      <c r="C502">
        <v>208.17099999999999</v>
      </c>
      <c r="D502">
        <v>7154.33</v>
      </c>
      <c r="E502">
        <v>3.90551</v>
      </c>
      <c r="F502">
        <v>8538.65</v>
      </c>
      <c r="G502">
        <v>17.1496</v>
      </c>
    </row>
    <row r="503" spans="1:7" x14ac:dyDescent="0.25">
      <c r="A503">
        <v>5</v>
      </c>
      <c r="B503">
        <v>137.935</v>
      </c>
      <c r="C503">
        <v>208.17099999999999</v>
      </c>
      <c r="D503">
        <v>7154.33</v>
      </c>
      <c r="E503">
        <v>3.90551</v>
      </c>
      <c r="F503">
        <v>8538.65</v>
      </c>
      <c r="G503">
        <v>17.1496</v>
      </c>
    </row>
    <row r="504" spans="1:7" x14ac:dyDescent="0.25">
      <c r="A504">
        <v>5</v>
      </c>
      <c r="B504">
        <v>135.41499999999999</v>
      </c>
      <c r="C504">
        <v>195.25700000000001</v>
      </c>
      <c r="D504">
        <v>7154.33</v>
      </c>
      <c r="E504">
        <v>1.6377999999999999</v>
      </c>
      <c r="F504">
        <v>9533.4500000000007</v>
      </c>
      <c r="G504">
        <v>14.1493</v>
      </c>
    </row>
    <row r="505" spans="1:7" x14ac:dyDescent="0.25">
      <c r="A505">
        <v>5</v>
      </c>
      <c r="B505">
        <v>168.17099999999999</v>
      </c>
      <c r="C505">
        <v>197.14699999999999</v>
      </c>
      <c r="D505">
        <v>2870.87</v>
      </c>
      <c r="E505">
        <v>3.7873999999999999</v>
      </c>
      <c r="F505">
        <v>3971.22</v>
      </c>
      <c r="G505">
        <v>51.542000000000002</v>
      </c>
    </row>
    <row r="506" spans="1:7" x14ac:dyDescent="0.25">
      <c r="A506">
        <v>5</v>
      </c>
      <c r="B506">
        <v>168.17099999999999</v>
      </c>
      <c r="C506">
        <v>197.46199999999999</v>
      </c>
      <c r="D506">
        <v>2870.87</v>
      </c>
      <c r="E506">
        <v>3.8110200000000001</v>
      </c>
      <c r="F506">
        <v>3961.22</v>
      </c>
      <c r="G506">
        <v>50.840899999999998</v>
      </c>
    </row>
    <row r="507" spans="1:7" x14ac:dyDescent="0.25">
      <c r="A507">
        <v>5</v>
      </c>
      <c r="B507">
        <v>155.887</v>
      </c>
      <c r="C507">
        <v>202.81700000000001</v>
      </c>
      <c r="D507">
        <v>3004.72</v>
      </c>
      <c r="E507">
        <v>1.44882</v>
      </c>
      <c r="F507">
        <v>5739.79</v>
      </c>
      <c r="G507">
        <v>28.649100000000001</v>
      </c>
    </row>
    <row r="508" spans="1:7" x14ac:dyDescent="0.25">
      <c r="A508">
        <v>5</v>
      </c>
      <c r="B508">
        <v>140.45400000000001</v>
      </c>
      <c r="C508">
        <v>198.09200000000001</v>
      </c>
      <c r="D508">
        <v>7555.91</v>
      </c>
      <c r="E508">
        <v>2.7716500000000002</v>
      </c>
      <c r="F508">
        <v>9168.1</v>
      </c>
      <c r="G508">
        <v>19.72</v>
      </c>
    </row>
    <row r="509" spans="1:7" x14ac:dyDescent="0.25">
      <c r="A509">
        <v>5</v>
      </c>
      <c r="B509">
        <v>135.41499999999999</v>
      </c>
      <c r="C509">
        <v>196.202</v>
      </c>
      <c r="D509">
        <v>7154.33</v>
      </c>
      <c r="E509">
        <v>3.5275599999999998</v>
      </c>
      <c r="F509">
        <v>8572.7800000000007</v>
      </c>
      <c r="G509">
        <v>19.6737</v>
      </c>
    </row>
    <row r="510" spans="1:7" x14ac:dyDescent="0.25">
      <c r="A510">
        <v>5</v>
      </c>
      <c r="B510">
        <v>136.04499999999999</v>
      </c>
      <c r="C510">
        <v>197.46199999999999</v>
      </c>
      <c r="D510">
        <v>7154.33</v>
      </c>
      <c r="E510">
        <v>3.3149600000000001</v>
      </c>
      <c r="F510">
        <v>8612.81</v>
      </c>
      <c r="G510">
        <v>15.494</v>
      </c>
    </row>
    <row r="511" spans="1:7" x14ac:dyDescent="0.25">
      <c r="A511">
        <v>5</v>
      </c>
      <c r="B511">
        <v>166.28100000000001</v>
      </c>
      <c r="C511">
        <v>195.572</v>
      </c>
      <c r="D511">
        <v>7288.19</v>
      </c>
      <c r="E511">
        <v>1.02362</v>
      </c>
      <c r="F511">
        <v>7152.81</v>
      </c>
      <c r="G511">
        <v>19.911000000000001</v>
      </c>
    </row>
    <row r="512" spans="1:7" x14ac:dyDescent="0.25">
      <c r="A512">
        <v>5</v>
      </c>
      <c r="B512">
        <v>136.04499999999999</v>
      </c>
      <c r="C512">
        <v>210.691</v>
      </c>
      <c r="D512">
        <v>7154.33</v>
      </c>
      <c r="E512">
        <v>3.2440899999999999</v>
      </c>
      <c r="F512">
        <v>8654.58</v>
      </c>
      <c r="G512">
        <v>14.382300000000001</v>
      </c>
    </row>
    <row r="513" spans="1:7" x14ac:dyDescent="0.25">
      <c r="A513">
        <v>5</v>
      </c>
      <c r="B513">
        <v>136.04499999999999</v>
      </c>
      <c r="C513">
        <v>210.691</v>
      </c>
      <c r="D513">
        <v>7154.33</v>
      </c>
      <c r="E513">
        <v>3.2440899999999999</v>
      </c>
      <c r="F513">
        <v>8654.58</v>
      </c>
      <c r="G513">
        <v>14.382300000000001</v>
      </c>
    </row>
    <row r="514" spans="1:7" x14ac:dyDescent="0.25">
      <c r="A514">
        <v>5</v>
      </c>
      <c r="B514">
        <v>174.47</v>
      </c>
      <c r="C514">
        <v>175.41499999999999</v>
      </c>
      <c r="D514">
        <v>7422.05</v>
      </c>
      <c r="E514">
        <v>3.8582700000000001</v>
      </c>
      <c r="F514">
        <v>3358.18</v>
      </c>
      <c r="G514">
        <v>106.91500000000001</v>
      </c>
    </row>
    <row r="515" spans="1:7" x14ac:dyDescent="0.25">
      <c r="A515">
        <v>5</v>
      </c>
      <c r="B515">
        <v>168.17099999999999</v>
      </c>
      <c r="C515">
        <v>197.14699999999999</v>
      </c>
      <c r="D515">
        <v>2870.87</v>
      </c>
      <c r="E515">
        <v>3.8110200000000001</v>
      </c>
      <c r="F515">
        <v>3961.22</v>
      </c>
      <c r="G515">
        <v>50.840899999999998</v>
      </c>
    </row>
    <row r="516" spans="1:7" x14ac:dyDescent="0.25">
      <c r="A516">
        <v>5</v>
      </c>
      <c r="B516">
        <v>161.24199999999999</v>
      </c>
      <c r="C516">
        <v>198.72200000000001</v>
      </c>
      <c r="D516">
        <v>1800</v>
      </c>
      <c r="E516">
        <v>2.8425199999999999</v>
      </c>
      <c r="F516">
        <v>3588.18</v>
      </c>
      <c r="G516">
        <v>71.782499999999999</v>
      </c>
    </row>
    <row r="517" spans="1:7" x14ac:dyDescent="0.25">
      <c r="A517">
        <v>5</v>
      </c>
      <c r="B517">
        <v>160.61199999999999</v>
      </c>
      <c r="C517">
        <v>196.202</v>
      </c>
      <c r="D517">
        <v>2870.87</v>
      </c>
      <c r="E517">
        <v>3.6220500000000002</v>
      </c>
      <c r="F517">
        <v>4183.45</v>
      </c>
      <c r="G517">
        <v>28.847799999999999</v>
      </c>
    </row>
    <row r="518" spans="1:7" x14ac:dyDescent="0.25">
      <c r="A518">
        <v>5</v>
      </c>
      <c r="B518">
        <v>160.61199999999999</v>
      </c>
      <c r="C518">
        <v>213.84</v>
      </c>
      <c r="D518">
        <v>2335.4299999999998</v>
      </c>
      <c r="E518">
        <v>1.3307100000000001</v>
      </c>
      <c r="F518">
        <v>5313.69</v>
      </c>
      <c r="G518">
        <v>25.168900000000001</v>
      </c>
    </row>
    <row r="519" spans="1:7" x14ac:dyDescent="0.25">
      <c r="A519">
        <v>5</v>
      </c>
      <c r="B519">
        <v>160.61199999999999</v>
      </c>
      <c r="C519">
        <v>196.202</v>
      </c>
      <c r="D519">
        <v>2870.87</v>
      </c>
      <c r="E519">
        <v>3.6220500000000002</v>
      </c>
      <c r="F519">
        <v>4183.45</v>
      </c>
      <c r="G519">
        <v>28.847799999999999</v>
      </c>
    </row>
    <row r="520" spans="1:7" x14ac:dyDescent="0.25">
      <c r="A520">
        <v>5</v>
      </c>
      <c r="B520">
        <v>160.61199999999999</v>
      </c>
      <c r="C520">
        <v>213.84</v>
      </c>
      <c r="D520">
        <v>2335.4299999999998</v>
      </c>
      <c r="E520">
        <v>1.3307100000000001</v>
      </c>
      <c r="F520">
        <v>5313.69</v>
      </c>
      <c r="G520">
        <v>25.168900000000001</v>
      </c>
    </row>
    <row r="521" spans="1:7" x14ac:dyDescent="0.25">
      <c r="A521">
        <v>5</v>
      </c>
      <c r="B521">
        <v>137.935</v>
      </c>
      <c r="C521">
        <v>208.17099999999999</v>
      </c>
      <c r="D521">
        <v>7154.33</v>
      </c>
      <c r="E521">
        <v>3.90551</v>
      </c>
      <c r="F521">
        <v>8538.65</v>
      </c>
      <c r="G521">
        <v>17.1496</v>
      </c>
    </row>
    <row r="522" spans="1:7" x14ac:dyDescent="0.25">
      <c r="A522">
        <v>5</v>
      </c>
      <c r="B522">
        <v>174.47</v>
      </c>
      <c r="C522">
        <v>175.41499999999999</v>
      </c>
      <c r="D522">
        <v>7422.05</v>
      </c>
      <c r="E522">
        <v>3.8582700000000001</v>
      </c>
      <c r="F522">
        <v>3358.18</v>
      </c>
      <c r="G522">
        <v>106.91500000000001</v>
      </c>
    </row>
    <row r="523" spans="1:7" x14ac:dyDescent="0.25">
      <c r="A523">
        <v>5</v>
      </c>
      <c r="B523">
        <v>161.24199999999999</v>
      </c>
      <c r="C523">
        <v>198.72200000000001</v>
      </c>
      <c r="D523">
        <v>1800</v>
      </c>
      <c r="E523">
        <v>2.8425199999999999</v>
      </c>
      <c r="F523">
        <v>3588.18</v>
      </c>
      <c r="G523">
        <v>71.782499999999999</v>
      </c>
    </row>
    <row r="524" spans="1:7" x14ac:dyDescent="0.25">
      <c r="A524">
        <v>5</v>
      </c>
      <c r="B524">
        <v>145.494</v>
      </c>
      <c r="C524">
        <v>195.887</v>
      </c>
      <c r="D524">
        <v>5012.6000000000004</v>
      </c>
      <c r="E524">
        <v>3.3149600000000001</v>
      </c>
      <c r="F524">
        <v>6539.73</v>
      </c>
      <c r="G524">
        <v>21.848099999999999</v>
      </c>
    </row>
    <row r="525" spans="1:7" x14ac:dyDescent="0.25">
      <c r="A525">
        <v>5</v>
      </c>
      <c r="B525">
        <v>160.61199999999999</v>
      </c>
      <c r="C525">
        <v>200.61199999999999</v>
      </c>
      <c r="D525">
        <v>2870.87</v>
      </c>
      <c r="E525">
        <v>3.8110200000000001</v>
      </c>
      <c r="F525">
        <v>4242.51</v>
      </c>
      <c r="G525">
        <v>28.171600000000002</v>
      </c>
    </row>
    <row r="526" spans="1:7" x14ac:dyDescent="0.25">
      <c r="A526">
        <v>5</v>
      </c>
      <c r="B526">
        <v>160.61199999999999</v>
      </c>
      <c r="C526">
        <v>196.202</v>
      </c>
      <c r="D526">
        <v>2870.87</v>
      </c>
      <c r="E526">
        <v>3.6220500000000002</v>
      </c>
      <c r="F526">
        <v>4183.45</v>
      </c>
      <c r="G526">
        <v>28.847799999999999</v>
      </c>
    </row>
    <row r="527" spans="1:7" x14ac:dyDescent="0.25">
      <c r="A527">
        <v>5</v>
      </c>
      <c r="B527">
        <v>137.62</v>
      </c>
      <c r="C527">
        <v>197.77699999999999</v>
      </c>
      <c r="D527">
        <v>7154.33</v>
      </c>
      <c r="E527">
        <v>3.8818899999999998</v>
      </c>
      <c r="F527">
        <v>8594.08</v>
      </c>
      <c r="G527">
        <v>17.114599999999999</v>
      </c>
    </row>
    <row r="528" spans="1:7" x14ac:dyDescent="0.25">
      <c r="A528">
        <v>5</v>
      </c>
      <c r="B528">
        <v>163.131</v>
      </c>
      <c r="C528">
        <v>197.46199999999999</v>
      </c>
      <c r="D528">
        <v>3004.72</v>
      </c>
      <c r="E528">
        <v>2.20472</v>
      </c>
      <c r="F528">
        <v>4871.2700000000004</v>
      </c>
      <c r="G528">
        <v>25.2303</v>
      </c>
    </row>
    <row r="529" spans="1:7" x14ac:dyDescent="0.25">
      <c r="A529">
        <v>5</v>
      </c>
      <c r="B529">
        <v>135.41499999999999</v>
      </c>
      <c r="C529">
        <v>205.65100000000001</v>
      </c>
      <c r="D529">
        <v>7154.33</v>
      </c>
      <c r="E529">
        <v>3.2440899999999999</v>
      </c>
      <c r="F529">
        <v>8728.9699999999993</v>
      </c>
      <c r="G529">
        <v>13.9887</v>
      </c>
    </row>
    <row r="530" spans="1:7" x14ac:dyDescent="0.25">
      <c r="A530">
        <v>5</v>
      </c>
      <c r="B530">
        <v>173.21</v>
      </c>
      <c r="C530">
        <v>198.09200000000001</v>
      </c>
      <c r="D530">
        <v>7422.05</v>
      </c>
      <c r="E530">
        <v>3.8818899999999998</v>
      </c>
      <c r="F530">
        <v>3576</v>
      </c>
      <c r="G530">
        <v>106.724</v>
      </c>
    </row>
    <row r="531" spans="1:7" x14ac:dyDescent="0.25">
      <c r="A531">
        <v>5</v>
      </c>
      <c r="B531">
        <v>163.131</v>
      </c>
      <c r="C531">
        <v>197.46199999999999</v>
      </c>
      <c r="D531">
        <v>3004.72</v>
      </c>
      <c r="E531">
        <v>2.20472</v>
      </c>
      <c r="F531">
        <v>4871.2700000000004</v>
      </c>
      <c r="G531">
        <v>25.2303</v>
      </c>
    </row>
    <row r="532" spans="1:7" x14ac:dyDescent="0.25">
      <c r="A532">
        <v>5</v>
      </c>
      <c r="B532">
        <v>160.61199999999999</v>
      </c>
      <c r="C532">
        <v>196.202</v>
      </c>
      <c r="D532">
        <v>2870.87</v>
      </c>
      <c r="E532">
        <v>3.6220500000000002</v>
      </c>
      <c r="F532">
        <v>4183.45</v>
      </c>
      <c r="G532">
        <v>28.847799999999999</v>
      </c>
    </row>
    <row r="533" spans="1:7" x14ac:dyDescent="0.25">
      <c r="A533">
        <v>5</v>
      </c>
      <c r="B533">
        <v>135.41499999999999</v>
      </c>
      <c r="C533">
        <v>195.572</v>
      </c>
      <c r="D533">
        <v>7288.19</v>
      </c>
      <c r="E533">
        <v>1.2598400000000001</v>
      </c>
      <c r="F533">
        <v>10395.700000000001</v>
      </c>
      <c r="G533">
        <v>12.433299999999999</v>
      </c>
    </row>
    <row r="534" spans="1:7" x14ac:dyDescent="0.25">
      <c r="A534">
        <v>5</v>
      </c>
      <c r="B534">
        <v>137.935</v>
      </c>
      <c r="C534">
        <v>198.40700000000001</v>
      </c>
      <c r="D534">
        <v>7154.33</v>
      </c>
      <c r="E534">
        <v>3.8818899999999998</v>
      </c>
      <c r="F534">
        <v>8604.5499999999993</v>
      </c>
      <c r="G534">
        <v>17.0366</v>
      </c>
    </row>
    <row r="535" spans="1:7" x14ac:dyDescent="0.25">
      <c r="A535">
        <v>5</v>
      </c>
      <c r="B535">
        <v>156.202</v>
      </c>
      <c r="C535">
        <v>196.83199999999999</v>
      </c>
      <c r="D535">
        <v>3004.72</v>
      </c>
      <c r="E535">
        <v>1.54331</v>
      </c>
      <c r="F535">
        <v>5700.32</v>
      </c>
      <c r="G535">
        <v>22.826499999999999</v>
      </c>
    </row>
    <row r="536" spans="1:7" x14ac:dyDescent="0.25">
      <c r="A536">
        <v>5</v>
      </c>
      <c r="B536">
        <v>136.04499999999999</v>
      </c>
      <c r="C536">
        <v>197.46199999999999</v>
      </c>
      <c r="D536">
        <v>7154.33</v>
      </c>
      <c r="E536">
        <v>3.3149600000000001</v>
      </c>
      <c r="F536">
        <v>8612.81</v>
      </c>
      <c r="G536">
        <v>15.494</v>
      </c>
    </row>
    <row r="541" spans="1:7" x14ac:dyDescent="0.25">
      <c r="A541">
        <v>6</v>
      </c>
      <c r="B541">
        <v>136.04499999999999</v>
      </c>
      <c r="C541">
        <v>198.09200000000001</v>
      </c>
      <c r="D541">
        <v>6083.46</v>
      </c>
      <c r="E541">
        <v>2.5826799999999999</v>
      </c>
      <c r="F541">
        <v>8031.81</v>
      </c>
      <c r="G541">
        <v>21.354600000000001</v>
      </c>
    </row>
    <row r="542" spans="1:7" x14ac:dyDescent="0.25">
      <c r="A542">
        <v>6</v>
      </c>
      <c r="B542">
        <v>156.202</v>
      </c>
      <c r="C542">
        <v>196.83199999999999</v>
      </c>
      <c r="D542">
        <v>3004.72</v>
      </c>
      <c r="E542">
        <v>1.54331</v>
      </c>
      <c r="F542">
        <v>5700.32</v>
      </c>
      <c r="G542">
        <v>22.826499999999999</v>
      </c>
    </row>
    <row r="543" spans="1:7" x14ac:dyDescent="0.25">
      <c r="A543">
        <v>6</v>
      </c>
      <c r="B543">
        <v>160.61199999999999</v>
      </c>
      <c r="C543">
        <v>196.202</v>
      </c>
      <c r="D543">
        <v>2870.87</v>
      </c>
      <c r="E543">
        <v>3.6220500000000002</v>
      </c>
      <c r="F543">
        <v>4183.45</v>
      </c>
      <c r="G543">
        <v>28.847799999999999</v>
      </c>
    </row>
    <row r="544" spans="1:7" x14ac:dyDescent="0.25">
      <c r="A544">
        <v>6</v>
      </c>
      <c r="B544">
        <v>163.131</v>
      </c>
      <c r="C544">
        <v>197.46199999999999</v>
      </c>
      <c r="D544">
        <v>3004.72</v>
      </c>
      <c r="E544">
        <v>2.20472</v>
      </c>
      <c r="F544">
        <v>4871.2700000000004</v>
      </c>
      <c r="G544">
        <v>25.2303</v>
      </c>
    </row>
    <row r="545" spans="1:7" x14ac:dyDescent="0.25">
      <c r="A545">
        <v>6</v>
      </c>
      <c r="B545">
        <v>161.24199999999999</v>
      </c>
      <c r="C545">
        <v>198.72200000000001</v>
      </c>
      <c r="D545">
        <v>1800</v>
      </c>
      <c r="E545">
        <v>2.8425199999999999</v>
      </c>
      <c r="F545">
        <v>3588.18</v>
      </c>
      <c r="G545">
        <v>71.782499999999999</v>
      </c>
    </row>
    <row r="546" spans="1:7" x14ac:dyDescent="0.25">
      <c r="A546">
        <v>6</v>
      </c>
      <c r="B546">
        <v>156.202</v>
      </c>
      <c r="C546">
        <v>213.84</v>
      </c>
      <c r="D546">
        <v>1800</v>
      </c>
      <c r="E546">
        <v>2.8425199999999999</v>
      </c>
      <c r="F546">
        <v>3647.9</v>
      </c>
      <c r="G546">
        <v>82.457099999999997</v>
      </c>
    </row>
    <row r="547" spans="1:7" x14ac:dyDescent="0.25">
      <c r="A547">
        <v>6</v>
      </c>
      <c r="B547">
        <v>135.41499999999999</v>
      </c>
      <c r="C547">
        <v>205.65100000000001</v>
      </c>
      <c r="D547">
        <v>7288.19</v>
      </c>
      <c r="E547">
        <v>3.14961</v>
      </c>
      <c r="F547">
        <v>8822.52</v>
      </c>
      <c r="G547">
        <v>14.3718</v>
      </c>
    </row>
    <row r="548" spans="1:7" x14ac:dyDescent="0.25">
      <c r="A548">
        <v>6</v>
      </c>
      <c r="B548">
        <v>135.41499999999999</v>
      </c>
      <c r="C548">
        <v>206.28100000000001</v>
      </c>
      <c r="D548">
        <v>7154.33</v>
      </c>
      <c r="E548">
        <v>3.8110200000000001</v>
      </c>
      <c r="F548">
        <v>8586.14</v>
      </c>
      <c r="G548">
        <v>17.787299999999998</v>
      </c>
    </row>
    <row r="549" spans="1:7" x14ac:dyDescent="0.25">
      <c r="A549">
        <v>6</v>
      </c>
      <c r="B549">
        <v>168.17099999999999</v>
      </c>
      <c r="C549">
        <v>197.14699999999999</v>
      </c>
      <c r="D549">
        <v>2870.87</v>
      </c>
      <c r="E549">
        <v>3.8110200000000001</v>
      </c>
      <c r="F549">
        <v>3961.22</v>
      </c>
      <c r="G549">
        <v>50.840899999999998</v>
      </c>
    </row>
    <row r="550" spans="1:7" x14ac:dyDescent="0.25">
      <c r="A550">
        <v>6</v>
      </c>
      <c r="B550">
        <v>136.04499999999999</v>
      </c>
      <c r="C550">
        <v>196.83199999999999</v>
      </c>
      <c r="D550">
        <v>1800</v>
      </c>
      <c r="E550">
        <v>1.1653500000000001</v>
      </c>
      <c r="F550">
        <v>5509.6</v>
      </c>
      <c r="G550">
        <v>84.482100000000003</v>
      </c>
    </row>
    <row r="551" spans="1:7" x14ac:dyDescent="0.25">
      <c r="A551">
        <v>6</v>
      </c>
      <c r="B551">
        <v>135.41499999999999</v>
      </c>
      <c r="C551">
        <v>197.46199999999999</v>
      </c>
      <c r="D551">
        <v>7154.33</v>
      </c>
      <c r="E551">
        <v>3.0551200000000001</v>
      </c>
      <c r="F551">
        <v>8749.24</v>
      </c>
      <c r="G551">
        <v>15.751099999999999</v>
      </c>
    </row>
    <row r="552" spans="1:7" x14ac:dyDescent="0.25">
      <c r="A552">
        <v>6</v>
      </c>
      <c r="B552">
        <v>158.09200000000001</v>
      </c>
      <c r="C552">
        <v>195.572</v>
      </c>
      <c r="D552">
        <v>7288.19</v>
      </c>
      <c r="E552">
        <v>2.9606300000000001</v>
      </c>
      <c r="F552">
        <v>8779.7000000000007</v>
      </c>
      <c r="G552">
        <v>57.640999999999998</v>
      </c>
    </row>
    <row r="553" spans="1:7" x14ac:dyDescent="0.25">
      <c r="A553">
        <v>6</v>
      </c>
      <c r="B553">
        <v>171.32</v>
      </c>
      <c r="C553">
        <v>202.50200000000001</v>
      </c>
      <c r="D553">
        <v>2870.87</v>
      </c>
      <c r="E553">
        <v>2.65354</v>
      </c>
      <c r="F553">
        <v>4131</v>
      </c>
      <c r="G553">
        <v>85.126000000000005</v>
      </c>
    </row>
    <row r="554" spans="1:7" x14ac:dyDescent="0.25">
      <c r="A554">
        <v>6</v>
      </c>
      <c r="B554">
        <v>158.09200000000001</v>
      </c>
      <c r="C554">
        <v>198.09200000000001</v>
      </c>
      <c r="D554">
        <v>7288.19</v>
      </c>
      <c r="E554">
        <v>2.0157500000000002</v>
      </c>
      <c r="F554">
        <v>9505.3700000000008</v>
      </c>
      <c r="G554">
        <v>32.338799999999999</v>
      </c>
    </row>
    <row r="555" spans="1:7" x14ac:dyDescent="0.25">
      <c r="A555">
        <v>6</v>
      </c>
      <c r="B555">
        <v>135.41499999999999</v>
      </c>
      <c r="C555">
        <v>197.46199999999999</v>
      </c>
      <c r="D555">
        <v>7288.19</v>
      </c>
      <c r="E555">
        <v>3.0551200000000001</v>
      </c>
      <c r="F555">
        <v>8865.6299999999992</v>
      </c>
      <c r="G555">
        <v>14.6426</v>
      </c>
    </row>
    <row r="556" spans="1:7" x14ac:dyDescent="0.25">
      <c r="A556">
        <v>6</v>
      </c>
      <c r="B556">
        <v>155.572</v>
      </c>
      <c r="C556">
        <v>199.667</v>
      </c>
      <c r="D556">
        <v>2870.87</v>
      </c>
      <c r="E556">
        <v>3.0314999999999999</v>
      </c>
      <c r="F556">
        <v>4683.55</v>
      </c>
      <c r="G556">
        <v>35.698900000000002</v>
      </c>
    </row>
    <row r="557" spans="1:7" x14ac:dyDescent="0.25">
      <c r="A557">
        <v>6</v>
      </c>
      <c r="B557">
        <v>160.61199999999999</v>
      </c>
      <c r="C557">
        <v>198.72200000000001</v>
      </c>
      <c r="D557">
        <v>2870.87</v>
      </c>
      <c r="E557">
        <v>2.8425199999999999</v>
      </c>
      <c r="F557">
        <v>4523.75</v>
      </c>
      <c r="G557">
        <v>35.036099999999998</v>
      </c>
    </row>
    <row r="558" spans="1:7" x14ac:dyDescent="0.25">
      <c r="A558">
        <v>6</v>
      </c>
      <c r="B558">
        <v>156.202</v>
      </c>
      <c r="C558">
        <v>198.72200000000001</v>
      </c>
      <c r="D558">
        <v>7154.33</v>
      </c>
      <c r="E558">
        <v>2.74803</v>
      </c>
      <c r="F558">
        <v>8707.08</v>
      </c>
      <c r="G558">
        <v>34.154200000000003</v>
      </c>
    </row>
    <row r="559" spans="1:7" x14ac:dyDescent="0.25">
      <c r="A559">
        <v>6</v>
      </c>
      <c r="B559">
        <v>140.45400000000001</v>
      </c>
      <c r="C559">
        <v>196.83199999999999</v>
      </c>
      <c r="D559">
        <v>2870.87</v>
      </c>
      <c r="E559">
        <v>3.8110200000000001</v>
      </c>
      <c r="F559">
        <v>4573.7700000000004</v>
      </c>
      <c r="G559">
        <v>102.616</v>
      </c>
    </row>
    <row r="560" spans="1:7" x14ac:dyDescent="0.25">
      <c r="A560">
        <v>6</v>
      </c>
      <c r="B560">
        <v>168.17099999999999</v>
      </c>
      <c r="C560">
        <v>197.46199999999999</v>
      </c>
      <c r="D560">
        <v>3138.58</v>
      </c>
      <c r="E560">
        <v>2.20472</v>
      </c>
      <c r="F560">
        <v>4909.4399999999996</v>
      </c>
      <c r="G560">
        <v>92.132099999999994</v>
      </c>
    </row>
    <row r="561" spans="1:7" x14ac:dyDescent="0.25">
      <c r="A561">
        <v>6</v>
      </c>
      <c r="B561">
        <v>160.61199999999999</v>
      </c>
      <c r="C561">
        <v>200.61199999999999</v>
      </c>
      <c r="D561">
        <v>3004.72</v>
      </c>
      <c r="E561">
        <v>3.8110200000000001</v>
      </c>
      <c r="F561">
        <v>4219.75</v>
      </c>
      <c r="G561">
        <v>27.2697</v>
      </c>
    </row>
    <row r="562" spans="1:7" x14ac:dyDescent="0.25">
      <c r="A562">
        <v>6</v>
      </c>
      <c r="B562">
        <v>136.04499999999999</v>
      </c>
      <c r="C562">
        <v>198.09200000000001</v>
      </c>
      <c r="D562">
        <v>7154.33</v>
      </c>
      <c r="E562">
        <v>2.7716500000000002</v>
      </c>
      <c r="F562">
        <v>8994.7900000000009</v>
      </c>
      <c r="G562">
        <v>14.3866</v>
      </c>
    </row>
    <row r="563" spans="1:7" x14ac:dyDescent="0.25">
      <c r="A563">
        <v>6</v>
      </c>
      <c r="B563">
        <v>155.572</v>
      </c>
      <c r="C563">
        <v>195.572</v>
      </c>
      <c r="D563">
        <v>3004.72</v>
      </c>
      <c r="E563">
        <v>1.54331</v>
      </c>
      <c r="F563">
        <v>5510.73</v>
      </c>
      <c r="G563">
        <v>25.675699999999999</v>
      </c>
    </row>
    <row r="564" spans="1:7" x14ac:dyDescent="0.25">
      <c r="A564">
        <v>6</v>
      </c>
      <c r="B564">
        <v>155.572</v>
      </c>
      <c r="C564">
        <v>200.61199999999999</v>
      </c>
      <c r="D564">
        <v>2870.87</v>
      </c>
      <c r="E564">
        <v>2.9606300000000001</v>
      </c>
      <c r="F564">
        <v>4710.5600000000004</v>
      </c>
      <c r="G564">
        <v>35.869399999999999</v>
      </c>
    </row>
    <row r="565" spans="1:7" x14ac:dyDescent="0.25">
      <c r="A565">
        <v>6</v>
      </c>
      <c r="B565">
        <v>155.572</v>
      </c>
      <c r="C565">
        <v>196.202</v>
      </c>
      <c r="D565">
        <v>1933.86</v>
      </c>
      <c r="E565">
        <v>1.54331</v>
      </c>
      <c r="F565">
        <v>4819.1400000000003</v>
      </c>
      <c r="G565">
        <v>60.775500000000001</v>
      </c>
    </row>
    <row r="566" spans="1:7" x14ac:dyDescent="0.25">
      <c r="A566">
        <v>6</v>
      </c>
      <c r="B566">
        <v>135.41499999999999</v>
      </c>
      <c r="C566">
        <v>195.572</v>
      </c>
      <c r="D566">
        <v>2870.87</v>
      </c>
      <c r="E566">
        <v>4</v>
      </c>
      <c r="F566">
        <v>4692.74</v>
      </c>
      <c r="G566">
        <v>118.658</v>
      </c>
    </row>
    <row r="567" spans="1:7" x14ac:dyDescent="0.25">
      <c r="A567">
        <v>6</v>
      </c>
      <c r="B567">
        <v>135.41499999999999</v>
      </c>
      <c r="C567">
        <v>196.202</v>
      </c>
      <c r="D567">
        <v>7154.33</v>
      </c>
      <c r="E567">
        <v>1.6377999999999999</v>
      </c>
      <c r="F567">
        <v>9533.4500000000007</v>
      </c>
      <c r="G567">
        <v>14.1493</v>
      </c>
    </row>
    <row r="568" spans="1:7" x14ac:dyDescent="0.25">
      <c r="A568">
        <v>6</v>
      </c>
      <c r="B568">
        <v>163.761</v>
      </c>
      <c r="C568">
        <v>197.46199999999999</v>
      </c>
      <c r="D568">
        <v>3004.72</v>
      </c>
      <c r="E568">
        <v>1.54331</v>
      </c>
      <c r="F568">
        <v>5336.53</v>
      </c>
      <c r="G568">
        <v>69.167299999999997</v>
      </c>
    </row>
    <row r="569" spans="1:7" x14ac:dyDescent="0.25">
      <c r="A569">
        <v>6</v>
      </c>
      <c r="B569">
        <v>173.21</v>
      </c>
      <c r="C569">
        <v>196.202</v>
      </c>
      <c r="D569">
        <v>3406.3</v>
      </c>
      <c r="E569">
        <v>2.4645700000000001</v>
      </c>
      <c r="F569">
        <v>3832.02</v>
      </c>
      <c r="G569">
        <v>112.518</v>
      </c>
    </row>
    <row r="570" spans="1:7" x14ac:dyDescent="0.25">
      <c r="A570">
        <v>6</v>
      </c>
      <c r="B570">
        <v>170.691</v>
      </c>
      <c r="C570">
        <v>196.202</v>
      </c>
      <c r="D570">
        <v>2870.87</v>
      </c>
      <c r="E570">
        <v>3.6220500000000002</v>
      </c>
      <c r="F570">
        <v>3937.77</v>
      </c>
      <c r="G570">
        <v>105.018</v>
      </c>
    </row>
    <row r="571" spans="1:7" x14ac:dyDescent="0.25">
      <c r="A571">
        <v>6</v>
      </c>
      <c r="B571">
        <v>155.572</v>
      </c>
      <c r="C571">
        <v>195.887</v>
      </c>
      <c r="D571">
        <v>2870.87</v>
      </c>
      <c r="E571">
        <v>2.8425199999999999</v>
      </c>
      <c r="F571">
        <v>4758.7</v>
      </c>
      <c r="G571">
        <v>36.097799999999999</v>
      </c>
    </row>
    <row r="572" spans="1:7" x14ac:dyDescent="0.25">
      <c r="A572">
        <v>6</v>
      </c>
      <c r="B572">
        <v>136.04499999999999</v>
      </c>
      <c r="C572">
        <v>195.572</v>
      </c>
      <c r="D572">
        <v>6083.46</v>
      </c>
      <c r="E572">
        <v>3.3385799999999999</v>
      </c>
      <c r="F572">
        <v>7658.11</v>
      </c>
      <c r="G572">
        <v>32.505200000000002</v>
      </c>
    </row>
    <row r="573" spans="1:7" x14ac:dyDescent="0.25">
      <c r="A573">
        <v>6</v>
      </c>
      <c r="B573">
        <v>155.572</v>
      </c>
      <c r="C573">
        <v>196.202</v>
      </c>
      <c r="D573">
        <v>7288.19</v>
      </c>
      <c r="E573">
        <v>1.2362200000000001</v>
      </c>
      <c r="F573">
        <v>9838.67</v>
      </c>
      <c r="G573">
        <v>38.270400000000002</v>
      </c>
    </row>
    <row r="574" spans="1:7" x14ac:dyDescent="0.25">
      <c r="A574">
        <v>6</v>
      </c>
      <c r="B574">
        <v>136.04499999999999</v>
      </c>
      <c r="C574">
        <v>197.46199999999999</v>
      </c>
      <c r="D574">
        <v>2870.87</v>
      </c>
      <c r="E574">
        <v>1.51969</v>
      </c>
      <c r="F574">
        <v>5975.91</v>
      </c>
      <c r="G574">
        <v>76.675299999999993</v>
      </c>
    </row>
    <row r="575" spans="1:7" x14ac:dyDescent="0.25">
      <c r="A575">
        <v>6</v>
      </c>
      <c r="B575">
        <v>136.04499999999999</v>
      </c>
      <c r="C575">
        <v>197.46199999999999</v>
      </c>
      <c r="D575">
        <v>7154.33</v>
      </c>
      <c r="E575">
        <v>3.3149600000000001</v>
      </c>
      <c r="F575">
        <v>8612.81</v>
      </c>
      <c r="G575">
        <v>15.494</v>
      </c>
    </row>
    <row r="576" spans="1:7" x14ac:dyDescent="0.25">
      <c r="A576">
        <v>6</v>
      </c>
      <c r="B576">
        <v>142.97399999999999</v>
      </c>
      <c r="C576">
        <v>210.06100000000001</v>
      </c>
      <c r="D576">
        <v>7288.19</v>
      </c>
      <c r="E576">
        <v>2.3936999999999999</v>
      </c>
      <c r="F576">
        <v>9214.0400000000009</v>
      </c>
      <c r="G576">
        <v>23.4618</v>
      </c>
    </row>
    <row r="577" spans="1:7" x14ac:dyDescent="0.25">
      <c r="A577">
        <v>6</v>
      </c>
      <c r="B577">
        <v>160.61199999999999</v>
      </c>
      <c r="C577">
        <v>197.46199999999999</v>
      </c>
      <c r="D577">
        <v>3004.72</v>
      </c>
      <c r="E577">
        <v>1.54331</v>
      </c>
      <c r="F577">
        <v>5346.85</v>
      </c>
      <c r="G577">
        <v>38.192100000000003</v>
      </c>
    </row>
    <row r="578" spans="1:7" x14ac:dyDescent="0.25">
      <c r="A578">
        <v>6</v>
      </c>
      <c r="B578">
        <v>163.131</v>
      </c>
      <c r="C578">
        <v>197.46199999999999</v>
      </c>
      <c r="D578">
        <v>3004.72</v>
      </c>
      <c r="E578">
        <v>2.20472</v>
      </c>
      <c r="F578">
        <v>4871.2700000000004</v>
      </c>
      <c r="G578">
        <v>25.2303</v>
      </c>
    </row>
    <row r="579" spans="1:7" x14ac:dyDescent="0.25">
      <c r="A579">
        <v>6</v>
      </c>
      <c r="B579">
        <v>135.41499999999999</v>
      </c>
      <c r="C579">
        <v>206.28100000000001</v>
      </c>
      <c r="D579">
        <v>5012.6000000000004</v>
      </c>
      <c r="E579">
        <v>3.2440899999999999</v>
      </c>
      <c r="F579">
        <v>6672.69</v>
      </c>
      <c r="G579">
        <v>52.480400000000003</v>
      </c>
    </row>
    <row r="580" spans="1:7" x14ac:dyDescent="0.25">
      <c r="A580">
        <v>6</v>
      </c>
      <c r="B580">
        <v>161.24199999999999</v>
      </c>
      <c r="C580">
        <v>197.46199999999999</v>
      </c>
      <c r="D580">
        <v>2870.87</v>
      </c>
      <c r="E580">
        <v>2.29921</v>
      </c>
      <c r="F580">
        <v>4837.87</v>
      </c>
      <c r="G580">
        <v>56.912300000000002</v>
      </c>
    </row>
    <row r="581" spans="1:7" x14ac:dyDescent="0.25">
      <c r="A581">
        <v>6</v>
      </c>
      <c r="B581">
        <v>160.61199999999999</v>
      </c>
      <c r="C581">
        <v>195.572</v>
      </c>
      <c r="D581">
        <v>2870.87</v>
      </c>
      <c r="E581">
        <v>3.0551200000000001</v>
      </c>
      <c r="F581">
        <v>4387.93</v>
      </c>
      <c r="G581">
        <v>32.828600000000002</v>
      </c>
    </row>
    <row r="582" spans="1:7" x14ac:dyDescent="0.25">
      <c r="A582">
        <v>6</v>
      </c>
      <c r="B582">
        <v>156.202</v>
      </c>
      <c r="C582">
        <v>196.83199999999999</v>
      </c>
      <c r="D582">
        <v>2067.7199999999998</v>
      </c>
      <c r="E582">
        <v>3.0314999999999999</v>
      </c>
      <c r="F582">
        <v>3854.72</v>
      </c>
      <c r="G582">
        <v>67.567499999999995</v>
      </c>
    </row>
    <row r="583" spans="1:7" x14ac:dyDescent="0.25">
      <c r="A583">
        <v>6</v>
      </c>
      <c r="B583">
        <v>140.45400000000001</v>
      </c>
      <c r="C583">
        <v>208.80099999999999</v>
      </c>
      <c r="D583">
        <v>7154.33</v>
      </c>
      <c r="E583">
        <v>3.0314999999999999</v>
      </c>
      <c r="F583">
        <v>8764.9</v>
      </c>
      <c r="G583">
        <v>18.722100000000001</v>
      </c>
    </row>
    <row r="584" spans="1:7" x14ac:dyDescent="0.25">
      <c r="A584">
        <v>6</v>
      </c>
      <c r="B584">
        <v>155.572</v>
      </c>
      <c r="C584">
        <v>196.83199999999999</v>
      </c>
      <c r="D584">
        <v>3004.72</v>
      </c>
      <c r="E584">
        <v>1.35433</v>
      </c>
      <c r="F584">
        <v>5728.42</v>
      </c>
      <c r="G584">
        <v>32.310099999999998</v>
      </c>
    </row>
    <row r="585" spans="1:7" x14ac:dyDescent="0.25">
      <c r="A585">
        <v>6</v>
      </c>
      <c r="B585">
        <v>135.41499999999999</v>
      </c>
      <c r="C585">
        <v>201.24199999999999</v>
      </c>
      <c r="D585">
        <v>7154.33</v>
      </c>
      <c r="E585">
        <v>2.8661400000000001</v>
      </c>
      <c r="F585">
        <v>8885.1200000000008</v>
      </c>
      <c r="G585">
        <v>14.049099999999999</v>
      </c>
    </row>
    <row r="586" spans="1:7" x14ac:dyDescent="0.25">
      <c r="A586">
        <v>6</v>
      </c>
      <c r="B586">
        <v>160.61199999999999</v>
      </c>
      <c r="C586">
        <v>196.202</v>
      </c>
      <c r="D586">
        <v>2870.87</v>
      </c>
      <c r="E586">
        <v>4</v>
      </c>
      <c r="F586">
        <v>4101.1499999999996</v>
      </c>
      <c r="G586">
        <v>27.514500000000002</v>
      </c>
    </row>
    <row r="587" spans="1:7" x14ac:dyDescent="0.25">
      <c r="A587">
        <v>6</v>
      </c>
      <c r="B587">
        <v>135.41499999999999</v>
      </c>
      <c r="C587">
        <v>196.202</v>
      </c>
      <c r="D587">
        <v>7154.33</v>
      </c>
      <c r="E587">
        <v>2.7716500000000002</v>
      </c>
      <c r="F587">
        <v>8961.17</v>
      </c>
      <c r="G587">
        <v>14.0649</v>
      </c>
    </row>
    <row r="588" spans="1:7" x14ac:dyDescent="0.25">
      <c r="A588">
        <v>6</v>
      </c>
      <c r="B588">
        <v>135.41499999999999</v>
      </c>
      <c r="C588">
        <v>195.572</v>
      </c>
      <c r="D588">
        <v>7154.33</v>
      </c>
      <c r="E588">
        <v>2.3936999999999999</v>
      </c>
      <c r="F588">
        <v>9073.94</v>
      </c>
      <c r="G588">
        <v>14.130699999999999</v>
      </c>
    </row>
    <row r="589" spans="1:7" x14ac:dyDescent="0.25">
      <c r="A589">
        <v>6</v>
      </c>
      <c r="B589">
        <v>160.61199999999999</v>
      </c>
      <c r="C589">
        <v>197.46199999999999</v>
      </c>
      <c r="D589">
        <v>3004.72</v>
      </c>
      <c r="E589">
        <v>2.20472</v>
      </c>
      <c r="F589">
        <v>4934.26</v>
      </c>
      <c r="G589">
        <v>60.9649</v>
      </c>
    </row>
    <row r="590" spans="1:7" x14ac:dyDescent="0.25">
      <c r="A590">
        <v>6</v>
      </c>
      <c r="B590">
        <v>141.084</v>
      </c>
      <c r="C590">
        <v>197.46199999999999</v>
      </c>
      <c r="D590">
        <v>7154.33</v>
      </c>
      <c r="E590">
        <v>3.6929099999999999</v>
      </c>
      <c r="F590">
        <v>8594.9500000000007</v>
      </c>
      <c r="G590">
        <v>19.6477</v>
      </c>
    </row>
    <row r="591" spans="1:7" x14ac:dyDescent="0.25">
      <c r="A591">
        <v>6</v>
      </c>
      <c r="B591">
        <v>137.935</v>
      </c>
      <c r="C591">
        <v>208.17099999999999</v>
      </c>
      <c r="D591">
        <v>7154.33</v>
      </c>
      <c r="E591">
        <v>3.90551</v>
      </c>
      <c r="F591">
        <v>8538.65</v>
      </c>
      <c r="G591">
        <v>17.1496</v>
      </c>
    </row>
    <row r="592" spans="1:7" x14ac:dyDescent="0.25">
      <c r="A592">
        <v>6</v>
      </c>
      <c r="B592">
        <v>136.04499999999999</v>
      </c>
      <c r="C592">
        <v>200.61199999999999</v>
      </c>
      <c r="D592">
        <v>7154.33</v>
      </c>
      <c r="E592">
        <v>2.5826799999999999</v>
      </c>
      <c r="F592">
        <v>8921.31</v>
      </c>
      <c r="G592">
        <v>14.390700000000001</v>
      </c>
    </row>
    <row r="593" spans="1:7" x14ac:dyDescent="0.25">
      <c r="A593">
        <v>6</v>
      </c>
      <c r="B593">
        <v>136.04499999999999</v>
      </c>
      <c r="C593">
        <v>195.572</v>
      </c>
      <c r="D593">
        <v>6083.46</v>
      </c>
      <c r="E593">
        <v>1.1653500000000001</v>
      </c>
      <c r="F593">
        <v>9446.7000000000007</v>
      </c>
      <c r="G593">
        <v>11.3193</v>
      </c>
    </row>
    <row r="594" spans="1:7" x14ac:dyDescent="0.25">
      <c r="A594">
        <v>6</v>
      </c>
      <c r="B594">
        <v>170.691</v>
      </c>
      <c r="C594">
        <v>210.691</v>
      </c>
      <c r="D594">
        <v>2870.87</v>
      </c>
      <c r="E594">
        <v>4</v>
      </c>
      <c r="F594">
        <v>3906.05</v>
      </c>
      <c r="G594">
        <v>104.16500000000001</v>
      </c>
    </row>
    <row r="595" spans="1:7" x14ac:dyDescent="0.25">
      <c r="A595">
        <v>6</v>
      </c>
      <c r="B595">
        <v>160.61199999999999</v>
      </c>
      <c r="C595">
        <v>196.202</v>
      </c>
      <c r="D595">
        <v>2870.87</v>
      </c>
      <c r="E595">
        <v>3.4330699999999998</v>
      </c>
      <c r="F595">
        <v>4235.12</v>
      </c>
      <c r="G595">
        <v>29.4831</v>
      </c>
    </row>
    <row r="596" spans="1:7" x14ac:dyDescent="0.25">
      <c r="A596">
        <v>6</v>
      </c>
      <c r="B596">
        <v>137.935</v>
      </c>
      <c r="C596">
        <v>210.06100000000001</v>
      </c>
      <c r="D596">
        <v>7154.33</v>
      </c>
      <c r="E596">
        <v>3.6692900000000002</v>
      </c>
      <c r="F596">
        <v>8491.42</v>
      </c>
      <c r="G596">
        <v>15.9948</v>
      </c>
    </row>
    <row r="597" spans="1:7" x14ac:dyDescent="0.25">
      <c r="A597">
        <v>6</v>
      </c>
      <c r="B597">
        <v>173.21</v>
      </c>
      <c r="C597">
        <v>196.202</v>
      </c>
      <c r="D597">
        <v>2870.87</v>
      </c>
      <c r="E597">
        <v>3.7165400000000002</v>
      </c>
      <c r="F597">
        <v>3575.8</v>
      </c>
      <c r="G597">
        <v>107.276</v>
      </c>
    </row>
    <row r="598" spans="1:7" x14ac:dyDescent="0.25">
      <c r="A598">
        <v>6</v>
      </c>
      <c r="B598">
        <v>156.202</v>
      </c>
      <c r="C598">
        <v>197.14699999999999</v>
      </c>
      <c r="D598">
        <v>1800</v>
      </c>
      <c r="E598">
        <v>3.2204700000000002</v>
      </c>
      <c r="F598">
        <v>3648.7</v>
      </c>
      <c r="G598">
        <v>90.058700000000002</v>
      </c>
    </row>
    <row r="599" spans="1:7" x14ac:dyDescent="0.25">
      <c r="A599">
        <v>6</v>
      </c>
      <c r="B599">
        <v>163.131</v>
      </c>
      <c r="C599">
        <v>197.46199999999999</v>
      </c>
      <c r="D599">
        <v>3004.72</v>
      </c>
      <c r="E599">
        <v>2.20472</v>
      </c>
      <c r="F599">
        <v>4871.2700000000004</v>
      </c>
      <c r="G599">
        <v>25.2303</v>
      </c>
    </row>
    <row r="600" spans="1:7" x14ac:dyDescent="0.25">
      <c r="A600">
        <v>6</v>
      </c>
      <c r="B600">
        <v>156.202</v>
      </c>
      <c r="C600">
        <v>195.572</v>
      </c>
      <c r="D600">
        <v>3004.72</v>
      </c>
      <c r="E600">
        <v>1.6377999999999999</v>
      </c>
      <c r="F600">
        <v>5544</v>
      </c>
      <c r="G600">
        <v>23.644500000000001</v>
      </c>
    </row>
    <row r="601" spans="1:7" x14ac:dyDescent="0.25">
      <c r="A601">
        <v>6</v>
      </c>
      <c r="B601">
        <v>166.28100000000001</v>
      </c>
      <c r="C601">
        <v>195.572</v>
      </c>
      <c r="D601">
        <v>7288.19</v>
      </c>
      <c r="E601">
        <v>1.02362</v>
      </c>
      <c r="F601">
        <v>7152.81</v>
      </c>
      <c r="G601">
        <v>19.911000000000001</v>
      </c>
    </row>
    <row r="602" spans="1:7" x14ac:dyDescent="0.25">
      <c r="A602">
        <v>6</v>
      </c>
      <c r="B602">
        <v>136.04499999999999</v>
      </c>
      <c r="C602">
        <v>210.691</v>
      </c>
      <c r="D602">
        <v>7154.33</v>
      </c>
      <c r="E602">
        <v>3.2440899999999999</v>
      </c>
      <c r="F602">
        <v>8654.58</v>
      </c>
      <c r="G602">
        <v>14.382300000000001</v>
      </c>
    </row>
    <row r="603" spans="1:7" x14ac:dyDescent="0.25">
      <c r="A603">
        <v>6</v>
      </c>
      <c r="B603">
        <v>136.04499999999999</v>
      </c>
      <c r="C603">
        <v>210.691</v>
      </c>
      <c r="D603">
        <v>7154.33</v>
      </c>
      <c r="E603">
        <v>3.2440899999999999</v>
      </c>
      <c r="F603">
        <v>8654.58</v>
      </c>
      <c r="G603">
        <v>14.382300000000001</v>
      </c>
    </row>
    <row r="604" spans="1:7" x14ac:dyDescent="0.25">
      <c r="A604">
        <v>6</v>
      </c>
      <c r="B604">
        <v>174.47</v>
      </c>
      <c r="C604">
        <v>175.41499999999999</v>
      </c>
      <c r="D604">
        <v>7422.05</v>
      </c>
      <c r="E604">
        <v>3.8582700000000001</v>
      </c>
      <c r="F604">
        <v>3358.18</v>
      </c>
      <c r="G604">
        <v>106.91500000000001</v>
      </c>
    </row>
    <row r="605" spans="1:7" x14ac:dyDescent="0.25">
      <c r="A605">
        <v>6</v>
      </c>
      <c r="B605">
        <v>168.17099999999999</v>
      </c>
      <c r="C605">
        <v>197.14699999999999</v>
      </c>
      <c r="D605">
        <v>2870.87</v>
      </c>
      <c r="E605">
        <v>3.8110200000000001</v>
      </c>
      <c r="F605">
        <v>3961.22</v>
      </c>
      <c r="G605">
        <v>50.840899999999998</v>
      </c>
    </row>
    <row r="606" spans="1:7" x14ac:dyDescent="0.25">
      <c r="A606">
        <v>6</v>
      </c>
      <c r="B606">
        <v>161.24199999999999</v>
      </c>
      <c r="C606">
        <v>198.72200000000001</v>
      </c>
      <c r="D606">
        <v>1800</v>
      </c>
      <c r="E606">
        <v>2.8425199999999999</v>
      </c>
      <c r="F606">
        <v>3588.18</v>
      </c>
      <c r="G606">
        <v>71.782499999999999</v>
      </c>
    </row>
    <row r="607" spans="1:7" x14ac:dyDescent="0.25">
      <c r="A607">
        <v>6</v>
      </c>
      <c r="B607">
        <v>160.61199999999999</v>
      </c>
      <c r="C607">
        <v>196.202</v>
      </c>
      <c r="D607">
        <v>2870.87</v>
      </c>
      <c r="E607">
        <v>4</v>
      </c>
      <c r="F607">
        <v>4101.1499999999996</v>
      </c>
      <c r="G607">
        <v>27.514500000000002</v>
      </c>
    </row>
    <row r="608" spans="1:7" x14ac:dyDescent="0.25">
      <c r="A608">
        <v>6</v>
      </c>
      <c r="B608">
        <v>160.61199999999999</v>
      </c>
      <c r="C608">
        <v>213.84</v>
      </c>
      <c r="D608">
        <v>2335.4299999999998</v>
      </c>
      <c r="E608">
        <v>1.3307100000000001</v>
      </c>
      <c r="F608">
        <v>5313.69</v>
      </c>
      <c r="G608">
        <v>25.168900000000001</v>
      </c>
    </row>
    <row r="609" spans="1:7" x14ac:dyDescent="0.25">
      <c r="A609">
        <v>6</v>
      </c>
      <c r="B609">
        <v>160.61199999999999</v>
      </c>
      <c r="C609">
        <v>196.202</v>
      </c>
      <c r="D609">
        <v>2870.87</v>
      </c>
      <c r="E609">
        <v>4</v>
      </c>
      <c r="F609">
        <v>4101.1499999999996</v>
      </c>
      <c r="G609">
        <v>27.514500000000002</v>
      </c>
    </row>
    <row r="610" spans="1:7" x14ac:dyDescent="0.25">
      <c r="A610">
        <v>6</v>
      </c>
      <c r="B610">
        <v>160.61199999999999</v>
      </c>
      <c r="C610">
        <v>213.84</v>
      </c>
      <c r="D610">
        <v>2335.4299999999998</v>
      </c>
      <c r="E610">
        <v>1.3307100000000001</v>
      </c>
      <c r="F610">
        <v>5313.69</v>
      </c>
      <c r="G610">
        <v>25.168900000000001</v>
      </c>
    </row>
    <row r="611" spans="1:7" x14ac:dyDescent="0.25">
      <c r="A611">
        <v>6</v>
      </c>
      <c r="B611">
        <v>137.935</v>
      </c>
      <c r="C611">
        <v>210.06100000000001</v>
      </c>
      <c r="D611">
        <v>7154.33</v>
      </c>
      <c r="E611">
        <v>3.6692900000000002</v>
      </c>
      <c r="F611">
        <v>8491.42</v>
      </c>
      <c r="G611">
        <v>15.9948</v>
      </c>
    </row>
    <row r="612" spans="1:7" x14ac:dyDescent="0.25">
      <c r="A612">
        <v>6</v>
      </c>
      <c r="B612">
        <v>174.47</v>
      </c>
      <c r="C612">
        <v>175.41499999999999</v>
      </c>
      <c r="D612">
        <v>7422.05</v>
      </c>
      <c r="E612">
        <v>3.8582700000000001</v>
      </c>
      <c r="F612">
        <v>3358.18</v>
      </c>
      <c r="G612">
        <v>106.91500000000001</v>
      </c>
    </row>
    <row r="613" spans="1:7" x14ac:dyDescent="0.25">
      <c r="A613">
        <v>6</v>
      </c>
      <c r="B613">
        <v>161.24199999999999</v>
      </c>
      <c r="C613">
        <v>198.72200000000001</v>
      </c>
      <c r="D613">
        <v>1800</v>
      </c>
      <c r="E613">
        <v>2.8425199999999999</v>
      </c>
      <c r="F613">
        <v>3588.18</v>
      </c>
      <c r="G613">
        <v>71.782499999999999</v>
      </c>
    </row>
    <row r="614" spans="1:7" x14ac:dyDescent="0.25">
      <c r="A614">
        <v>6</v>
      </c>
      <c r="B614">
        <v>145.494</v>
      </c>
      <c r="C614">
        <v>195.887</v>
      </c>
      <c r="D614">
        <v>5012.6000000000004</v>
      </c>
      <c r="E614">
        <v>3.3149600000000001</v>
      </c>
      <c r="F614">
        <v>6539.73</v>
      </c>
      <c r="G614">
        <v>21.848099999999999</v>
      </c>
    </row>
    <row r="615" spans="1:7" x14ac:dyDescent="0.25">
      <c r="A615">
        <v>6</v>
      </c>
      <c r="B615">
        <v>160.61199999999999</v>
      </c>
      <c r="C615">
        <v>200.61199999999999</v>
      </c>
      <c r="D615">
        <v>3004.72</v>
      </c>
      <c r="E615">
        <v>3.8110200000000001</v>
      </c>
      <c r="F615">
        <v>4219.75</v>
      </c>
      <c r="G615">
        <v>27.2697</v>
      </c>
    </row>
    <row r="616" spans="1:7" x14ac:dyDescent="0.25">
      <c r="A616">
        <v>6</v>
      </c>
      <c r="B616">
        <v>160.61199999999999</v>
      </c>
      <c r="C616">
        <v>196.202</v>
      </c>
      <c r="D616">
        <v>2870.87</v>
      </c>
      <c r="E616">
        <v>4</v>
      </c>
      <c r="F616">
        <v>4101.1499999999996</v>
      </c>
      <c r="G616">
        <v>27.514500000000002</v>
      </c>
    </row>
    <row r="617" spans="1:7" x14ac:dyDescent="0.25">
      <c r="A617">
        <v>6</v>
      </c>
      <c r="B617">
        <v>137.935</v>
      </c>
      <c r="C617">
        <v>210.06100000000001</v>
      </c>
      <c r="D617">
        <v>7154.33</v>
      </c>
      <c r="E617">
        <v>3.6692900000000002</v>
      </c>
      <c r="F617">
        <v>8491.42</v>
      </c>
      <c r="G617">
        <v>15.9948</v>
      </c>
    </row>
    <row r="618" spans="1:7" x14ac:dyDescent="0.25">
      <c r="A618">
        <v>6</v>
      </c>
      <c r="B618">
        <v>163.131</v>
      </c>
      <c r="C618">
        <v>197.46199999999999</v>
      </c>
      <c r="D618">
        <v>3004.72</v>
      </c>
      <c r="E618">
        <v>2.20472</v>
      </c>
      <c r="F618">
        <v>4871.2700000000004</v>
      </c>
      <c r="G618">
        <v>25.2303</v>
      </c>
    </row>
    <row r="619" spans="1:7" x14ac:dyDescent="0.25">
      <c r="A619">
        <v>6</v>
      </c>
      <c r="B619">
        <v>135.41499999999999</v>
      </c>
      <c r="C619">
        <v>205.65100000000001</v>
      </c>
      <c r="D619">
        <v>7154.33</v>
      </c>
      <c r="E619">
        <v>3.2440899999999999</v>
      </c>
      <c r="F619">
        <v>8728.9699999999993</v>
      </c>
      <c r="G619">
        <v>13.9887</v>
      </c>
    </row>
    <row r="620" spans="1:7" x14ac:dyDescent="0.25">
      <c r="A620">
        <v>6</v>
      </c>
      <c r="B620">
        <v>173.21</v>
      </c>
      <c r="C620">
        <v>198.09200000000001</v>
      </c>
      <c r="D620">
        <v>7422.05</v>
      </c>
      <c r="E620">
        <v>3.8818899999999998</v>
      </c>
      <c r="F620">
        <v>3576</v>
      </c>
      <c r="G620">
        <v>106.724</v>
      </c>
    </row>
    <row r="621" spans="1:7" x14ac:dyDescent="0.25">
      <c r="A621">
        <v>6</v>
      </c>
      <c r="B621">
        <v>163.131</v>
      </c>
      <c r="C621">
        <v>197.46199999999999</v>
      </c>
      <c r="D621">
        <v>3004.72</v>
      </c>
      <c r="E621">
        <v>2.20472</v>
      </c>
      <c r="F621">
        <v>4871.2700000000004</v>
      </c>
      <c r="G621">
        <v>25.2303</v>
      </c>
    </row>
    <row r="622" spans="1:7" x14ac:dyDescent="0.25">
      <c r="A622">
        <v>6</v>
      </c>
      <c r="B622">
        <v>160.61199999999999</v>
      </c>
      <c r="C622">
        <v>196.202</v>
      </c>
      <c r="D622">
        <v>2870.87</v>
      </c>
      <c r="E622">
        <v>4</v>
      </c>
      <c r="F622">
        <v>4101.1499999999996</v>
      </c>
      <c r="G622">
        <v>27.514500000000002</v>
      </c>
    </row>
    <row r="623" spans="1:7" x14ac:dyDescent="0.25">
      <c r="A623">
        <v>6</v>
      </c>
      <c r="B623">
        <v>136.04499999999999</v>
      </c>
      <c r="C623">
        <v>195.572</v>
      </c>
      <c r="D623">
        <v>6083.46</v>
      </c>
      <c r="E623">
        <v>1.1653500000000001</v>
      </c>
      <c r="F623">
        <v>9446.7000000000007</v>
      </c>
      <c r="G623">
        <v>11.3193</v>
      </c>
    </row>
    <row r="624" spans="1:7" x14ac:dyDescent="0.25">
      <c r="A624">
        <v>6</v>
      </c>
      <c r="B624">
        <v>137.935</v>
      </c>
      <c r="C624">
        <v>210.06100000000001</v>
      </c>
      <c r="D624">
        <v>7154.33</v>
      </c>
      <c r="E624">
        <v>3.6692900000000002</v>
      </c>
      <c r="F624">
        <v>8491.42</v>
      </c>
      <c r="G624">
        <v>15.9948</v>
      </c>
    </row>
    <row r="625" spans="1:7" x14ac:dyDescent="0.25">
      <c r="A625">
        <v>6</v>
      </c>
      <c r="B625">
        <v>156.202</v>
      </c>
      <c r="C625">
        <v>196.83199999999999</v>
      </c>
      <c r="D625">
        <v>3004.72</v>
      </c>
      <c r="E625">
        <v>1.54331</v>
      </c>
      <c r="F625">
        <v>5700.32</v>
      </c>
      <c r="G625">
        <v>22.826499999999999</v>
      </c>
    </row>
    <row r="626" spans="1:7" x14ac:dyDescent="0.25">
      <c r="A626">
        <v>6</v>
      </c>
      <c r="B626">
        <v>136.04499999999999</v>
      </c>
      <c r="C626">
        <v>197.46199999999999</v>
      </c>
      <c r="D626">
        <v>7154.33</v>
      </c>
      <c r="E626">
        <v>3.3149600000000001</v>
      </c>
      <c r="F626">
        <v>8612.81</v>
      </c>
      <c r="G626">
        <v>15.494</v>
      </c>
    </row>
    <row r="627" spans="1:7" x14ac:dyDescent="0.25">
      <c r="A627">
        <v>6</v>
      </c>
      <c r="B627">
        <v>156.202</v>
      </c>
      <c r="C627">
        <v>196.83199999999999</v>
      </c>
      <c r="D627">
        <v>2067.7199999999998</v>
      </c>
      <c r="E627">
        <v>3.0314999999999999</v>
      </c>
      <c r="F627">
        <v>3854.72</v>
      </c>
      <c r="G627">
        <v>67.567499999999995</v>
      </c>
    </row>
    <row r="628" spans="1:7" x14ac:dyDescent="0.25">
      <c r="A628">
        <v>6</v>
      </c>
      <c r="B628">
        <v>156.202</v>
      </c>
      <c r="C628">
        <v>195.572</v>
      </c>
      <c r="D628">
        <v>3004.72</v>
      </c>
      <c r="E628">
        <v>1.6377999999999999</v>
      </c>
      <c r="F628">
        <v>5544</v>
      </c>
      <c r="G628">
        <v>23.644500000000001</v>
      </c>
    </row>
    <row r="631" spans="1:7" x14ac:dyDescent="0.25">
      <c r="A631">
        <v>7</v>
      </c>
      <c r="B631">
        <v>136.04499999999999</v>
      </c>
      <c r="C631">
        <v>198.09200000000001</v>
      </c>
      <c r="D631">
        <v>6083.46</v>
      </c>
      <c r="E631">
        <v>2.5826799999999999</v>
      </c>
      <c r="F631">
        <v>8031.81</v>
      </c>
      <c r="G631">
        <v>21.354600000000001</v>
      </c>
    </row>
    <row r="632" spans="1:7" x14ac:dyDescent="0.25">
      <c r="A632">
        <v>7</v>
      </c>
      <c r="B632">
        <v>168.17099999999999</v>
      </c>
      <c r="C632">
        <v>197.14699999999999</v>
      </c>
      <c r="D632">
        <v>2870.87</v>
      </c>
      <c r="E632">
        <v>3.8110200000000001</v>
      </c>
      <c r="F632">
        <v>3961.22</v>
      </c>
      <c r="G632">
        <v>50.840899999999998</v>
      </c>
    </row>
    <row r="633" spans="1:7" x14ac:dyDescent="0.25">
      <c r="A633">
        <v>7</v>
      </c>
      <c r="B633">
        <v>136.04499999999999</v>
      </c>
      <c r="C633">
        <v>195.572</v>
      </c>
      <c r="D633">
        <v>6083.46</v>
      </c>
      <c r="E633">
        <v>1.1653500000000001</v>
      </c>
      <c r="F633">
        <v>9446.7000000000007</v>
      </c>
      <c r="G633">
        <v>11.3193</v>
      </c>
    </row>
    <row r="634" spans="1:7" x14ac:dyDescent="0.25">
      <c r="A634">
        <v>7</v>
      </c>
      <c r="B634">
        <v>156.202</v>
      </c>
      <c r="C634">
        <v>196.83199999999999</v>
      </c>
      <c r="D634">
        <v>3004.72</v>
      </c>
      <c r="E634">
        <v>1.54331</v>
      </c>
      <c r="F634">
        <v>5700.32</v>
      </c>
      <c r="G634">
        <v>22.826499999999999</v>
      </c>
    </row>
    <row r="635" spans="1:7" x14ac:dyDescent="0.25">
      <c r="A635">
        <v>7</v>
      </c>
      <c r="B635">
        <v>168.80099999999999</v>
      </c>
      <c r="C635">
        <v>195.572</v>
      </c>
      <c r="D635">
        <v>3406.3</v>
      </c>
      <c r="E635">
        <v>1.6141700000000001</v>
      </c>
      <c r="F635">
        <v>5485.25</v>
      </c>
      <c r="G635">
        <v>23.9512</v>
      </c>
    </row>
    <row r="636" spans="1:7" x14ac:dyDescent="0.25">
      <c r="A636">
        <v>7</v>
      </c>
      <c r="B636">
        <v>155.572</v>
      </c>
      <c r="C636">
        <v>196.202</v>
      </c>
      <c r="D636">
        <v>7154.33</v>
      </c>
      <c r="E636">
        <v>2.29921</v>
      </c>
      <c r="F636">
        <v>8965.18</v>
      </c>
      <c r="G636">
        <v>38.688200000000002</v>
      </c>
    </row>
    <row r="637" spans="1:7" x14ac:dyDescent="0.25">
      <c r="A637">
        <v>7</v>
      </c>
      <c r="B637">
        <v>166.28100000000001</v>
      </c>
      <c r="C637">
        <v>197.46199999999999</v>
      </c>
      <c r="D637">
        <v>2870.87</v>
      </c>
      <c r="E637">
        <v>3.8110200000000001</v>
      </c>
      <c r="F637">
        <v>4111.7299999999996</v>
      </c>
      <c r="G637">
        <v>81.188999999999993</v>
      </c>
    </row>
    <row r="638" spans="1:7" x14ac:dyDescent="0.25">
      <c r="A638">
        <v>7</v>
      </c>
      <c r="B638">
        <v>136.04499999999999</v>
      </c>
      <c r="C638">
        <v>195.572</v>
      </c>
      <c r="D638">
        <v>3004.72</v>
      </c>
      <c r="E638">
        <v>2.29921</v>
      </c>
      <c r="F638">
        <v>5346.23</v>
      </c>
      <c r="G638">
        <v>91.036100000000005</v>
      </c>
    </row>
    <row r="639" spans="1:7" x14ac:dyDescent="0.25">
      <c r="A639">
        <v>7</v>
      </c>
      <c r="B639">
        <v>156.202</v>
      </c>
      <c r="C639">
        <v>207.541</v>
      </c>
      <c r="D639">
        <v>2067.7199999999998</v>
      </c>
      <c r="E639">
        <v>3.2204700000000002</v>
      </c>
      <c r="F639">
        <v>3724.2</v>
      </c>
      <c r="G639">
        <v>72.778199999999998</v>
      </c>
    </row>
    <row r="640" spans="1:7" x14ac:dyDescent="0.25">
      <c r="A640">
        <v>7</v>
      </c>
      <c r="B640">
        <v>163.131</v>
      </c>
      <c r="C640">
        <v>195.572</v>
      </c>
      <c r="D640">
        <v>1800</v>
      </c>
      <c r="E640">
        <v>1.54331</v>
      </c>
      <c r="F640">
        <v>4641.96</v>
      </c>
      <c r="G640">
        <v>64.390900000000002</v>
      </c>
    </row>
    <row r="641" spans="1:7" x14ac:dyDescent="0.25">
      <c r="A641">
        <v>7</v>
      </c>
      <c r="B641">
        <v>161.24199999999999</v>
      </c>
      <c r="C641">
        <v>197.14699999999999</v>
      </c>
      <c r="D641">
        <v>2870.87</v>
      </c>
      <c r="E641">
        <v>3.59843</v>
      </c>
      <c r="F641">
        <v>4175.8500000000004</v>
      </c>
      <c r="G641">
        <v>28.032900000000001</v>
      </c>
    </row>
    <row r="642" spans="1:7" x14ac:dyDescent="0.25">
      <c r="A642">
        <v>7</v>
      </c>
      <c r="B642">
        <v>136.04499999999999</v>
      </c>
      <c r="C642">
        <v>195.572</v>
      </c>
      <c r="D642">
        <v>6083.46</v>
      </c>
      <c r="E642">
        <v>1.1653500000000001</v>
      </c>
      <c r="F642">
        <v>9446.7000000000007</v>
      </c>
      <c r="G642">
        <v>11.3193</v>
      </c>
    </row>
    <row r="643" spans="1:7" x14ac:dyDescent="0.25">
      <c r="A643">
        <v>7</v>
      </c>
      <c r="B643">
        <v>135.41499999999999</v>
      </c>
      <c r="C643">
        <v>205.65100000000001</v>
      </c>
      <c r="D643">
        <v>7288.19</v>
      </c>
      <c r="E643">
        <v>3.14961</v>
      </c>
      <c r="F643">
        <v>8822.52</v>
      </c>
      <c r="G643">
        <v>14.3718</v>
      </c>
    </row>
    <row r="644" spans="1:7" x14ac:dyDescent="0.25">
      <c r="A644">
        <v>7</v>
      </c>
      <c r="B644">
        <v>160.61199999999999</v>
      </c>
      <c r="C644">
        <v>197.46199999999999</v>
      </c>
      <c r="D644">
        <v>7288.19</v>
      </c>
      <c r="E644">
        <v>1.07087</v>
      </c>
      <c r="F644">
        <v>10787.8</v>
      </c>
      <c r="G644">
        <v>25.289300000000001</v>
      </c>
    </row>
    <row r="645" spans="1:7" x14ac:dyDescent="0.25">
      <c r="A645">
        <v>7</v>
      </c>
      <c r="B645">
        <v>158.72200000000001</v>
      </c>
      <c r="C645">
        <v>197.46199999999999</v>
      </c>
      <c r="D645">
        <v>3004.72</v>
      </c>
      <c r="E645">
        <v>2.29921</v>
      </c>
      <c r="F645">
        <v>4904.38</v>
      </c>
      <c r="G645">
        <v>57.0107</v>
      </c>
    </row>
    <row r="646" spans="1:7" x14ac:dyDescent="0.25">
      <c r="A646">
        <v>7</v>
      </c>
      <c r="B646">
        <v>163.761</v>
      </c>
      <c r="C646">
        <v>200.61199999999999</v>
      </c>
      <c r="D646">
        <v>7154.33</v>
      </c>
      <c r="E646">
        <v>2.6771699999999998</v>
      </c>
      <c r="F646">
        <v>8386.83</v>
      </c>
      <c r="G646">
        <v>84.888099999999994</v>
      </c>
    </row>
    <row r="647" spans="1:7" x14ac:dyDescent="0.25">
      <c r="A647">
        <v>7</v>
      </c>
      <c r="B647">
        <v>163.131</v>
      </c>
      <c r="C647">
        <v>197.46199999999999</v>
      </c>
      <c r="D647">
        <v>3138.58</v>
      </c>
      <c r="E647">
        <v>3.6929099999999999</v>
      </c>
      <c r="F647">
        <v>4293.3900000000003</v>
      </c>
      <c r="G647">
        <v>80.782300000000006</v>
      </c>
    </row>
    <row r="648" spans="1:7" x14ac:dyDescent="0.25">
      <c r="A648">
        <v>7</v>
      </c>
      <c r="B648">
        <v>160.61199999999999</v>
      </c>
      <c r="C648">
        <v>203.761</v>
      </c>
      <c r="D648">
        <v>1800</v>
      </c>
      <c r="E648">
        <v>3.9763799999999998</v>
      </c>
      <c r="F648">
        <v>3229.99</v>
      </c>
      <c r="G648">
        <v>82.210099999999997</v>
      </c>
    </row>
    <row r="649" spans="1:7" x14ac:dyDescent="0.25">
      <c r="A649">
        <v>7</v>
      </c>
      <c r="B649">
        <v>148.643</v>
      </c>
      <c r="C649">
        <v>197.14699999999999</v>
      </c>
      <c r="D649">
        <v>2870.87</v>
      </c>
      <c r="E649">
        <v>3.6929099999999999</v>
      </c>
      <c r="F649">
        <v>4480.95</v>
      </c>
      <c r="G649">
        <v>69.449200000000005</v>
      </c>
    </row>
    <row r="650" spans="1:7" x14ac:dyDescent="0.25">
      <c r="A650">
        <v>7</v>
      </c>
      <c r="B650">
        <v>137.935</v>
      </c>
      <c r="C650">
        <v>199.352</v>
      </c>
      <c r="D650">
        <v>6083.46</v>
      </c>
      <c r="E650">
        <v>1.54331</v>
      </c>
      <c r="F650">
        <v>8551.86</v>
      </c>
      <c r="G650">
        <v>13.282500000000001</v>
      </c>
    </row>
    <row r="651" spans="1:7" x14ac:dyDescent="0.25">
      <c r="A651">
        <v>7</v>
      </c>
      <c r="B651">
        <v>136.04499999999999</v>
      </c>
      <c r="C651">
        <v>211.32</v>
      </c>
      <c r="D651">
        <v>7154.33</v>
      </c>
      <c r="E651">
        <v>2.8425199999999999</v>
      </c>
      <c r="F651">
        <v>8935.2999999999993</v>
      </c>
      <c r="G651">
        <v>14.3855</v>
      </c>
    </row>
    <row r="652" spans="1:7" x14ac:dyDescent="0.25">
      <c r="A652">
        <v>7</v>
      </c>
      <c r="B652">
        <v>146.124</v>
      </c>
      <c r="C652">
        <v>198.72200000000001</v>
      </c>
      <c r="D652">
        <v>6083.46</v>
      </c>
      <c r="E652">
        <v>2.9606300000000001</v>
      </c>
      <c r="F652">
        <v>7527.9</v>
      </c>
      <c r="G652">
        <v>25.950500000000002</v>
      </c>
    </row>
    <row r="653" spans="1:7" x14ac:dyDescent="0.25">
      <c r="A653">
        <v>7</v>
      </c>
      <c r="B653">
        <v>156.202</v>
      </c>
      <c r="C653">
        <v>196.83199999999999</v>
      </c>
      <c r="D653">
        <v>3004.72</v>
      </c>
      <c r="E653">
        <v>1.54331</v>
      </c>
      <c r="F653">
        <v>5700.32</v>
      </c>
      <c r="G653">
        <v>22.826499999999999</v>
      </c>
    </row>
    <row r="654" spans="1:7" x14ac:dyDescent="0.25">
      <c r="A654">
        <v>7</v>
      </c>
      <c r="B654">
        <v>135.41499999999999</v>
      </c>
      <c r="C654">
        <v>195.572</v>
      </c>
      <c r="D654">
        <v>3540.16</v>
      </c>
      <c r="E654">
        <v>3.14961</v>
      </c>
      <c r="F654">
        <v>5497.77</v>
      </c>
      <c r="G654">
        <v>100.084</v>
      </c>
    </row>
    <row r="655" spans="1:7" x14ac:dyDescent="0.25">
      <c r="A655">
        <v>7</v>
      </c>
      <c r="B655">
        <v>148.643</v>
      </c>
      <c r="C655">
        <v>195.25700000000001</v>
      </c>
      <c r="D655">
        <v>1800</v>
      </c>
      <c r="E655">
        <v>3.4330699999999998</v>
      </c>
      <c r="F655">
        <v>3694.2</v>
      </c>
      <c r="G655">
        <v>112.125</v>
      </c>
    </row>
    <row r="656" spans="1:7" x14ac:dyDescent="0.25">
      <c r="A656">
        <v>7</v>
      </c>
      <c r="B656">
        <v>163.131</v>
      </c>
      <c r="C656">
        <v>197.46199999999999</v>
      </c>
      <c r="D656">
        <v>7154.33</v>
      </c>
      <c r="E656">
        <v>3.6692900000000002</v>
      </c>
      <c r="F656">
        <v>8141.31</v>
      </c>
      <c r="G656">
        <v>80.816500000000005</v>
      </c>
    </row>
    <row r="657" spans="1:7" x14ac:dyDescent="0.25">
      <c r="A657">
        <v>7</v>
      </c>
      <c r="B657">
        <v>156.202</v>
      </c>
      <c r="C657">
        <v>200.61199999999999</v>
      </c>
      <c r="D657">
        <v>1800</v>
      </c>
      <c r="E657">
        <v>2.7716500000000002</v>
      </c>
      <c r="F657">
        <v>3753.27</v>
      </c>
      <c r="G657">
        <v>77.284899999999993</v>
      </c>
    </row>
    <row r="658" spans="1:7" x14ac:dyDescent="0.25">
      <c r="A658">
        <v>7</v>
      </c>
      <c r="B658">
        <v>138.565</v>
      </c>
      <c r="C658">
        <v>195.572</v>
      </c>
      <c r="D658">
        <v>7154.33</v>
      </c>
      <c r="E658">
        <v>1.1653500000000001</v>
      </c>
      <c r="F658">
        <v>10573.1</v>
      </c>
      <c r="G658">
        <v>16.915199999999999</v>
      </c>
    </row>
    <row r="659" spans="1:7" x14ac:dyDescent="0.25">
      <c r="A659">
        <v>7</v>
      </c>
      <c r="B659">
        <v>163.131</v>
      </c>
      <c r="C659">
        <v>197.46199999999999</v>
      </c>
      <c r="D659">
        <v>3004.72</v>
      </c>
      <c r="E659">
        <v>3.6929099999999999</v>
      </c>
      <c r="F659">
        <v>4354.42</v>
      </c>
      <c r="G659">
        <v>80.782300000000006</v>
      </c>
    </row>
    <row r="660" spans="1:7" x14ac:dyDescent="0.25">
      <c r="A660">
        <v>7</v>
      </c>
      <c r="B660">
        <v>136.04499999999999</v>
      </c>
      <c r="C660">
        <v>208.80099999999999</v>
      </c>
      <c r="D660">
        <v>7288.19</v>
      </c>
      <c r="E660">
        <v>2.9133900000000001</v>
      </c>
      <c r="F660">
        <v>8946.67</v>
      </c>
      <c r="G660">
        <v>14.678100000000001</v>
      </c>
    </row>
    <row r="661" spans="1:7" x14ac:dyDescent="0.25">
      <c r="A661">
        <v>7</v>
      </c>
      <c r="B661">
        <v>173.21</v>
      </c>
      <c r="C661">
        <v>196.202</v>
      </c>
      <c r="D661">
        <v>2870.87</v>
      </c>
      <c r="E661">
        <v>3.8110200000000001</v>
      </c>
      <c r="F661">
        <v>3575.6</v>
      </c>
      <c r="G661">
        <v>106.96899999999999</v>
      </c>
    </row>
    <row r="662" spans="1:7" x14ac:dyDescent="0.25">
      <c r="A662">
        <v>7</v>
      </c>
      <c r="B662">
        <v>168.17099999999999</v>
      </c>
      <c r="C662">
        <v>197.46199999999999</v>
      </c>
      <c r="D662">
        <v>2870.87</v>
      </c>
      <c r="E662">
        <v>3.8110200000000001</v>
      </c>
      <c r="F662">
        <v>3961.22</v>
      </c>
      <c r="G662">
        <v>50.840899999999998</v>
      </c>
    </row>
    <row r="663" spans="1:7" x14ac:dyDescent="0.25">
      <c r="A663">
        <v>7</v>
      </c>
      <c r="B663">
        <v>135.41499999999999</v>
      </c>
      <c r="C663">
        <v>196.202</v>
      </c>
      <c r="D663">
        <v>7288.19</v>
      </c>
      <c r="E663">
        <v>3.14961</v>
      </c>
      <c r="F663">
        <v>8822.52</v>
      </c>
      <c r="G663">
        <v>15.590400000000001</v>
      </c>
    </row>
    <row r="664" spans="1:7" x14ac:dyDescent="0.25">
      <c r="A664">
        <v>7</v>
      </c>
      <c r="B664">
        <v>148.01300000000001</v>
      </c>
      <c r="C664">
        <v>189.90299999999999</v>
      </c>
      <c r="D664">
        <v>2870.87</v>
      </c>
      <c r="E664">
        <v>3.7165400000000002</v>
      </c>
      <c r="F664">
        <v>4643.18</v>
      </c>
      <c r="G664">
        <v>73.261499999999998</v>
      </c>
    </row>
    <row r="665" spans="1:7" x14ac:dyDescent="0.25">
      <c r="A665">
        <v>7</v>
      </c>
      <c r="B665">
        <v>140.45400000000001</v>
      </c>
      <c r="C665">
        <v>196.202</v>
      </c>
      <c r="D665">
        <v>7154.33</v>
      </c>
      <c r="E665">
        <v>3.2440899999999999</v>
      </c>
      <c r="F665">
        <v>8833.24</v>
      </c>
      <c r="G665">
        <v>18.6463</v>
      </c>
    </row>
    <row r="666" spans="1:7" x14ac:dyDescent="0.25">
      <c r="A666">
        <v>7</v>
      </c>
      <c r="B666">
        <v>155.572</v>
      </c>
      <c r="C666">
        <v>208.17099999999999</v>
      </c>
      <c r="D666">
        <v>2870.87</v>
      </c>
      <c r="E666">
        <v>4</v>
      </c>
      <c r="F666">
        <v>4197.84</v>
      </c>
      <c r="G666">
        <v>35.122999999999998</v>
      </c>
    </row>
    <row r="667" spans="1:7" x14ac:dyDescent="0.25">
      <c r="A667">
        <v>7</v>
      </c>
      <c r="B667">
        <v>140.45400000000001</v>
      </c>
      <c r="C667">
        <v>195.572</v>
      </c>
      <c r="D667">
        <v>2870.87</v>
      </c>
      <c r="E667">
        <v>2.1102400000000001</v>
      </c>
      <c r="F667">
        <v>5231.1899999999996</v>
      </c>
      <c r="G667">
        <v>76.563900000000004</v>
      </c>
    </row>
    <row r="668" spans="1:7" x14ac:dyDescent="0.25">
      <c r="A668">
        <v>7</v>
      </c>
      <c r="B668">
        <v>135.41499999999999</v>
      </c>
      <c r="C668">
        <v>195.572</v>
      </c>
      <c r="D668">
        <v>7154.33</v>
      </c>
      <c r="E668">
        <v>2.7716500000000002</v>
      </c>
      <c r="F668">
        <v>8961.17</v>
      </c>
      <c r="G668">
        <v>14.098699999999999</v>
      </c>
    </row>
    <row r="669" spans="1:7" x14ac:dyDescent="0.25">
      <c r="A669">
        <v>7</v>
      </c>
      <c r="B669">
        <v>156.202</v>
      </c>
      <c r="C669">
        <v>207.541</v>
      </c>
      <c r="D669">
        <v>7154.33</v>
      </c>
      <c r="E669">
        <v>2.8425199999999999</v>
      </c>
      <c r="F669">
        <v>8680.2999999999993</v>
      </c>
      <c r="G669">
        <v>41.644399999999997</v>
      </c>
    </row>
    <row r="670" spans="1:7" x14ac:dyDescent="0.25">
      <c r="A670">
        <v>7</v>
      </c>
      <c r="B670">
        <v>170.691</v>
      </c>
      <c r="C670">
        <v>197.14699999999999</v>
      </c>
      <c r="D670">
        <v>2870.87</v>
      </c>
      <c r="E670">
        <v>4</v>
      </c>
      <c r="F670">
        <v>3906.05</v>
      </c>
      <c r="G670">
        <v>104.16500000000001</v>
      </c>
    </row>
    <row r="671" spans="1:7" x14ac:dyDescent="0.25">
      <c r="A671">
        <v>7</v>
      </c>
      <c r="B671">
        <v>136.04499999999999</v>
      </c>
      <c r="C671">
        <v>199.352</v>
      </c>
      <c r="D671">
        <v>6083.46</v>
      </c>
      <c r="E671">
        <v>3.8110200000000001</v>
      </c>
      <c r="F671">
        <v>7604.3</v>
      </c>
      <c r="G671">
        <v>35.142299999999999</v>
      </c>
    </row>
    <row r="672" spans="1:7" x14ac:dyDescent="0.25">
      <c r="A672">
        <v>7</v>
      </c>
      <c r="B672">
        <v>156.202</v>
      </c>
      <c r="C672">
        <v>198.72200000000001</v>
      </c>
      <c r="D672">
        <v>1800</v>
      </c>
      <c r="E672">
        <v>2.8425199999999999</v>
      </c>
      <c r="F672">
        <v>3743</v>
      </c>
      <c r="G672">
        <v>82.457099999999997</v>
      </c>
    </row>
    <row r="673" spans="1:7" x14ac:dyDescent="0.25">
      <c r="A673">
        <v>7</v>
      </c>
      <c r="B673">
        <v>156.202</v>
      </c>
      <c r="C673">
        <v>203.761</v>
      </c>
      <c r="D673">
        <v>1800</v>
      </c>
      <c r="E673">
        <v>2.8425199999999999</v>
      </c>
      <c r="F673">
        <v>3647.9</v>
      </c>
      <c r="G673">
        <v>82.457099999999997</v>
      </c>
    </row>
    <row r="674" spans="1:7" x14ac:dyDescent="0.25">
      <c r="A674">
        <v>7</v>
      </c>
      <c r="B674">
        <v>136.04499999999999</v>
      </c>
      <c r="C674">
        <v>195.572</v>
      </c>
      <c r="D674">
        <v>6083.46</v>
      </c>
      <c r="E674">
        <v>2.6771699999999998</v>
      </c>
      <c r="F674">
        <v>7964.48</v>
      </c>
      <c r="G674">
        <v>24.494499999999999</v>
      </c>
    </row>
    <row r="675" spans="1:7" x14ac:dyDescent="0.25">
      <c r="A675">
        <v>7</v>
      </c>
      <c r="B675">
        <v>156.83199999999999</v>
      </c>
      <c r="C675">
        <v>201.87200000000001</v>
      </c>
      <c r="D675">
        <v>3004.72</v>
      </c>
      <c r="E675">
        <v>2.29921</v>
      </c>
      <c r="F675">
        <v>4968.34</v>
      </c>
      <c r="G675">
        <v>28.7014</v>
      </c>
    </row>
    <row r="676" spans="1:7" x14ac:dyDescent="0.25">
      <c r="A676">
        <v>7</v>
      </c>
      <c r="B676">
        <v>135.41499999999999</v>
      </c>
      <c r="C676">
        <v>201.24199999999999</v>
      </c>
      <c r="D676">
        <v>7154.33</v>
      </c>
      <c r="E676">
        <v>3.6220500000000002</v>
      </c>
      <c r="F676">
        <v>8672.0499999999993</v>
      </c>
      <c r="G676">
        <v>17.911100000000001</v>
      </c>
    </row>
    <row r="677" spans="1:7" x14ac:dyDescent="0.25">
      <c r="A677">
        <v>7</v>
      </c>
      <c r="B677">
        <v>141.084</v>
      </c>
      <c r="C677">
        <v>196.202</v>
      </c>
      <c r="D677">
        <v>3941.73</v>
      </c>
      <c r="E677">
        <v>1.1417299999999999</v>
      </c>
      <c r="F677">
        <v>7637.26</v>
      </c>
      <c r="G677">
        <v>24.2498</v>
      </c>
    </row>
    <row r="678" spans="1:7" x14ac:dyDescent="0.25">
      <c r="A678">
        <v>7</v>
      </c>
      <c r="B678">
        <v>156.202</v>
      </c>
      <c r="C678">
        <v>196.202</v>
      </c>
      <c r="D678">
        <v>2870.87</v>
      </c>
      <c r="E678">
        <v>2.8425199999999999</v>
      </c>
      <c r="F678">
        <v>4735.9799999999996</v>
      </c>
      <c r="G678">
        <v>37.106900000000003</v>
      </c>
    </row>
    <row r="679" spans="1:7" x14ac:dyDescent="0.25">
      <c r="A679">
        <v>7</v>
      </c>
      <c r="B679">
        <v>156.202</v>
      </c>
      <c r="C679">
        <v>196.83199999999999</v>
      </c>
      <c r="D679">
        <v>2067.7199999999998</v>
      </c>
      <c r="E679">
        <v>3.0314999999999999</v>
      </c>
      <c r="F679">
        <v>3854.72</v>
      </c>
      <c r="G679">
        <v>67.567499999999995</v>
      </c>
    </row>
    <row r="680" spans="1:7" x14ac:dyDescent="0.25">
      <c r="A680">
        <v>7</v>
      </c>
      <c r="B680">
        <v>137.935</v>
      </c>
      <c r="C680">
        <v>208.17099999999999</v>
      </c>
      <c r="D680">
        <v>6083.46</v>
      </c>
      <c r="E680">
        <v>3.5275599999999998</v>
      </c>
      <c r="F680">
        <v>7624.38</v>
      </c>
      <c r="G680">
        <v>17.499500000000001</v>
      </c>
    </row>
    <row r="681" spans="1:7" x14ac:dyDescent="0.25">
      <c r="A681">
        <v>7</v>
      </c>
      <c r="B681">
        <v>160.61199999999999</v>
      </c>
      <c r="C681">
        <v>195.572</v>
      </c>
      <c r="D681">
        <v>3004.72</v>
      </c>
      <c r="E681">
        <v>3.8110200000000001</v>
      </c>
      <c r="F681">
        <v>4285.95</v>
      </c>
      <c r="G681">
        <v>27.2697</v>
      </c>
    </row>
    <row r="682" spans="1:7" x14ac:dyDescent="0.25">
      <c r="A682">
        <v>7</v>
      </c>
      <c r="B682">
        <v>136.04499999999999</v>
      </c>
      <c r="C682">
        <v>199.352</v>
      </c>
      <c r="D682">
        <v>3004.72</v>
      </c>
      <c r="E682">
        <v>3.8110200000000001</v>
      </c>
      <c r="F682">
        <v>4719.28</v>
      </c>
      <c r="G682">
        <v>112.038</v>
      </c>
    </row>
    <row r="683" spans="1:7" x14ac:dyDescent="0.25">
      <c r="A683">
        <v>7</v>
      </c>
      <c r="B683">
        <v>155.572</v>
      </c>
      <c r="C683">
        <v>195.572</v>
      </c>
      <c r="D683">
        <v>2870.87</v>
      </c>
      <c r="E683">
        <v>2.3936999999999999</v>
      </c>
      <c r="F683">
        <v>4857.8900000000003</v>
      </c>
      <c r="G683">
        <v>41.5991</v>
      </c>
    </row>
    <row r="684" spans="1:7" x14ac:dyDescent="0.25">
      <c r="A684">
        <v>7</v>
      </c>
      <c r="B684">
        <v>163.131</v>
      </c>
      <c r="C684">
        <v>195.572</v>
      </c>
      <c r="D684">
        <v>2870.87</v>
      </c>
      <c r="E684">
        <v>3.8110200000000001</v>
      </c>
      <c r="F684">
        <v>4165.62</v>
      </c>
      <c r="G684">
        <v>80.601600000000005</v>
      </c>
    </row>
    <row r="685" spans="1:7" x14ac:dyDescent="0.25">
      <c r="A685">
        <v>7</v>
      </c>
      <c r="B685">
        <v>138.565</v>
      </c>
      <c r="C685">
        <v>205.65100000000001</v>
      </c>
      <c r="D685">
        <v>7288.19</v>
      </c>
      <c r="E685">
        <v>1.73228</v>
      </c>
      <c r="F685">
        <v>9730.2999999999993</v>
      </c>
      <c r="G685">
        <v>15.9122</v>
      </c>
    </row>
    <row r="686" spans="1:7" x14ac:dyDescent="0.25">
      <c r="A686">
        <v>7</v>
      </c>
      <c r="B686">
        <v>140.45400000000001</v>
      </c>
      <c r="C686">
        <v>196.202</v>
      </c>
      <c r="D686">
        <v>7154.33</v>
      </c>
      <c r="E686">
        <v>2.6771699999999998</v>
      </c>
      <c r="F686">
        <v>9095.69</v>
      </c>
      <c r="G686">
        <v>18.839600000000001</v>
      </c>
    </row>
    <row r="687" spans="1:7" x14ac:dyDescent="0.25">
      <c r="A687">
        <v>7</v>
      </c>
      <c r="B687">
        <v>155.572</v>
      </c>
      <c r="C687">
        <v>208.80099999999999</v>
      </c>
      <c r="D687">
        <v>2870.87</v>
      </c>
      <c r="E687">
        <v>4</v>
      </c>
      <c r="F687">
        <v>4197.84</v>
      </c>
      <c r="G687">
        <v>35.122999999999998</v>
      </c>
    </row>
    <row r="688" spans="1:7" x14ac:dyDescent="0.25">
      <c r="A688">
        <v>7</v>
      </c>
      <c r="B688">
        <v>155.572</v>
      </c>
      <c r="C688">
        <v>203.761</v>
      </c>
      <c r="D688">
        <v>1933.86</v>
      </c>
      <c r="E688">
        <v>2.65354</v>
      </c>
      <c r="F688">
        <v>3929.87</v>
      </c>
      <c r="G688">
        <v>76.655299999999997</v>
      </c>
    </row>
    <row r="689" spans="1:7" x14ac:dyDescent="0.25">
      <c r="A689">
        <v>7</v>
      </c>
      <c r="B689">
        <v>161.24199999999999</v>
      </c>
      <c r="C689">
        <v>196.202</v>
      </c>
      <c r="D689">
        <v>2870.87</v>
      </c>
      <c r="E689">
        <v>2.8425199999999999</v>
      </c>
      <c r="F689">
        <v>4403.25</v>
      </c>
      <c r="G689">
        <v>26.689699999999998</v>
      </c>
    </row>
    <row r="690" spans="1:7" x14ac:dyDescent="0.25">
      <c r="A690">
        <v>7</v>
      </c>
      <c r="B690">
        <v>135.41499999999999</v>
      </c>
      <c r="C690">
        <v>196.83199999999999</v>
      </c>
      <c r="D690">
        <v>9296.06</v>
      </c>
      <c r="E690">
        <v>2.65354</v>
      </c>
      <c r="F690">
        <v>11117.8</v>
      </c>
      <c r="G690">
        <v>15.061199999999999</v>
      </c>
    </row>
    <row r="691" spans="1:7" x14ac:dyDescent="0.25">
      <c r="A691">
        <v>7</v>
      </c>
      <c r="B691">
        <v>166.28100000000001</v>
      </c>
      <c r="C691">
        <v>195.572</v>
      </c>
      <c r="D691">
        <v>7288.19</v>
      </c>
      <c r="E691">
        <v>1.02362</v>
      </c>
      <c r="F691">
        <v>7152.81</v>
      </c>
      <c r="G691">
        <v>19.911000000000001</v>
      </c>
    </row>
    <row r="692" spans="1:7" x14ac:dyDescent="0.25">
      <c r="A692">
        <v>7</v>
      </c>
      <c r="B692">
        <v>160.61199999999999</v>
      </c>
      <c r="C692">
        <v>195.572</v>
      </c>
      <c r="D692">
        <v>3004.72</v>
      </c>
      <c r="E692">
        <v>3.8110200000000001</v>
      </c>
      <c r="F692">
        <v>4285.95</v>
      </c>
      <c r="G692">
        <v>27.2697</v>
      </c>
    </row>
    <row r="693" spans="1:7" x14ac:dyDescent="0.25">
      <c r="A693">
        <v>7</v>
      </c>
      <c r="B693">
        <v>161.24199999999999</v>
      </c>
      <c r="C693">
        <v>196.202</v>
      </c>
      <c r="D693">
        <v>2870.87</v>
      </c>
      <c r="E693">
        <v>2.8425199999999999</v>
      </c>
      <c r="F693">
        <v>4403.25</v>
      </c>
      <c r="G693">
        <v>26.689699999999998</v>
      </c>
    </row>
    <row r="694" spans="1:7" x14ac:dyDescent="0.25">
      <c r="A694">
        <v>7</v>
      </c>
      <c r="B694">
        <v>160.61199999999999</v>
      </c>
      <c r="C694">
        <v>203.761</v>
      </c>
      <c r="D694">
        <v>1800</v>
      </c>
      <c r="E694">
        <v>3.9763799999999998</v>
      </c>
      <c r="F694">
        <v>3229.99</v>
      </c>
      <c r="G694">
        <v>82.210099999999997</v>
      </c>
    </row>
    <row r="695" spans="1:7" x14ac:dyDescent="0.25">
      <c r="A695">
        <v>7</v>
      </c>
      <c r="B695">
        <v>168.17099999999999</v>
      </c>
      <c r="C695">
        <v>197.14699999999999</v>
      </c>
      <c r="D695">
        <v>2870.87</v>
      </c>
      <c r="E695">
        <v>3.8110200000000001</v>
      </c>
      <c r="F695">
        <v>3961.22</v>
      </c>
      <c r="G695">
        <v>50.840899999999998</v>
      </c>
    </row>
    <row r="696" spans="1:7" x14ac:dyDescent="0.25">
      <c r="A696">
        <v>7</v>
      </c>
      <c r="B696">
        <v>161.24199999999999</v>
      </c>
      <c r="C696">
        <v>198.72200000000001</v>
      </c>
      <c r="D696">
        <v>1800</v>
      </c>
      <c r="E696">
        <v>2.8425199999999999</v>
      </c>
      <c r="F696">
        <v>3588.18</v>
      </c>
      <c r="G696">
        <v>71.782499999999999</v>
      </c>
    </row>
    <row r="697" spans="1:7" x14ac:dyDescent="0.25">
      <c r="A697">
        <v>7</v>
      </c>
      <c r="B697">
        <v>160.61199999999999</v>
      </c>
      <c r="C697">
        <v>196.202</v>
      </c>
      <c r="D697">
        <v>2870.87</v>
      </c>
      <c r="E697">
        <v>4</v>
      </c>
      <c r="F697">
        <v>4101.1499999999996</v>
      </c>
      <c r="G697">
        <v>27.514500000000002</v>
      </c>
    </row>
    <row r="698" spans="1:7" x14ac:dyDescent="0.25">
      <c r="A698">
        <v>7</v>
      </c>
      <c r="B698">
        <v>160.61199999999999</v>
      </c>
      <c r="C698">
        <v>213.84</v>
      </c>
      <c r="D698">
        <v>2335.4299999999998</v>
      </c>
      <c r="E698">
        <v>1.3307100000000001</v>
      </c>
      <c r="F698">
        <v>5313.69</v>
      </c>
      <c r="G698">
        <v>25.168900000000001</v>
      </c>
    </row>
    <row r="699" spans="1:7" x14ac:dyDescent="0.25">
      <c r="A699">
        <v>7</v>
      </c>
      <c r="B699">
        <v>160.61199999999999</v>
      </c>
      <c r="C699">
        <v>196.202</v>
      </c>
      <c r="D699">
        <v>2870.87</v>
      </c>
      <c r="E699">
        <v>4</v>
      </c>
      <c r="F699">
        <v>4101.1499999999996</v>
      </c>
      <c r="G699">
        <v>27.514500000000002</v>
      </c>
    </row>
    <row r="700" spans="1:7" x14ac:dyDescent="0.25">
      <c r="A700">
        <v>7</v>
      </c>
      <c r="B700">
        <v>160.61199999999999</v>
      </c>
      <c r="C700">
        <v>213.84</v>
      </c>
      <c r="D700">
        <v>2335.4299999999998</v>
      </c>
      <c r="E700">
        <v>1.3307100000000001</v>
      </c>
      <c r="F700">
        <v>5313.69</v>
      </c>
      <c r="G700">
        <v>25.168900000000001</v>
      </c>
    </row>
    <row r="701" spans="1:7" x14ac:dyDescent="0.25">
      <c r="A701">
        <v>7</v>
      </c>
      <c r="B701">
        <v>137.935</v>
      </c>
      <c r="C701">
        <v>210.06100000000001</v>
      </c>
      <c r="D701">
        <v>7154.33</v>
      </c>
      <c r="E701">
        <v>3.6692900000000002</v>
      </c>
      <c r="F701">
        <v>8491.42</v>
      </c>
      <c r="G701">
        <v>15.9948</v>
      </c>
    </row>
    <row r="702" spans="1:7" x14ac:dyDescent="0.25">
      <c r="A702">
        <v>7</v>
      </c>
      <c r="B702">
        <v>160.61199999999999</v>
      </c>
      <c r="C702">
        <v>203.761</v>
      </c>
      <c r="D702">
        <v>1800</v>
      </c>
      <c r="E702">
        <v>3.9763799999999998</v>
      </c>
      <c r="F702">
        <v>3229.99</v>
      </c>
      <c r="G702">
        <v>82.210099999999997</v>
      </c>
    </row>
    <row r="703" spans="1:7" x14ac:dyDescent="0.25">
      <c r="A703">
        <v>7</v>
      </c>
      <c r="B703">
        <v>161.24199999999999</v>
      </c>
      <c r="C703">
        <v>198.72200000000001</v>
      </c>
      <c r="D703">
        <v>1800</v>
      </c>
      <c r="E703">
        <v>2.8425199999999999</v>
      </c>
      <c r="F703">
        <v>3588.18</v>
      </c>
      <c r="G703">
        <v>71.782499999999999</v>
      </c>
    </row>
    <row r="704" spans="1:7" x14ac:dyDescent="0.25">
      <c r="A704">
        <v>7</v>
      </c>
      <c r="B704">
        <v>145.494</v>
      </c>
      <c r="C704">
        <v>195.887</v>
      </c>
      <c r="D704">
        <v>5012.6000000000004</v>
      </c>
      <c r="E704">
        <v>3.3149600000000001</v>
      </c>
      <c r="F704">
        <v>6539.73</v>
      </c>
      <c r="G704">
        <v>21.848099999999999</v>
      </c>
    </row>
    <row r="705" spans="1:7" x14ac:dyDescent="0.25">
      <c r="A705">
        <v>7</v>
      </c>
      <c r="B705">
        <v>160.61199999999999</v>
      </c>
      <c r="C705">
        <v>200.61199999999999</v>
      </c>
      <c r="D705">
        <v>3004.72</v>
      </c>
      <c r="E705">
        <v>3.8110200000000001</v>
      </c>
      <c r="F705">
        <v>4219.75</v>
      </c>
      <c r="G705">
        <v>27.2697</v>
      </c>
    </row>
    <row r="706" spans="1:7" x14ac:dyDescent="0.25">
      <c r="A706">
        <v>7</v>
      </c>
      <c r="B706">
        <v>160.61199999999999</v>
      </c>
      <c r="C706">
        <v>196.202</v>
      </c>
      <c r="D706">
        <v>2870.87</v>
      </c>
      <c r="E706">
        <v>4</v>
      </c>
      <c r="F706">
        <v>4101.1499999999996</v>
      </c>
      <c r="G706">
        <v>27.514500000000002</v>
      </c>
    </row>
    <row r="707" spans="1:7" x14ac:dyDescent="0.25">
      <c r="A707">
        <v>7</v>
      </c>
      <c r="B707">
        <v>137.935</v>
      </c>
      <c r="C707">
        <v>210.06100000000001</v>
      </c>
      <c r="D707">
        <v>7154.33</v>
      </c>
      <c r="E707">
        <v>3.6692900000000002</v>
      </c>
      <c r="F707">
        <v>8491.42</v>
      </c>
      <c r="G707">
        <v>15.9948</v>
      </c>
    </row>
    <row r="708" spans="1:7" x14ac:dyDescent="0.25">
      <c r="A708">
        <v>7</v>
      </c>
      <c r="B708">
        <v>163.131</v>
      </c>
      <c r="C708">
        <v>197.46199999999999</v>
      </c>
      <c r="D708">
        <v>3004.72</v>
      </c>
      <c r="E708">
        <v>2.20472</v>
      </c>
      <c r="F708">
        <v>4871.2700000000004</v>
      </c>
      <c r="G708">
        <v>25.2303</v>
      </c>
    </row>
    <row r="709" spans="1:7" x14ac:dyDescent="0.25">
      <c r="A709">
        <v>7</v>
      </c>
      <c r="B709">
        <v>137.935</v>
      </c>
      <c r="C709">
        <v>199.352</v>
      </c>
      <c r="D709">
        <v>6083.46</v>
      </c>
      <c r="E709">
        <v>1.54331</v>
      </c>
      <c r="F709">
        <v>8551.86</v>
      </c>
      <c r="G709">
        <v>13.282500000000001</v>
      </c>
    </row>
    <row r="710" spans="1:7" x14ac:dyDescent="0.25">
      <c r="A710">
        <v>7</v>
      </c>
      <c r="B710">
        <v>160.61199999999999</v>
      </c>
      <c r="C710">
        <v>203.761</v>
      </c>
      <c r="D710">
        <v>1800</v>
      </c>
      <c r="E710">
        <v>3.9763799999999998</v>
      </c>
      <c r="F710">
        <v>3229.99</v>
      </c>
      <c r="G710">
        <v>82.210099999999997</v>
      </c>
    </row>
    <row r="711" spans="1:7" x14ac:dyDescent="0.25">
      <c r="A711">
        <v>7</v>
      </c>
      <c r="B711">
        <v>163.131</v>
      </c>
      <c r="C711">
        <v>197.46199999999999</v>
      </c>
      <c r="D711">
        <v>3004.72</v>
      </c>
      <c r="E711">
        <v>2.20472</v>
      </c>
      <c r="F711">
        <v>4871.2700000000004</v>
      </c>
      <c r="G711">
        <v>25.2303</v>
      </c>
    </row>
    <row r="712" spans="1:7" x14ac:dyDescent="0.25">
      <c r="A712">
        <v>7</v>
      </c>
      <c r="B712">
        <v>160.61199999999999</v>
      </c>
      <c r="C712">
        <v>196.202</v>
      </c>
      <c r="D712">
        <v>2870.87</v>
      </c>
      <c r="E712">
        <v>4</v>
      </c>
      <c r="F712">
        <v>4101.1499999999996</v>
      </c>
      <c r="G712">
        <v>27.514500000000002</v>
      </c>
    </row>
    <row r="713" spans="1:7" x14ac:dyDescent="0.25">
      <c r="A713">
        <v>7</v>
      </c>
      <c r="B713">
        <v>136.04499999999999</v>
      </c>
      <c r="C713">
        <v>195.572</v>
      </c>
      <c r="D713">
        <v>6083.46</v>
      </c>
      <c r="E713">
        <v>1.1653500000000001</v>
      </c>
      <c r="F713">
        <v>9446.7000000000007</v>
      </c>
      <c r="G713">
        <v>11.3193</v>
      </c>
    </row>
    <row r="714" spans="1:7" x14ac:dyDescent="0.25">
      <c r="A714">
        <v>7</v>
      </c>
      <c r="B714">
        <v>137.935</v>
      </c>
      <c r="C714">
        <v>210.06100000000001</v>
      </c>
      <c r="D714">
        <v>7154.33</v>
      </c>
      <c r="E714">
        <v>3.6692900000000002</v>
      </c>
      <c r="F714">
        <v>8491.42</v>
      </c>
      <c r="G714">
        <v>15.9948</v>
      </c>
    </row>
    <row r="715" spans="1:7" x14ac:dyDescent="0.25">
      <c r="A715">
        <v>7</v>
      </c>
      <c r="B715">
        <v>156.202</v>
      </c>
      <c r="C715">
        <v>196.83199999999999</v>
      </c>
      <c r="D715">
        <v>3004.72</v>
      </c>
      <c r="E715">
        <v>1.54331</v>
      </c>
      <c r="F715">
        <v>5700.32</v>
      </c>
      <c r="G715">
        <v>22.826499999999999</v>
      </c>
    </row>
    <row r="716" spans="1:7" x14ac:dyDescent="0.25">
      <c r="A716">
        <v>7</v>
      </c>
      <c r="B716">
        <v>137.935</v>
      </c>
      <c r="C716">
        <v>199.352</v>
      </c>
      <c r="D716">
        <v>6083.46</v>
      </c>
      <c r="E716">
        <v>1.54331</v>
      </c>
      <c r="F716">
        <v>8551.86</v>
      </c>
      <c r="G716">
        <v>13.282500000000001</v>
      </c>
    </row>
    <row r="717" spans="1:7" x14ac:dyDescent="0.25">
      <c r="A717">
        <v>7</v>
      </c>
      <c r="B717">
        <v>156.202</v>
      </c>
      <c r="C717">
        <v>196.83199999999999</v>
      </c>
      <c r="D717">
        <v>2067.7199999999998</v>
      </c>
      <c r="E717">
        <v>3.0314999999999999</v>
      </c>
      <c r="F717">
        <v>3854.72</v>
      </c>
      <c r="G717">
        <v>67.567499999999995</v>
      </c>
    </row>
    <row r="718" spans="1:7" x14ac:dyDescent="0.25">
      <c r="A718">
        <v>7</v>
      </c>
      <c r="B718">
        <v>156.202</v>
      </c>
      <c r="C718">
        <v>195.572</v>
      </c>
      <c r="D718">
        <v>3004.72</v>
      </c>
      <c r="E718">
        <v>1.6377999999999999</v>
      </c>
      <c r="F718">
        <v>5544</v>
      </c>
      <c r="G718">
        <v>23.644500000000001</v>
      </c>
    </row>
    <row r="719" spans="1:7" x14ac:dyDescent="0.25">
      <c r="A719">
        <v>7</v>
      </c>
      <c r="B719">
        <v>168.80099999999999</v>
      </c>
      <c r="C719">
        <v>195.572</v>
      </c>
      <c r="D719">
        <v>3406.3</v>
      </c>
      <c r="E719">
        <v>1.6141700000000001</v>
      </c>
      <c r="F719">
        <v>5485.25</v>
      </c>
      <c r="G719">
        <v>23.9512</v>
      </c>
    </row>
    <row r="720" spans="1:7" x14ac:dyDescent="0.25">
      <c r="A720">
        <v>7</v>
      </c>
      <c r="B720">
        <v>137.935</v>
      </c>
      <c r="C720">
        <v>208.17099999999999</v>
      </c>
      <c r="D720">
        <v>6083.46</v>
      </c>
      <c r="E720">
        <v>3.5275599999999998</v>
      </c>
      <c r="F720">
        <v>7624.38</v>
      </c>
      <c r="G720">
        <v>17.499500000000001</v>
      </c>
    </row>
    <row r="721" spans="1:7" x14ac:dyDescent="0.25">
      <c r="A721">
        <v>8</v>
      </c>
      <c r="B721">
        <v>160.61199999999999</v>
      </c>
      <c r="C721">
        <v>203.761</v>
      </c>
      <c r="D721">
        <v>1800</v>
      </c>
      <c r="E721">
        <v>3.9763799999999998</v>
      </c>
      <c r="F721">
        <v>3229.99</v>
      </c>
      <c r="G721">
        <v>82.210099999999997</v>
      </c>
    </row>
    <row r="722" spans="1:7" x14ac:dyDescent="0.25">
      <c r="A722">
        <v>8</v>
      </c>
      <c r="B722">
        <v>137.935</v>
      </c>
      <c r="C722">
        <v>208.17099999999999</v>
      </c>
      <c r="D722">
        <v>6083.46</v>
      </c>
      <c r="E722">
        <v>3.5275599999999998</v>
      </c>
      <c r="F722">
        <v>7624.38</v>
      </c>
      <c r="G722">
        <v>17.499500000000001</v>
      </c>
    </row>
    <row r="723" spans="1:7" x14ac:dyDescent="0.25">
      <c r="A723">
        <v>8</v>
      </c>
      <c r="B723">
        <v>156.202</v>
      </c>
      <c r="C723">
        <v>196.83199999999999</v>
      </c>
      <c r="D723">
        <v>2067.7199999999998</v>
      </c>
      <c r="E723">
        <v>3.0314999999999999</v>
      </c>
      <c r="F723">
        <v>3854.72</v>
      </c>
      <c r="G723">
        <v>67.567499999999995</v>
      </c>
    </row>
    <row r="724" spans="1:7" x14ac:dyDescent="0.25">
      <c r="A724">
        <v>8</v>
      </c>
      <c r="B724">
        <v>168.80099999999999</v>
      </c>
      <c r="C724">
        <v>195.572</v>
      </c>
      <c r="D724">
        <v>3406.3</v>
      </c>
      <c r="E724">
        <v>1.6141700000000001</v>
      </c>
      <c r="F724">
        <v>5485.25</v>
      </c>
      <c r="G724">
        <v>23.9512</v>
      </c>
    </row>
    <row r="725" spans="1:7" x14ac:dyDescent="0.25">
      <c r="A725">
        <v>8</v>
      </c>
      <c r="B725">
        <v>136.04499999999999</v>
      </c>
      <c r="C725">
        <v>201.24199999999999</v>
      </c>
      <c r="D725">
        <v>6083.46</v>
      </c>
      <c r="E725">
        <v>1.35433</v>
      </c>
      <c r="F725">
        <v>9021.2099999999991</v>
      </c>
      <c r="G725">
        <v>12.8209</v>
      </c>
    </row>
    <row r="726" spans="1:7" x14ac:dyDescent="0.25">
      <c r="A726">
        <v>8</v>
      </c>
      <c r="B726">
        <v>158.09200000000001</v>
      </c>
      <c r="C726">
        <v>207.541</v>
      </c>
      <c r="D726">
        <v>1800</v>
      </c>
      <c r="E726">
        <v>3.9763799999999998</v>
      </c>
      <c r="F726">
        <v>3255.66</v>
      </c>
      <c r="G726">
        <v>83.251300000000001</v>
      </c>
    </row>
    <row r="727" spans="1:7" x14ac:dyDescent="0.25">
      <c r="A727">
        <v>8</v>
      </c>
      <c r="B727">
        <v>136.04499999999999</v>
      </c>
      <c r="C727">
        <v>198.72200000000001</v>
      </c>
      <c r="D727">
        <v>6083.46</v>
      </c>
      <c r="E727">
        <v>2.4881899999999999</v>
      </c>
      <c r="F727">
        <v>8123.38</v>
      </c>
      <c r="G727">
        <v>18.7698</v>
      </c>
    </row>
    <row r="728" spans="1:7" x14ac:dyDescent="0.25">
      <c r="A728">
        <v>8</v>
      </c>
      <c r="B728">
        <v>161.24199999999999</v>
      </c>
      <c r="C728">
        <v>196.202</v>
      </c>
      <c r="D728">
        <v>2870.87</v>
      </c>
      <c r="E728">
        <v>3.4330699999999998</v>
      </c>
      <c r="F728">
        <v>4213.41</v>
      </c>
      <c r="G728">
        <v>27.750800000000002</v>
      </c>
    </row>
    <row r="729" spans="1:7" x14ac:dyDescent="0.25">
      <c r="A729">
        <v>8</v>
      </c>
      <c r="B729">
        <v>156.202</v>
      </c>
      <c r="C729">
        <v>199.982</v>
      </c>
      <c r="D729">
        <v>1800</v>
      </c>
      <c r="E729">
        <v>3.0551200000000001</v>
      </c>
      <c r="F729">
        <v>3629.35</v>
      </c>
      <c r="G729">
        <v>84.853200000000001</v>
      </c>
    </row>
    <row r="730" spans="1:7" x14ac:dyDescent="0.25">
      <c r="A730">
        <v>8</v>
      </c>
      <c r="B730">
        <v>158.09200000000001</v>
      </c>
      <c r="C730">
        <v>196.517</v>
      </c>
      <c r="D730">
        <v>2870.87</v>
      </c>
      <c r="E730">
        <v>3.8110200000000001</v>
      </c>
      <c r="F730">
        <v>4274.18</v>
      </c>
      <c r="G730">
        <v>37.732900000000001</v>
      </c>
    </row>
    <row r="731" spans="1:7" x14ac:dyDescent="0.25">
      <c r="A731">
        <v>8</v>
      </c>
      <c r="B731">
        <v>161.24199999999999</v>
      </c>
      <c r="C731">
        <v>196.202</v>
      </c>
      <c r="D731">
        <v>2870.87</v>
      </c>
      <c r="E731">
        <v>2.8425199999999999</v>
      </c>
      <c r="F731">
        <v>4403.25</v>
      </c>
      <c r="G731">
        <v>26.689699999999998</v>
      </c>
    </row>
    <row r="732" spans="1:7" x14ac:dyDescent="0.25">
      <c r="A732">
        <v>8</v>
      </c>
      <c r="B732">
        <v>168.17099999999999</v>
      </c>
      <c r="C732">
        <v>195.572</v>
      </c>
      <c r="D732">
        <v>2870.87</v>
      </c>
      <c r="E732">
        <v>2.20472</v>
      </c>
      <c r="F732">
        <v>4604.37</v>
      </c>
      <c r="G732">
        <v>92.132099999999994</v>
      </c>
    </row>
    <row r="733" spans="1:7" x14ac:dyDescent="0.25">
      <c r="A733">
        <v>8</v>
      </c>
      <c r="B733">
        <v>138.565</v>
      </c>
      <c r="C733">
        <v>195.572</v>
      </c>
      <c r="D733">
        <v>6083.46</v>
      </c>
      <c r="E733">
        <v>1.92126</v>
      </c>
      <c r="F733">
        <v>8442.85</v>
      </c>
      <c r="G733">
        <v>13.4688</v>
      </c>
    </row>
    <row r="734" spans="1:7" x14ac:dyDescent="0.25">
      <c r="A734">
        <v>8</v>
      </c>
      <c r="B734">
        <v>158.72200000000001</v>
      </c>
      <c r="C734">
        <v>195.572</v>
      </c>
      <c r="D734">
        <v>2335.4299999999998</v>
      </c>
      <c r="E734">
        <v>2.9370099999999999</v>
      </c>
      <c r="F734">
        <v>4148.87</v>
      </c>
      <c r="G734">
        <v>52.037399999999998</v>
      </c>
    </row>
    <row r="735" spans="1:7" x14ac:dyDescent="0.25">
      <c r="A735">
        <v>8</v>
      </c>
      <c r="B735">
        <v>137.935</v>
      </c>
      <c r="C735">
        <v>198.09200000000001</v>
      </c>
      <c r="D735">
        <v>6083.46</v>
      </c>
      <c r="E735">
        <v>2.6771699999999998</v>
      </c>
      <c r="F735">
        <v>7906.79</v>
      </c>
      <c r="G735">
        <v>16.8995</v>
      </c>
    </row>
    <row r="736" spans="1:7" x14ac:dyDescent="0.25">
      <c r="A736">
        <v>8</v>
      </c>
      <c r="B736">
        <v>160.61199999999999</v>
      </c>
      <c r="C736">
        <v>195.572</v>
      </c>
      <c r="D736">
        <v>3004.72</v>
      </c>
      <c r="E736">
        <v>3.8110200000000001</v>
      </c>
      <c r="F736">
        <v>4285.95</v>
      </c>
      <c r="G736">
        <v>27.2697</v>
      </c>
    </row>
    <row r="737" spans="1:7" x14ac:dyDescent="0.25">
      <c r="A737">
        <v>8</v>
      </c>
      <c r="B737">
        <v>158.09200000000001</v>
      </c>
      <c r="C737">
        <v>206.596</v>
      </c>
      <c r="D737">
        <v>6083.46</v>
      </c>
      <c r="E737">
        <v>3.5275599999999998</v>
      </c>
      <c r="F737">
        <v>7357.22</v>
      </c>
      <c r="G737">
        <v>57.073099999999997</v>
      </c>
    </row>
    <row r="738" spans="1:7" x14ac:dyDescent="0.25">
      <c r="A738">
        <v>8</v>
      </c>
      <c r="B738">
        <v>156.202</v>
      </c>
      <c r="C738">
        <v>201.24199999999999</v>
      </c>
      <c r="D738">
        <v>1800</v>
      </c>
      <c r="E738">
        <v>2.74803</v>
      </c>
      <c r="F738">
        <v>3765.78</v>
      </c>
      <c r="G738">
        <v>77.103800000000007</v>
      </c>
    </row>
    <row r="739" spans="1:7" x14ac:dyDescent="0.25">
      <c r="A739">
        <v>8</v>
      </c>
      <c r="B739">
        <v>158.72200000000001</v>
      </c>
      <c r="C739">
        <v>197.46199999999999</v>
      </c>
      <c r="D739">
        <v>7154.33</v>
      </c>
      <c r="E739">
        <v>3.59843</v>
      </c>
      <c r="F739">
        <v>8441.82</v>
      </c>
      <c r="G739">
        <v>56.762599999999999</v>
      </c>
    </row>
    <row r="740" spans="1:7" x14ac:dyDescent="0.25">
      <c r="A740">
        <v>8</v>
      </c>
      <c r="B740">
        <v>160.61199999999999</v>
      </c>
      <c r="C740">
        <v>201.24199999999999</v>
      </c>
      <c r="D740">
        <v>1933.86</v>
      </c>
      <c r="E740">
        <v>3.8110200000000001</v>
      </c>
      <c r="F740">
        <v>3403.13</v>
      </c>
      <c r="G740">
        <v>71.532600000000002</v>
      </c>
    </row>
    <row r="741" spans="1:7" x14ac:dyDescent="0.25">
      <c r="A741">
        <v>8</v>
      </c>
      <c r="B741">
        <v>156.202</v>
      </c>
      <c r="C741">
        <v>196.202</v>
      </c>
      <c r="D741">
        <v>1800</v>
      </c>
      <c r="E741">
        <v>2.8661400000000001</v>
      </c>
      <c r="F741">
        <v>3729.61</v>
      </c>
      <c r="G741">
        <v>82.714600000000004</v>
      </c>
    </row>
    <row r="742" spans="1:7" x14ac:dyDescent="0.25">
      <c r="A742">
        <v>8</v>
      </c>
      <c r="B742">
        <v>142.97399999999999</v>
      </c>
      <c r="C742">
        <v>208.17099999999999</v>
      </c>
      <c r="D742">
        <v>1800</v>
      </c>
      <c r="E742">
        <v>3.6220500000000002</v>
      </c>
      <c r="F742">
        <v>3531.95</v>
      </c>
      <c r="G742">
        <v>114.66500000000001</v>
      </c>
    </row>
    <row r="743" spans="1:7" x14ac:dyDescent="0.25">
      <c r="A743">
        <v>8</v>
      </c>
      <c r="B743">
        <v>160.61199999999999</v>
      </c>
      <c r="C743">
        <v>201.24199999999999</v>
      </c>
      <c r="D743">
        <v>6083.46</v>
      </c>
      <c r="E743">
        <v>2.6771699999999998</v>
      </c>
      <c r="F743">
        <v>7584.85</v>
      </c>
      <c r="G743">
        <v>37.7896</v>
      </c>
    </row>
    <row r="744" spans="1:7" x14ac:dyDescent="0.25">
      <c r="A744">
        <v>8</v>
      </c>
      <c r="B744">
        <v>156.202</v>
      </c>
      <c r="C744">
        <v>195.887</v>
      </c>
      <c r="D744">
        <v>2870.87</v>
      </c>
      <c r="E744">
        <v>2.0866099999999999</v>
      </c>
      <c r="F744">
        <v>4884.5200000000004</v>
      </c>
      <c r="G744">
        <v>25.466100000000001</v>
      </c>
    </row>
    <row r="745" spans="1:7" x14ac:dyDescent="0.25">
      <c r="A745">
        <v>8</v>
      </c>
      <c r="B745">
        <v>160.61199999999999</v>
      </c>
      <c r="C745">
        <v>196.83199999999999</v>
      </c>
      <c r="D745">
        <v>3004.72</v>
      </c>
      <c r="E745">
        <v>3.0551200000000001</v>
      </c>
      <c r="F745">
        <v>4580.1499999999996</v>
      </c>
      <c r="G745">
        <v>31.403500000000001</v>
      </c>
    </row>
    <row r="746" spans="1:7" x14ac:dyDescent="0.25">
      <c r="A746">
        <v>8</v>
      </c>
      <c r="B746">
        <v>158.72200000000001</v>
      </c>
      <c r="C746">
        <v>197.46199999999999</v>
      </c>
      <c r="D746">
        <v>3138.58</v>
      </c>
      <c r="E746">
        <v>3.0314999999999999</v>
      </c>
      <c r="F746">
        <v>4668.16</v>
      </c>
      <c r="G746">
        <v>54.163699999999999</v>
      </c>
    </row>
    <row r="747" spans="1:7" x14ac:dyDescent="0.25">
      <c r="A747">
        <v>8</v>
      </c>
      <c r="B747">
        <v>146.124</v>
      </c>
      <c r="C747">
        <v>198.09200000000001</v>
      </c>
      <c r="D747">
        <v>2335.4299999999998</v>
      </c>
      <c r="E747">
        <v>1.2598400000000001</v>
      </c>
      <c r="F747">
        <v>5751.37</v>
      </c>
      <c r="G747">
        <v>59.747700000000002</v>
      </c>
    </row>
    <row r="748" spans="1:7" x14ac:dyDescent="0.25">
      <c r="A748">
        <v>8</v>
      </c>
      <c r="B748">
        <v>137.935</v>
      </c>
      <c r="C748">
        <v>198.09200000000001</v>
      </c>
      <c r="D748">
        <v>6083.46</v>
      </c>
      <c r="E748">
        <v>2.1102400000000001</v>
      </c>
      <c r="F748">
        <v>8238.3799999999992</v>
      </c>
      <c r="G748">
        <v>11.8962</v>
      </c>
    </row>
    <row r="749" spans="1:7" x14ac:dyDescent="0.25">
      <c r="A749">
        <v>8</v>
      </c>
      <c r="B749">
        <v>155.572</v>
      </c>
      <c r="C749">
        <v>198.72200000000001</v>
      </c>
      <c r="D749">
        <v>2870.87</v>
      </c>
      <c r="E749">
        <v>2.4881899999999999</v>
      </c>
      <c r="F749">
        <v>4929.0600000000004</v>
      </c>
      <c r="G749">
        <v>36.3797</v>
      </c>
    </row>
    <row r="750" spans="1:7" x14ac:dyDescent="0.25">
      <c r="A750">
        <v>8</v>
      </c>
      <c r="B750">
        <v>163.761</v>
      </c>
      <c r="C750">
        <v>195.572</v>
      </c>
      <c r="D750">
        <v>3406.3</v>
      </c>
      <c r="E750">
        <v>1.6141700000000001</v>
      </c>
      <c r="F750">
        <v>5727.45</v>
      </c>
      <c r="G750">
        <v>67.552800000000005</v>
      </c>
    </row>
    <row r="751" spans="1:7" x14ac:dyDescent="0.25">
      <c r="A751">
        <v>8</v>
      </c>
      <c r="B751">
        <v>136.04499999999999</v>
      </c>
      <c r="C751">
        <v>195.572</v>
      </c>
      <c r="D751">
        <v>2870.87</v>
      </c>
      <c r="E751">
        <v>2.8661400000000001</v>
      </c>
      <c r="F751">
        <v>4973.46</v>
      </c>
      <c r="G751">
        <v>103.84699999999999</v>
      </c>
    </row>
    <row r="752" spans="1:7" x14ac:dyDescent="0.25">
      <c r="A752">
        <v>8</v>
      </c>
      <c r="B752">
        <v>136.04499999999999</v>
      </c>
      <c r="C752">
        <v>195.572</v>
      </c>
      <c r="D752">
        <v>6083.46</v>
      </c>
      <c r="E752">
        <v>2.8661400000000001</v>
      </c>
      <c r="F752">
        <v>7920.04</v>
      </c>
      <c r="G752">
        <v>25.938199999999998</v>
      </c>
    </row>
    <row r="753" spans="1:7" x14ac:dyDescent="0.25">
      <c r="A753">
        <v>8</v>
      </c>
      <c r="B753">
        <v>160.61199999999999</v>
      </c>
      <c r="C753">
        <v>200.61199999999999</v>
      </c>
      <c r="D753">
        <v>1800</v>
      </c>
      <c r="E753">
        <v>3.9763799999999998</v>
      </c>
      <c r="F753">
        <v>3324</v>
      </c>
      <c r="G753">
        <v>82.601799999999997</v>
      </c>
    </row>
    <row r="754" spans="1:7" x14ac:dyDescent="0.25">
      <c r="A754">
        <v>8</v>
      </c>
      <c r="B754">
        <v>141.084</v>
      </c>
      <c r="C754">
        <v>195.25700000000001</v>
      </c>
      <c r="D754">
        <v>7154.33</v>
      </c>
      <c r="E754">
        <v>2.1102400000000001</v>
      </c>
      <c r="F754">
        <v>9547.68</v>
      </c>
      <c r="G754">
        <v>20.087399999999999</v>
      </c>
    </row>
    <row r="755" spans="1:7" x14ac:dyDescent="0.25">
      <c r="A755">
        <v>8</v>
      </c>
      <c r="B755">
        <v>155.572</v>
      </c>
      <c r="C755">
        <v>195.572</v>
      </c>
      <c r="D755">
        <v>6351.18</v>
      </c>
      <c r="E755">
        <v>3.2440899999999999</v>
      </c>
      <c r="F755">
        <v>7668.11</v>
      </c>
      <c r="G755">
        <v>40.461199999999998</v>
      </c>
    </row>
    <row r="756" spans="1:7" x14ac:dyDescent="0.25">
      <c r="A756">
        <v>8</v>
      </c>
      <c r="B756">
        <v>136.04499999999999</v>
      </c>
      <c r="C756">
        <v>198.09200000000001</v>
      </c>
      <c r="D756">
        <v>6083.46</v>
      </c>
      <c r="E756">
        <v>2.5826799999999999</v>
      </c>
      <c r="F756">
        <v>8031.81</v>
      </c>
      <c r="G756">
        <v>21.354600000000001</v>
      </c>
    </row>
    <row r="757" spans="1:7" x14ac:dyDescent="0.25">
      <c r="A757">
        <v>8</v>
      </c>
      <c r="B757">
        <v>158.09200000000001</v>
      </c>
      <c r="C757">
        <v>197.46199999999999</v>
      </c>
      <c r="D757">
        <v>2870.87</v>
      </c>
      <c r="E757">
        <v>3.8110200000000001</v>
      </c>
      <c r="F757">
        <v>4274.18</v>
      </c>
      <c r="G757">
        <v>37.732900000000001</v>
      </c>
    </row>
    <row r="758" spans="1:7" x14ac:dyDescent="0.25">
      <c r="A758">
        <v>8</v>
      </c>
      <c r="B758">
        <v>171.32</v>
      </c>
      <c r="C758">
        <v>196.202</v>
      </c>
      <c r="D758">
        <v>2870.87</v>
      </c>
      <c r="E758">
        <v>3.0551200000000001</v>
      </c>
      <c r="F758">
        <v>4138.99</v>
      </c>
      <c r="G758">
        <v>111.164</v>
      </c>
    </row>
    <row r="759" spans="1:7" x14ac:dyDescent="0.25">
      <c r="A759">
        <v>8</v>
      </c>
      <c r="B759">
        <v>160.61199999999999</v>
      </c>
      <c r="C759">
        <v>197.46199999999999</v>
      </c>
      <c r="D759">
        <v>1800</v>
      </c>
      <c r="E759">
        <v>3.9763799999999998</v>
      </c>
      <c r="F759">
        <v>3324</v>
      </c>
      <c r="G759">
        <v>85.6952</v>
      </c>
    </row>
    <row r="760" spans="1:7" x14ac:dyDescent="0.25">
      <c r="A760">
        <v>8</v>
      </c>
      <c r="B760">
        <v>156.202</v>
      </c>
      <c r="C760">
        <v>195.572</v>
      </c>
      <c r="D760">
        <v>7154.33</v>
      </c>
      <c r="E760">
        <v>2.6771699999999998</v>
      </c>
      <c r="F760">
        <v>8737.32</v>
      </c>
      <c r="G760">
        <v>34.451000000000001</v>
      </c>
    </row>
    <row r="761" spans="1:7" x14ac:dyDescent="0.25">
      <c r="A761">
        <v>8</v>
      </c>
      <c r="B761">
        <v>168.17099999999999</v>
      </c>
      <c r="C761">
        <v>195.572</v>
      </c>
      <c r="D761">
        <v>6083.46</v>
      </c>
      <c r="E761">
        <v>2.3936999999999999</v>
      </c>
      <c r="F761">
        <v>5284.69</v>
      </c>
      <c r="G761">
        <v>85.568100000000001</v>
      </c>
    </row>
    <row r="762" spans="1:7" x14ac:dyDescent="0.25">
      <c r="A762">
        <v>8</v>
      </c>
      <c r="B762">
        <v>165.65100000000001</v>
      </c>
      <c r="C762">
        <v>196.517</v>
      </c>
      <c r="D762">
        <v>2870.87</v>
      </c>
      <c r="E762">
        <v>3.8110200000000001</v>
      </c>
      <c r="F762">
        <v>4138.32</v>
      </c>
      <c r="G762">
        <v>81.689099999999996</v>
      </c>
    </row>
    <row r="763" spans="1:7" x14ac:dyDescent="0.25">
      <c r="A763">
        <v>8</v>
      </c>
      <c r="B763">
        <v>135.41499999999999</v>
      </c>
      <c r="C763">
        <v>203.131</v>
      </c>
      <c r="D763">
        <v>1800</v>
      </c>
      <c r="E763">
        <v>3.5275599999999998</v>
      </c>
      <c r="F763">
        <v>3668.61</v>
      </c>
      <c r="G763">
        <v>130.94399999999999</v>
      </c>
    </row>
    <row r="764" spans="1:7" x14ac:dyDescent="0.25">
      <c r="A764">
        <v>8</v>
      </c>
      <c r="B764">
        <v>137.935</v>
      </c>
      <c r="C764">
        <v>179.19399999999999</v>
      </c>
      <c r="D764">
        <v>6217.32</v>
      </c>
      <c r="E764">
        <v>3.0551200000000001</v>
      </c>
      <c r="F764">
        <v>7892.39</v>
      </c>
      <c r="G764">
        <v>23.6022</v>
      </c>
    </row>
    <row r="765" spans="1:7" x14ac:dyDescent="0.25">
      <c r="A765">
        <v>8</v>
      </c>
      <c r="B765">
        <v>155.572</v>
      </c>
      <c r="C765">
        <v>206.911</v>
      </c>
      <c r="D765">
        <v>6351.18</v>
      </c>
      <c r="E765">
        <v>3.0314999999999999</v>
      </c>
      <c r="F765">
        <v>7771.24</v>
      </c>
      <c r="G765">
        <v>40.212200000000003</v>
      </c>
    </row>
    <row r="766" spans="1:7" x14ac:dyDescent="0.25">
      <c r="A766">
        <v>8</v>
      </c>
      <c r="B766">
        <v>136.04499999999999</v>
      </c>
      <c r="C766">
        <v>205.96600000000001</v>
      </c>
      <c r="D766">
        <v>1800</v>
      </c>
      <c r="E766">
        <v>2.65354</v>
      </c>
      <c r="F766">
        <v>4007.29</v>
      </c>
      <c r="G766">
        <v>111.965</v>
      </c>
    </row>
    <row r="767" spans="1:7" x14ac:dyDescent="0.25">
      <c r="A767">
        <v>8</v>
      </c>
      <c r="B767">
        <v>156.202</v>
      </c>
      <c r="C767">
        <v>198.72200000000001</v>
      </c>
      <c r="D767">
        <v>1800</v>
      </c>
      <c r="E767">
        <v>3.9763799999999998</v>
      </c>
      <c r="F767">
        <v>3409.09</v>
      </c>
      <c r="G767">
        <v>96.076800000000006</v>
      </c>
    </row>
    <row r="768" spans="1:7" x14ac:dyDescent="0.25">
      <c r="A768">
        <v>8</v>
      </c>
      <c r="B768">
        <v>168.17099999999999</v>
      </c>
      <c r="C768">
        <v>195.887</v>
      </c>
      <c r="D768">
        <v>2870.87</v>
      </c>
      <c r="E768">
        <v>3.8110200000000001</v>
      </c>
      <c r="F768">
        <v>3961.22</v>
      </c>
      <c r="G768">
        <v>50.840899999999998</v>
      </c>
    </row>
    <row r="769" spans="1:7" x14ac:dyDescent="0.25">
      <c r="A769">
        <v>8</v>
      </c>
      <c r="B769">
        <v>170.691</v>
      </c>
      <c r="C769">
        <v>200.92699999999999</v>
      </c>
      <c r="D769">
        <v>1800</v>
      </c>
      <c r="E769">
        <v>3.7873999999999999</v>
      </c>
      <c r="F769">
        <v>3157.85</v>
      </c>
      <c r="G769">
        <v>100.657</v>
      </c>
    </row>
    <row r="770" spans="1:7" x14ac:dyDescent="0.25">
      <c r="A770">
        <v>8</v>
      </c>
      <c r="B770">
        <v>168.80099999999999</v>
      </c>
      <c r="C770">
        <v>195.572</v>
      </c>
      <c r="D770">
        <v>3406.3</v>
      </c>
      <c r="E770">
        <v>1.6141700000000001</v>
      </c>
      <c r="F770">
        <v>5485.25</v>
      </c>
      <c r="G770">
        <v>23.9512</v>
      </c>
    </row>
    <row r="771" spans="1:7" x14ac:dyDescent="0.25">
      <c r="A771">
        <v>8</v>
      </c>
      <c r="B771">
        <v>161.24199999999999</v>
      </c>
      <c r="C771">
        <v>197.14699999999999</v>
      </c>
      <c r="D771">
        <v>1800</v>
      </c>
      <c r="E771">
        <v>2.6771699999999998</v>
      </c>
      <c r="F771">
        <v>3676.54</v>
      </c>
      <c r="G771">
        <v>70.4084</v>
      </c>
    </row>
    <row r="772" spans="1:7" x14ac:dyDescent="0.25">
      <c r="A772">
        <v>8</v>
      </c>
      <c r="B772">
        <v>156.202</v>
      </c>
      <c r="C772">
        <v>203.761</v>
      </c>
      <c r="D772">
        <v>1800</v>
      </c>
      <c r="E772">
        <v>3.0314999999999999</v>
      </c>
      <c r="F772">
        <v>3640.97</v>
      </c>
      <c r="G772">
        <v>84.611599999999996</v>
      </c>
    </row>
    <row r="773" spans="1:7" x14ac:dyDescent="0.25">
      <c r="A773">
        <v>8</v>
      </c>
      <c r="B773">
        <v>156.202</v>
      </c>
      <c r="C773">
        <v>197.14699999999999</v>
      </c>
      <c r="D773">
        <v>2067.7199999999998</v>
      </c>
      <c r="E773">
        <v>3.59843</v>
      </c>
      <c r="F773">
        <v>3708.68</v>
      </c>
      <c r="G773">
        <v>76.864199999999997</v>
      </c>
    </row>
    <row r="774" spans="1:7" x14ac:dyDescent="0.25">
      <c r="A774">
        <v>8</v>
      </c>
      <c r="B774">
        <v>161.24199999999999</v>
      </c>
      <c r="C774">
        <v>197.46199999999999</v>
      </c>
      <c r="D774">
        <v>2870.87</v>
      </c>
      <c r="E774">
        <v>3.59843</v>
      </c>
      <c r="F774">
        <v>4175.8500000000004</v>
      </c>
      <c r="G774">
        <v>28.032900000000001</v>
      </c>
    </row>
    <row r="775" spans="1:7" x14ac:dyDescent="0.25">
      <c r="A775">
        <v>8</v>
      </c>
      <c r="B775">
        <v>161.24199999999999</v>
      </c>
      <c r="C775">
        <v>195.887</v>
      </c>
      <c r="D775">
        <v>2870.87</v>
      </c>
      <c r="E775">
        <v>3.59843</v>
      </c>
      <c r="F775">
        <v>4175.8500000000004</v>
      </c>
      <c r="G775">
        <v>28.032900000000001</v>
      </c>
    </row>
    <row r="776" spans="1:7" x14ac:dyDescent="0.25">
      <c r="A776">
        <v>8</v>
      </c>
      <c r="B776">
        <v>153.68299999999999</v>
      </c>
      <c r="C776">
        <v>195.887</v>
      </c>
      <c r="D776">
        <v>2870.87</v>
      </c>
      <c r="E776">
        <v>3.4330699999999998</v>
      </c>
      <c r="F776">
        <v>4506.24</v>
      </c>
      <c r="G776">
        <v>41.747500000000002</v>
      </c>
    </row>
    <row r="777" spans="1:7" x14ac:dyDescent="0.25">
      <c r="A777">
        <v>8</v>
      </c>
      <c r="B777">
        <v>155.572</v>
      </c>
      <c r="C777">
        <v>195.572</v>
      </c>
      <c r="D777">
        <v>6083.46</v>
      </c>
      <c r="E777">
        <v>3.8110200000000001</v>
      </c>
      <c r="F777">
        <v>7229.43</v>
      </c>
      <c r="G777">
        <v>40.8919</v>
      </c>
    </row>
    <row r="778" spans="1:7" x14ac:dyDescent="0.25">
      <c r="A778">
        <v>8</v>
      </c>
      <c r="B778">
        <v>160.61199999999999</v>
      </c>
      <c r="C778">
        <v>199.982</v>
      </c>
      <c r="D778">
        <v>1800</v>
      </c>
      <c r="E778">
        <v>3.9763799999999998</v>
      </c>
      <c r="F778">
        <v>3324</v>
      </c>
      <c r="G778">
        <v>83.225200000000001</v>
      </c>
    </row>
    <row r="779" spans="1:7" x14ac:dyDescent="0.25">
      <c r="A779">
        <v>8</v>
      </c>
      <c r="B779">
        <v>161.24199999999999</v>
      </c>
      <c r="C779">
        <v>196.202</v>
      </c>
      <c r="D779">
        <v>3004.72</v>
      </c>
      <c r="E779">
        <v>4</v>
      </c>
      <c r="F779">
        <v>4235.45</v>
      </c>
      <c r="G779">
        <v>28.784600000000001</v>
      </c>
    </row>
    <row r="780" spans="1:7" x14ac:dyDescent="0.25">
      <c r="A780">
        <v>8</v>
      </c>
      <c r="B780">
        <v>160.61199999999999</v>
      </c>
      <c r="C780">
        <v>196.202</v>
      </c>
      <c r="D780">
        <v>3004.72</v>
      </c>
      <c r="E780">
        <v>3.7873999999999999</v>
      </c>
      <c r="F780">
        <v>4291.6400000000003</v>
      </c>
      <c r="G780">
        <v>27.2898</v>
      </c>
    </row>
    <row r="781" spans="1:7" x14ac:dyDescent="0.25">
      <c r="A781">
        <v>8</v>
      </c>
      <c r="B781">
        <v>166.28100000000001</v>
      </c>
      <c r="C781">
        <v>195.572</v>
      </c>
      <c r="D781">
        <v>7288.19</v>
      </c>
      <c r="E781">
        <v>1.02362</v>
      </c>
      <c r="F781">
        <v>7152.81</v>
      </c>
      <c r="G781">
        <v>19.911000000000001</v>
      </c>
    </row>
    <row r="782" spans="1:7" x14ac:dyDescent="0.25">
      <c r="A782">
        <v>8</v>
      </c>
      <c r="B782">
        <v>160.61199999999999</v>
      </c>
      <c r="C782">
        <v>195.572</v>
      </c>
      <c r="D782">
        <v>3004.72</v>
      </c>
      <c r="E782">
        <v>3.8110200000000001</v>
      </c>
      <c r="F782">
        <v>4285.95</v>
      </c>
      <c r="G782">
        <v>27.2697</v>
      </c>
    </row>
    <row r="783" spans="1:7" x14ac:dyDescent="0.25">
      <c r="A783">
        <v>8</v>
      </c>
      <c r="B783">
        <v>161.24199999999999</v>
      </c>
      <c r="C783">
        <v>196.202</v>
      </c>
      <c r="D783">
        <v>2870.87</v>
      </c>
      <c r="E783">
        <v>2.8425199999999999</v>
      </c>
      <c r="F783">
        <v>4403.25</v>
      </c>
      <c r="G783">
        <v>26.689699999999998</v>
      </c>
    </row>
    <row r="784" spans="1:7" x14ac:dyDescent="0.25">
      <c r="A784">
        <v>8</v>
      </c>
      <c r="B784">
        <v>137.935</v>
      </c>
      <c r="C784">
        <v>198.09200000000001</v>
      </c>
      <c r="D784">
        <v>6083.46</v>
      </c>
      <c r="E784">
        <v>2.6771699999999998</v>
      </c>
      <c r="F784">
        <v>7906.79</v>
      </c>
      <c r="G784">
        <v>16.8995</v>
      </c>
    </row>
    <row r="785" spans="1:7" x14ac:dyDescent="0.25">
      <c r="A785">
        <v>8</v>
      </c>
      <c r="B785">
        <v>168.17099999999999</v>
      </c>
      <c r="C785">
        <v>195.887</v>
      </c>
      <c r="D785">
        <v>2870.87</v>
      </c>
      <c r="E785">
        <v>3.8110200000000001</v>
      </c>
      <c r="F785">
        <v>3961.22</v>
      </c>
      <c r="G785">
        <v>50.840899999999998</v>
      </c>
    </row>
    <row r="786" spans="1:7" x14ac:dyDescent="0.25">
      <c r="A786">
        <v>8</v>
      </c>
      <c r="B786">
        <v>170.691</v>
      </c>
      <c r="C786">
        <v>200.92699999999999</v>
      </c>
      <c r="D786">
        <v>1800</v>
      </c>
      <c r="E786">
        <v>3.7873999999999999</v>
      </c>
      <c r="F786">
        <v>3157.85</v>
      </c>
      <c r="G786">
        <v>100.657</v>
      </c>
    </row>
    <row r="787" spans="1:7" x14ac:dyDescent="0.25">
      <c r="A787">
        <v>8</v>
      </c>
      <c r="B787">
        <v>161.24199999999999</v>
      </c>
      <c r="C787">
        <v>197.14699999999999</v>
      </c>
      <c r="D787">
        <v>1800</v>
      </c>
      <c r="E787">
        <v>2.6771699999999998</v>
      </c>
      <c r="F787">
        <v>3676.54</v>
      </c>
      <c r="G787">
        <v>70.4084</v>
      </c>
    </row>
    <row r="788" spans="1:7" x14ac:dyDescent="0.25">
      <c r="A788">
        <v>8</v>
      </c>
      <c r="B788">
        <v>160.61199999999999</v>
      </c>
      <c r="C788">
        <v>213.84</v>
      </c>
      <c r="D788">
        <v>2335.4299999999998</v>
      </c>
      <c r="E788">
        <v>1.3307100000000001</v>
      </c>
      <c r="F788">
        <v>5313.69</v>
      </c>
      <c r="G788">
        <v>25.168900000000001</v>
      </c>
    </row>
    <row r="789" spans="1:7" x14ac:dyDescent="0.25">
      <c r="A789">
        <v>8</v>
      </c>
      <c r="B789">
        <v>160.61199999999999</v>
      </c>
      <c r="C789">
        <v>196.202</v>
      </c>
      <c r="D789">
        <v>2870.87</v>
      </c>
      <c r="E789">
        <v>4</v>
      </c>
      <c r="F789">
        <v>4101.1499999999996</v>
      </c>
      <c r="G789">
        <v>27.514500000000002</v>
      </c>
    </row>
    <row r="790" spans="1:7" x14ac:dyDescent="0.25">
      <c r="A790">
        <v>8</v>
      </c>
      <c r="B790">
        <v>160.61199999999999</v>
      </c>
      <c r="C790">
        <v>213.84</v>
      </c>
      <c r="D790">
        <v>2335.4299999999998</v>
      </c>
      <c r="E790">
        <v>1.3307100000000001</v>
      </c>
      <c r="F790">
        <v>5313.69</v>
      </c>
      <c r="G790">
        <v>25.168900000000001</v>
      </c>
    </row>
    <row r="791" spans="1:7" x14ac:dyDescent="0.25">
      <c r="A791">
        <v>8</v>
      </c>
      <c r="B791">
        <v>137.935</v>
      </c>
      <c r="C791">
        <v>198.09200000000001</v>
      </c>
      <c r="D791">
        <v>6083.46</v>
      </c>
      <c r="E791">
        <v>2.1102400000000001</v>
      </c>
      <c r="F791">
        <v>8238.3799999999992</v>
      </c>
      <c r="G791">
        <v>11.8962</v>
      </c>
    </row>
    <row r="792" spans="1:7" x14ac:dyDescent="0.25">
      <c r="A792">
        <v>8</v>
      </c>
      <c r="B792">
        <v>160.61199999999999</v>
      </c>
      <c r="C792">
        <v>203.761</v>
      </c>
      <c r="D792">
        <v>1800</v>
      </c>
      <c r="E792">
        <v>3.9763799999999998</v>
      </c>
      <c r="F792">
        <v>3229.99</v>
      </c>
      <c r="G792">
        <v>82.210099999999997</v>
      </c>
    </row>
    <row r="793" spans="1:7" x14ac:dyDescent="0.25">
      <c r="A793">
        <v>8</v>
      </c>
      <c r="B793">
        <v>160.61199999999999</v>
      </c>
      <c r="C793">
        <v>201.24199999999999</v>
      </c>
      <c r="D793">
        <v>1933.86</v>
      </c>
      <c r="E793">
        <v>3.8110200000000001</v>
      </c>
      <c r="F793">
        <v>3403.13</v>
      </c>
      <c r="G793">
        <v>71.532600000000002</v>
      </c>
    </row>
    <row r="794" spans="1:7" x14ac:dyDescent="0.25">
      <c r="A794">
        <v>8</v>
      </c>
      <c r="B794">
        <v>145.494</v>
      </c>
      <c r="C794">
        <v>195.887</v>
      </c>
      <c r="D794">
        <v>5012.6000000000004</v>
      </c>
      <c r="E794">
        <v>3.3149600000000001</v>
      </c>
      <c r="F794">
        <v>6539.73</v>
      </c>
      <c r="G794">
        <v>21.848099999999999</v>
      </c>
    </row>
    <row r="795" spans="1:7" x14ac:dyDescent="0.25">
      <c r="A795">
        <v>8</v>
      </c>
      <c r="B795">
        <v>160.61199999999999</v>
      </c>
      <c r="C795">
        <v>200.61199999999999</v>
      </c>
      <c r="D795">
        <v>3004.72</v>
      </c>
      <c r="E795">
        <v>3.8110200000000001</v>
      </c>
      <c r="F795">
        <v>4219.75</v>
      </c>
      <c r="G795">
        <v>27.2697</v>
      </c>
    </row>
    <row r="796" spans="1:7" x14ac:dyDescent="0.25">
      <c r="A796">
        <v>8</v>
      </c>
      <c r="B796">
        <v>160.61199999999999</v>
      </c>
      <c r="C796">
        <v>196.202</v>
      </c>
      <c r="D796">
        <v>2870.87</v>
      </c>
      <c r="E796">
        <v>4</v>
      </c>
      <c r="F796">
        <v>4101.1499999999996</v>
      </c>
      <c r="G796">
        <v>27.514500000000002</v>
      </c>
    </row>
    <row r="797" spans="1:7" x14ac:dyDescent="0.25">
      <c r="A797">
        <v>8</v>
      </c>
      <c r="B797">
        <v>137.935</v>
      </c>
      <c r="C797">
        <v>198.09200000000001</v>
      </c>
      <c r="D797">
        <v>6083.46</v>
      </c>
      <c r="E797">
        <v>2.1102400000000001</v>
      </c>
      <c r="F797">
        <v>8238.3799999999992</v>
      </c>
      <c r="G797">
        <v>11.8962</v>
      </c>
    </row>
    <row r="798" spans="1:7" x14ac:dyDescent="0.25">
      <c r="A798">
        <v>8</v>
      </c>
      <c r="B798">
        <v>163.131</v>
      </c>
      <c r="C798">
        <v>197.46199999999999</v>
      </c>
      <c r="D798">
        <v>3004.72</v>
      </c>
      <c r="E798">
        <v>2.20472</v>
      </c>
      <c r="F798">
        <v>4871.2700000000004</v>
      </c>
      <c r="G798">
        <v>25.2303</v>
      </c>
    </row>
    <row r="799" spans="1:7" x14ac:dyDescent="0.25">
      <c r="A799">
        <v>8</v>
      </c>
      <c r="B799">
        <v>137.935</v>
      </c>
      <c r="C799">
        <v>198.09200000000001</v>
      </c>
      <c r="D799">
        <v>6083.46</v>
      </c>
      <c r="E799">
        <v>2.1102400000000001</v>
      </c>
      <c r="F799">
        <v>8238.3799999999992</v>
      </c>
      <c r="G799">
        <v>11.8962</v>
      </c>
    </row>
    <row r="800" spans="1:7" x14ac:dyDescent="0.25">
      <c r="A800">
        <v>8</v>
      </c>
      <c r="B800">
        <v>160.61199999999999</v>
      </c>
      <c r="C800">
        <v>203.761</v>
      </c>
      <c r="D800">
        <v>1800</v>
      </c>
      <c r="E800">
        <v>3.9763799999999998</v>
      </c>
      <c r="F800">
        <v>3229.99</v>
      </c>
      <c r="G800">
        <v>82.210099999999997</v>
      </c>
    </row>
    <row r="801" spans="1:7" x14ac:dyDescent="0.25">
      <c r="A801">
        <v>8</v>
      </c>
      <c r="B801">
        <v>163.131</v>
      </c>
      <c r="C801">
        <v>197.46199999999999</v>
      </c>
      <c r="D801">
        <v>3004.72</v>
      </c>
      <c r="E801">
        <v>2.20472</v>
      </c>
      <c r="F801">
        <v>4871.2700000000004</v>
      </c>
      <c r="G801">
        <v>25.2303</v>
      </c>
    </row>
    <row r="802" spans="1:7" x14ac:dyDescent="0.25">
      <c r="A802">
        <v>8</v>
      </c>
      <c r="B802">
        <v>160.61199999999999</v>
      </c>
      <c r="C802">
        <v>196.202</v>
      </c>
      <c r="D802">
        <v>2870.87</v>
      </c>
      <c r="E802">
        <v>4</v>
      </c>
      <c r="F802">
        <v>4101.1499999999996</v>
      </c>
      <c r="G802">
        <v>27.514500000000002</v>
      </c>
    </row>
    <row r="803" spans="1:7" x14ac:dyDescent="0.25">
      <c r="A803">
        <v>8</v>
      </c>
      <c r="B803">
        <v>136.04499999999999</v>
      </c>
      <c r="C803">
        <v>195.572</v>
      </c>
      <c r="D803">
        <v>6083.46</v>
      </c>
      <c r="E803">
        <v>1.1653500000000001</v>
      </c>
      <c r="F803">
        <v>9446.7000000000007</v>
      </c>
      <c r="G803">
        <v>11.3193</v>
      </c>
    </row>
    <row r="804" spans="1:7" x14ac:dyDescent="0.25">
      <c r="A804">
        <v>8</v>
      </c>
      <c r="B804">
        <v>137.935</v>
      </c>
      <c r="C804">
        <v>198.09200000000001</v>
      </c>
      <c r="D804">
        <v>6083.46</v>
      </c>
      <c r="E804">
        <v>2.1102400000000001</v>
      </c>
      <c r="F804">
        <v>8238.3799999999992</v>
      </c>
      <c r="G804">
        <v>11.8962</v>
      </c>
    </row>
    <row r="805" spans="1:7" x14ac:dyDescent="0.25">
      <c r="A805">
        <v>8</v>
      </c>
      <c r="B805">
        <v>156.202</v>
      </c>
      <c r="C805">
        <v>196.83199999999999</v>
      </c>
      <c r="D805">
        <v>3004.72</v>
      </c>
      <c r="E805">
        <v>1.54331</v>
      </c>
      <c r="F805">
        <v>5700.32</v>
      </c>
      <c r="G805">
        <v>22.826499999999999</v>
      </c>
    </row>
    <row r="806" spans="1:7" x14ac:dyDescent="0.25">
      <c r="A806">
        <v>8</v>
      </c>
      <c r="B806">
        <v>137.935</v>
      </c>
      <c r="C806">
        <v>198.09200000000001</v>
      </c>
      <c r="D806">
        <v>6083.46</v>
      </c>
      <c r="E806">
        <v>2.1102400000000001</v>
      </c>
      <c r="F806">
        <v>8238.3799999999992</v>
      </c>
      <c r="G806">
        <v>11.8962</v>
      </c>
    </row>
    <row r="807" spans="1:7" x14ac:dyDescent="0.25">
      <c r="A807">
        <v>8</v>
      </c>
      <c r="B807">
        <v>156.202</v>
      </c>
      <c r="C807">
        <v>196.83199999999999</v>
      </c>
      <c r="D807">
        <v>2067.7199999999998</v>
      </c>
      <c r="E807">
        <v>3.0314999999999999</v>
      </c>
      <c r="F807">
        <v>3854.72</v>
      </c>
      <c r="G807">
        <v>67.567499999999995</v>
      </c>
    </row>
    <row r="808" spans="1:7" x14ac:dyDescent="0.25">
      <c r="A808">
        <v>8</v>
      </c>
      <c r="B808">
        <v>156.202</v>
      </c>
      <c r="C808">
        <v>195.572</v>
      </c>
      <c r="D808">
        <v>3004.72</v>
      </c>
      <c r="E808">
        <v>1.6377999999999999</v>
      </c>
      <c r="F808">
        <v>5544</v>
      </c>
      <c r="G808">
        <v>23.644500000000001</v>
      </c>
    </row>
    <row r="809" spans="1:7" x14ac:dyDescent="0.25">
      <c r="A809">
        <v>8</v>
      </c>
      <c r="B809">
        <v>168.80099999999999</v>
      </c>
      <c r="C809">
        <v>195.572</v>
      </c>
      <c r="D809">
        <v>3406.3</v>
      </c>
      <c r="E809">
        <v>1.6141700000000001</v>
      </c>
      <c r="F809">
        <v>5485.25</v>
      </c>
      <c r="G809">
        <v>23.9512</v>
      </c>
    </row>
    <row r="810" spans="1:7" x14ac:dyDescent="0.25">
      <c r="A810">
        <v>8</v>
      </c>
      <c r="B810">
        <v>137.935</v>
      </c>
      <c r="C810">
        <v>208.17099999999999</v>
      </c>
      <c r="D810">
        <v>6083.46</v>
      </c>
      <c r="E810">
        <v>3.5275599999999998</v>
      </c>
      <c r="F810">
        <v>7624.38</v>
      </c>
      <c r="G810">
        <v>17.499500000000001</v>
      </c>
    </row>
    <row r="811" spans="1:7" x14ac:dyDescent="0.25">
      <c r="A811">
        <v>9</v>
      </c>
      <c r="B811">
        <v>156.202</v>
      </c>
      <c r="C811">
        <v>195.887</v>
      </c>
      <c r="D811">
        <v>2870.87</v>
      </c>
      <c r="E811">
        <v>2.0866099999999999</v>
      </c>
      <c r="F811">
        <v>4884.5200000000004</v>
      </c>
      <c r="G811">
        <v>25.466100000000001</v>
      </c>
    </row>
    <row r="812" spans="1:7" x14ac:dyDescent="0.25">
      <c r="A812">
        <v>9</v>
      </c>
      <c r="B812">
        <v>137.935</v>
      </c>
      <c r="C812">
        <v>198.09200000000001</v>
      </c>
      <c r="D812">
        <v>6083.46</v>
      </c>
      <c r="E812">
        <v>2.1102400000000001</v>
      </c>
      <c r="F812">
        <v>8238.3799999999992</v>
      </c>
      <c r="G812">
        <v>11.8962</v>
      </c>
    </row>
    <row r="813" spans="1:7" x14ac:dyDescent="0.25">
      <c r="A813">
        <v>9</v>
      </c>
      <c r="B813">
        <v>137.935</v>
      </c>
      <c r="C813">
        <v>198.09200000000001</v>
      </c>
      <c r="D813">
        <v>6083.46</v>
      </c>
      <c r="E813">
        <v>2.6771699999999998</v>
      </c>
      <c r="F813">
        <v>7906.79</v>
      </c>
      <c r="G813">
        <v>16.8995</v>
      </c>
    </row>
    <row r="814" spans="1:7" x14ac:dyDescent="0.25">
      <c r="A814">
        <v>9</v>
      </c>
      <c r="B814">
        <v>160.61199999999999</v>
      </c>
      <c r="C814">
        <v>201.24199999999999</v>
      </c>
      <c r="D814">
        <v>1933.86</v>
      </c>
      <c r="E814">
        <v>3.8110200000000001</v>
      </c>
      <c r="F814">
        <v>3403.13</v>
      </c>
      <c r="G814">
        <v>71.532600000000002</v>
      </c>
    </row>
    <row r="815" spans="1:7" x14ac:dyDescent="0.25">
      <c r="A815">
        <v>9</v>
      </c>
      <c r="B815">
        <v>143.60400000000001</v>
      </c>
      <c r="C815">
        <v>196.202</v>
      </c>
      <c r="D815">
        <v>2870.87</v>
      </c>
      <c r="E815">
        <v>2.0866099999999999</v>
      </c>
      <c r="F815">
        <v>5196.7</v>
      </c>
      <c r="G815">
        <v>66.8733</v>
      </c>
    </row>
    <row r="816" spans="1:7" x14ac:dyDescent="0.25">
      <c r="A816">
        <v>9</v>
      </c>
      <c r="B816">
        <v>160.61199999999999</v>
      </c>
      <c r="C816">
        <v>195.572</v>
      </c>
      <c r="D816">
        <v>2870.87</v>
      </c>
      <c r="E816">
        <v>3.8110200000000001</v>
      </c>
      <c r="F816">
        <v>4139.7299999999996</v>
      </c>
      <c r="G816">
        <v>28.171600000000002</v>
      </c>
    </row>
    <row r="817" spans="1:7" x14ac:dyDescent="0.25">
      <c r="A817">
        <v>9</v>
      </c>
      <c r="B817">
        <v>137.935</v>
      </c>
      <c r="C817">
        <v>198.09200000000001</v>
      </c>
      <c r="D817">
        <v>6083.46</v>
      </c>
      <c r="E817">
        <v>2.1102400000000001</v>
      </c>
      <c r="F817">
        <v>8238.3799999999992</v>
      </c>
      <c r="G817">
        <v>11.8962</v>
      </c>
    </row>
    <row r="818" spans="1:7" x14ac:dyDescent="0.25">
      <c r="A818">
        <v>9</v>
      </c>
      <c r="B818">
        <v>161.24199999999999</v>
      </c>
      <c r="C818">
        <v>196.202</v>
      </c>
      <c r="D818">
        <v>2870.87</v>
      </c>
      <c r="E818">
        <v>2.0866099999999999</v>
      </c>
      <c r="F818">
        <v>4846.93</v>
      </c>
      <c r="G818">
        <v>62.113300000000002</v>
      </c>
    </row>
    <row r="819" spans="1:7" x14ac:dyDescent="0.25">
      <c r="A819">
        <v>9</v>
      </c>
      <c r="B819">
        <v>156.202</v>
      </c>
      <c r="C819">
        <v>195.25700000000001</v>
      </c>
      <c r="D819">
        <v>1800</v>
      </c>
      <c r="E819">
        <v>3.4094500000000001</v>
      </c>
      <c r="F819">
        <v>3608.1</v>
      </c>
      <c r="G819">
        <v>90.208500000000001</v>
      </c>
    </row>
    <row r="820" spans="1:7" x14ac:dyDescent="0.25">
      <c r="A820">
        <v>9</v>
      </c>
      <c r="B820">
        <v>163.131</v>
      </c>
      <c r="C820">
        <v>198.09200000000001</v>
      </c>
      <c r="D820">
        <v>6083.46</v>
      </c>
      <c r="E820">
        <v>2.1102400000000001</v>
      </c>
      <c r="F820">
        <v>7909.11</v>
      </c>
      <c r="G820">
        <v>26.666499999999999</v>
      </c>
    </row>
    <row r="821" spans="1:7" x14ac:dyDescent="0.25">
      <c r="A821">
        <v>9</v>
      </c>
      <c r="B821">
        <v>140.45400000000001</v>
      </c>
      <c r="C821">
        <v>195.572</v>
      </c>
      <c r="D821">
        <v>1800</v>
      </c>
      <c r="E821">
        <v>3.4330699999999998</v>
      </c>
      <c r="F821">
        <v>3839</v>
      </c>
      <c r="G821">
        <v>124.21599999999999</v>
      </c>
    </row>
    <row r="822" spans="1:7" x14ac:dyDescent="0.25">
      <c r="A822">
        <v>9</v>
      </c>
      <c r="B822">
        <v>156.202</v>
      </c>
      <c r="C822">
        <v>195.887</v>
      </c>
      <c r="D822">
        <v>1800</v>
      </c>
      <c r="E822">
        <v>2.1102400000000001</v>
      </c>
      <c r="F822">
        <v>4113</v>
      </c>
      <c r="G822">
        <v>75.591800000000006</v>
      </c>
    </row>
    <row r="823" spans="1:7" x14ac:dyDescent="0.25">
      <c r="A823">
        <v>9</v>
      </c>
      <c r="B823">
        <v>170.691</v>
      </c>
      <c r="C823">
        <v>200.92699999999999</v>
      </c>
      <c r="D823">
        <v>1800</v>
      </c>
      <c r="E823">
        <v>2.6771699999999998</v>
      </c>
      <c r="F823">
        <v>3493.47</v>
      </c>
      <c r="G823">
        <v>75.0762</v>
      </c>
    </row>
    <row r="824" spans="1:7" x14ac:dyDescent="0.25">
      <c r="A824">
        <v>9</v>
      </c>
      <c r="B824">
        <v>155.572</v>
      </c>
      <c r="C824">
        <v>179.82400000000001</v>
      </c>
      <c r="D824">
        <v>6083.46</v>
      </c>
      <c r="E824">
        <v>3.9763799999999998</v>
      </c>
      <c r="F824">
        <v>7303.41</v>
      </c>
      <c r="G824">
        <v>40.9786</v>
      </c>
    </row>
    <row r="825" spans="1:7" x14ac:dyDescent="0.25">
      <c r="A825">
        <v>9</v>
      </c>
      <c r="B825">
        <v>160.61199999999999</v>
      </c>
      <c r="C825">
        <v>195.572</v>
      </c>
      <c r="D825">
        <v>3004.72</v>
      </c>
      <c r="E825">
        <v>3.9763799999999998</v>
      </c>
      <c r="F825">
        <v>4247.47</v>
      </c>
      <c r="G825">
        <v>27.423999999999999</v>
      </c>
    </row>
    <row r="826" spans="1:7" x14ac:dyDescent="0.25">
      <c r="A826">
        <v>9</v>
      </c>
      <c r="B826">
        <v>173.21</v>
      </c>
      <c r="C826">
        <v>195.887</v>
      </c>
      <c r="D826">
        <v>1800</v>
      </c>
      <c r="E826">
        <v>3.8110200000000001</v>
      </c>
      <c r="F826">
        <v>3143.16</v>
      </c>
      <c r="G826">
        <v>106.97</v>
      </c>
    </row>
    <row r="827" spans="1:7" x14ac:dyDescent="0.25">
      <c r="A827">
        <v>9</v>
      </c>
      <c r="B827">
        <v>156.202</v>
      </c>
      <c r="C827">
        <v>196.83199999999999</v>
      </c>
      <c r="D827">
        <v>1800</v>
      </c>
      <c r="E827">
        <v>3.2204700000000002</v>
      </c>
      <c r="F827">
        <v>3648.7</v>
      </c>
      <c r="G827">
        <v>90.361500000000007</v>
      </c>
    </row>
    <row r="828" spans="1:7" x14ac:dyDescent="0.25">
      <c r="A828">
        <v>9</v>
      </c>
      <c r="B828">
        <v>137.935</v>
      </c>
      <c r="C828">
        <v>207.85599999999999</v>
      </c>
      <c r="D828">
        <v>6083.46</v>
      </c>
      <c r="E828">
        <v>3.8110200000000001</v>
      </c>
      <c r="F828">
        <v>7573.08</v>
      </c>
      <c r="G828">
        <v>19.5532</v>
      </c>
    </row>
    <row r="829" spans="1:7" x14ac:dyDescent="0.25">
      <c r="A829">
        <v>9</v>
      </c>
      <c r="B829">
        <v>170.691</v>
      </c>
      <c r="C829">
        <v>201.24199999999999</v>
      </c>
      <c r="D829">
        <v>1933.86</v>
      </c>
      <c r="E829">
        <v>3.8110200000000001</v>
      </c>
      <c r="F829">
        <v>3304.72</v>
      </c>
      <c r="G829">
        <v>104.624</v>
      </c>
    </row>
    <row r="830" spans="1:7" x14ac:dyDescent="0.25">
      <c r="A830">
        <v>9</v>
      </c>
      <c r="B830">
        <v>135.41499999999999</v>
      </c>
      <c r="C830">
        <v>210.691</v>
      </c>
      <c r="D830">
        <v>1800</v>
      </c>
      <c r="E830">
        <v>3.8110200000000001</v>
      </c>
      <c r="F830">
        <v>3516.81</v>
      </c>
      <c r="G830">
        <v>123.14</v>
      </c>
    </row>
    <row r="831" spans="1:7" x14ac:dyDescent="0.25">
      <c r="A831">
        <v>9</v>
      </c>
      <c r="B831">
        <v>143.60400000000001</v>
      </c>
      <c r="C831">
        <v>195.25700000000001</v>
      </c>
      <c r="D831">
        <v>6083.46</v>
      </c>
      <c r="E831">
        <v>3.4330699999999998</v>
      </c>
      <c r="F831">
        <v>7518.71</v>
      </c>
      <c r="G831">
        <v>22.084199999999999</v>
      </c>
    </row>
    <row r="832" spans="1:7" x14ac:dyDescent="0.25">
      <c r="A832">
        <v>9</v>
      </c>
      <c r="B832">
        <v>160.61199999999999</v>
      </c>
      <c r="C832">
        <v>201.24199999999999</v>
      </c>
      <c r="D832">
        <v>3540.16</v>
      </c>
      <c r="E832">
        <v>3.8110200000000001</v>
      </c>
      <c r="F832">
        <v>4649.92</v>
      </c>
      <c r="G832">
        <v>27.118600000000001</v>
      </c>
    </row>
    <row r="833" spans="1:7" x14ac:dyDescent="0.25">
      <c r="A833">
        <v>9</v>
      </c>
      <c r="B833">
        <v>158.09200000000001</v>
      </c>
      <c r="C833">
        <v>195.572</v>
      </c>
      <c r="D833">
        <v>1800</v>
      </c>
      <c r="E833">
        <v>1.92126</v>
      </c>
      <c r="F833">
        <v>4305.46</v>
      </c>
      <c r="G833">
        <v>72.862700000000004</v>
      </c>
    </row>
    <row r="834" spans="1:7" x14ac:dyDescent="0.25">
      <c r="A834">
        <v>9</v>
      </c>
      <c r="B834">
        <v>168.80099999999999</v>
      </c>
      <c r="C834">
        <v>195.25700000000001</v>
      </c>
      <c r="D834">
        <v>2870.87</v>
      </c>
      <c r="E834">
        <v>2.4645700000000001</v>
      </c>
      <c r="F834">
        <v>4508.5</v>
      </c>
      <c r="G834">
        <v>91.011099999999999</v>
      </c>
    </row>
    <row r="835" spans="1:7" x14ac:dyDescent="0.25">
      <c r="A835">
        <v>9</v>
      </c>
      <c r="B835">
        <v>171.32</v>
      </c>
      <c r="C835">
        <v>201.24199999999999</v>
      </c>
      <c r="D835">
        <v>2870.87</v>
      </c>
      <c r="E835">
        <v>3.4330699999999998</v>
      </c>
      <c r="F835">
        <v>3952.97</v>
      </c>
      <c r="G835">
        <v>106.309</v>
      </c>
    </row>
    <row r="836" spans="1:7" x14ac:dyDescent="0.25">
      <c r="A836">
        <v>9</v>
      </c>
      <c r="B836">
        <v>138.565</v>
      </c>
      <c r="C836">
        <v>197.14699999999999</v>
      </c>
      <c r="D836">
        <v>1933.86</v>
      </c>
      <c r="E836">
        <v>2.6771699999999998</v>
      </c>
      <c r="F836">
        <v>4106.87</v>
      </c>
      <c r="G836">
        <v>116.452</v>
      </c>
    </row>
    <row r="837" spans="1:7" x14ac:dyDescent="0.25">
      <c r="A837">
        <v>9</v>
      </c>
      <c r="B837">
        <v>156.202</v>
      </c>
      <c r="C837">
        <v>197.46199999999999</v>
      </c>
      <c r="D837">
        <v>2067.7199999999998</v>
      </c>
      <c r="E837">
        <v>3.7873999999999999</v>
      </c>
      <c r="F837">
        <v>3640.27</v>
      </c>
      <c r="G837">
        <v>79.697999999999993</v>
      </c>
    </row>
    <row r="838" spans="1:7" x14ac:dyDescent="0.25">
      <c r="A838">
        <v>9</v>
      </c>
      <c r="B838">
        <v>168.80099999999999</v>
      </c>
      <c r="C838">
        <v>195.572</v>
      </c>
      <c r="D838">
        <v>6618.9</v>
      </c>
      <c r="E838">
        <v>1.2598400000000001</v>
      </c>
      <c r="F838">
        <v>5665.23</v>
      </c>
      <c r="G838">
        <v>86.541399999999996</v>
      </c>
    </row>
    <row r="839" spans="1:7" x14ac:dyDescent="0.25">
      <c r="A839">
        <v>9</v>
      </c>
      <c r="B839">
        <v>165.65100000000001</v>
      </c>
      <c r="C839">
        <v>195.887</v>
      </c>
      <c r="D839">
        <v>3004.72</v>
      </c>
      <c r="E839">
        <v>3.7873999999999999</v>
      </c>
      <c r="F839">
        <v>4238.78</v>
      </c>
      <c r="G839">
        <v>81.736500000000007</v>
      </c>
    </row>
    <row r="840" spans="1:7" x14ac:dyDescent="0.25">
      <c r="A840">
        <v>9</v>
      </c>
      <c r="B840">
        <v>138.565</v>
      </c>
      <c r="C840">
        <v>198.40700000000001</v>
      </c>
      <c r="D840">
        <v>1800</v>
      </c>
      <c r="E840">
        <v>3.5275599999999998</v>
      </c>
      <c r="F840">
        <v>3766.74</v>
      </c>
      <c r="G840">
        <v>127.563</v>
      </c>
    </row>
    <row r="841" spans="1:7" x14ac:dyDescent="0.25">
      <c r="A841">
        <v>9</v>
      </c>
      <c r="B841">
        <v>158.09200000000001</v>
      </c>
      <c r="C841">
        <v>195.572</v>
      </c>
      <c r="D841">
        <v>3004.72</v>
      </c>
      <c r="E841">
        <v>3.7873999999999999</v>
      </c>
      <c r="F841">
        <v>4388.59</v>
      </c>
      <c r="G841">
        <v>48.500500000000002</v>
      </c>
    </row>
    <row r="842" spans="1:7" x14ac:dyDescent="0.25">
      <c r="A842">
        <v>9</v>
      </c>
      <c r="B842">
        <v>160.61199999999999</v>
      </c>
      <c r="C842">
        <v>180.13900000000001</v>
      </c>
      <c r="D842">
        <v>1933.86</v>
      </c>
      <c r="E842">
        <v>3.0551200000000001</v>
      </c>
      <c r="F842">
        <v>4000.36</v>
      </c>
      <c r="G842">
        <v>77.200999999999993</v>
      </c>
    </row>
    <row r="843" spans="1:7" x14ac:dyDescent="0.25">
      <c r="A843">
        <v>9</v>
      </c>
      <c r="B843">
        <v>160.61199999999999</v>
      </c>
      <c r="C843">
        <v>195.572</v>
      </c>
      <c r="D843">
        <v>6083.46</v>
      </c>
      <c r="E843">
        <v>2.6771699999999998</v>
      </c>
      <c r="F843">
        <v>7584.85</v>
      </c>
      <c r="G843">
        <v>37.7896</v>
      </c>
    </row>
    <row r="844" spans="1:7" x14ac:dyDescent="0.25">
      <c r="A844">
        <v>9</v>
      </c>
      <c r="B844">
        <v>168.17099999999999</v>
      </c>
      <c r="C844">
        <v>195.572</v>
      </c>
      <c r="D844">
        <v>1800</v>
      </c>
      <c r="E844">
        <v>2.3700800000000002</v>
      </c>
      <c r="F844">
        <v>3782.17</v>
      </c>
      <c r="G844">
        <v>79.211500000000001</v>
      </c>
    </row>
    <row r="845" spans="1:7" x14ac:dyDescent="0.25">
      <c r="A845">
        <v>9</v>
      </c>
      <c r="B845">
        <v>137.935</v>
      </c>
      <c r="C845">
        <v>198.09200000000001</v>
      </c>
      <c r="D845">
        <v>6083.46</v>
      </c>
      <c r="E845">
        <v>2.6771699999999998</v>
      </c>
      <c r="F845">
        <v>7906.79</v>
      </c>
      <c r="G845">
        <v>16.8995</v>
      </c>
    </row>
    <row r="846" spans="1:7" x14ac:dyDescent="0.25">
      <c r="A846">
        <v>9</v>
      </c>
      <c r="B846">
        <v>137.935</v>
      </c>
      <c r="C846">
        <v>198.09200000000001</v>
      </c>
      <c r="D846">
        <v>6083.46</v>
      </c>
      <c r="E846">
        <v>2.1102400000000001</v>
      </c>
      <c r="F846">
        <v>8238.3799999999992</v>
      </c>
      <c r="G846">
        <v>11.8962</v>
      </c>
    </row>
    <row r="847" spans="1:7" x14ac:dyDescent="0.25">
      <c r="A847">
        <v>9</v>
      </c>
      <c r="B847">
        <v>168.17099999999999</v>
      </c>
      <c r="C847">
        <v>195.887</v>
      </c>
      <c r="D847">
        <v>1800</v>
      </c>
      <c r="E847">
        <v>3.8110200000000001</v>
      </c>
      <c r="F847">
        <v>3195.06</v>
      </c>
      <c r="G847">
        <v>81.757300000000001</v>
      </c>
    </row>
    <row r="848" spans="1:7" x14ac:dyDescent="0.25">
      <c r="A848">
        <v>9</v>
      </c>
      <c r="B848">
        <v>166.28100000000001</v>
      </c>
      <c r="C848">
        <v>196.83199999999999</v>
      </c>
      <c r="D848">
        <v>2870.87</v>
      </c>
      <c r="E848">
        <v>3.0314999999999999</v>
      </c>
      <c r="F848">
        <v>4380.78</v>
      </c>
      <c r="G848">
        <v>85.084299999999999</v>
      </c>
    </row>
    <row r="849" spans="1:7" x14ac:dyDescent="0.25">
      <c r="A849">
        <v>9</v>
      </c>
      <c r="B849">
        <v>148.01300000000001</v>
      </c>
      <c r="C849">
        <v>179.82400000000001</v>
      </c>
      <c r="D849">
        <v>1800</v>
      </c>
      <c r="E849">
        <v>3.0551200000000001</v>
      </c>
      <c r="F849">
        <v>4299.79</v>
      </c>
      <c r="G849">
        <v>106.476</v>
      </c>
    </row>
    <row r="850" spans="1:7" x14ac:dyDescent="0.25">
      <c r="A850">
        <v>9</v>
      </c>
      <c r="B850">
        <v>141.084</v>
      </c>
      <c r="C850">
        <v>198.40700000000001</v>
      </c>
      <c r="D850">
        <v>1800</v>
      </c>
      <c r="E850">
        <v>3.4330699999999998</v>
      </c>
      <c r="F850">
        <v>3734.87</v>
      </c>
      <c r="G850">
        <v>122.494</v>
      </c>
    </row>
    <row r="851" spans="1:7" x14ac:dyDescent="0.25">
      <c r="A851">
        <v>9</v>
      </c>
      <c r="B851">
        <v>170.691</v>
      </c>
      <c r="C851">
        <v>201.24199999999999</v>
      </c>
      <c r="D851">
        <v>1933.86</v>
      </c>
      <c r="E851">
        <v>3.7873999999999999</v>
      </c>
      <c r="F851">
        <v>3306.31</v>
      </c>
      <c r="G851">
        <v>104.67700000000001</v>
      </c>
    </row>
    <row r="852" spans="1:7" x14ac:dyDescent="0.25">
      <c r="A852">
        <v>9</v>
      </c>
      <c r="B852">
        <v>155.572</v>
      </c>
      <c r="C852">
        <v>201.24199999999999</v>
      </c>
      <c r="D852">
        <v>1800</v>
      </c>
      <c r="E852">
        <v>3.2204700000000002</v>
      </c>
      <c r="F852">
        <v>3550.49</v>
      </c>
      <c r="G852">
        <v>88.073400000000007</v>
      </c>
    </row>
    <row r="853" spans="1:7" x14ac:dyDescent="0.25">
      <c r="A853">
        <v>9</v>
      </c>
      <c r="B853">
        <v>160.61199999999999</v>
      </c>
      <c r="C853">
        <v>196.83199999999999</v>
      </c>
      <c r="D853">
        <v>3004.72</v>
      </c>
      <c r="E853">
        <v>4</v>
      </c>
      <c r="F853">
        <v>4242.38</v>
      </c>
      <c r="G853">
        <v>27.4648</v>
      </c>
    </row>
    <row r="854" spans="1:7" x14ac:dyDescent="0.25">
      <c r="A854">
        <v>9</v>
      </c>
      <c r="B854">
        <v>158.72200000000001</v>
      </c>
      <c r="C854">
        <v>197.46199999999999</v>
      </c>
      <c r="D854">
        <v>3138.58</v>
      </c>
      <c r="E854">
        <v>3.8110200000000001</v>
      </c>
      <c r="F854">
        <v>4435.01</v>
      </c>
      <c r="G854">
        <v>54.170200000000001</v>
      </c>
    </row>
    <row r="855" spans="1:7" x14ac:dyDescent="0.25">
      <c r="A855">
        <v>9</v>
      </c>
      <c r="B855">
        <v>156.202</v>
      </c>
      <c r="C855">
        <v>195.887</v>
      </c>
      <c r="D855">
        <v>2870.87</v>
      </c>
      <c r="E855">
        <v>3.6220500000000002</v>
      </c>
      <c r="F855">
        <v>4385.6400000000003</v>
      </c>
      <c r="G855">
        <v>35.174999999999997</v>
      </c>
    </row>
    <row r="856" spans="1:7" x14ac:dyDescent="0.25">
      <c r="A856">
        <v>9</v>
      </c>
      <c r="B856">
        <v>168.17099999999999</v>
      </c>
      <c r="C856">
        <v>195.887</v>
      </c>
      <c r="D856">
        <v>1800</v>
      </c>
      <c r="E856">
        <v>3.8110200000000001</v>
      </c>
      <c r="F856">
        <v>3195.06</v>
      </c>
      <c r="G856">
        <v>81.757300000000001</v>
      </c>
    </row>
    <row r="857" spans="1:7" x14ac:dyDescent="0.25">
      <c r="A857">
        <v>9</v>
      </c>
      <c r="B857">
        <v>136.04499999999999</v>
      </c>
      <c r="C857">
        <v>201.87200000000001</v>
      </c>
      <c r="D857">
        <v>6351.18</v>
      </c>
      <c r="E857">
        <v>1.1417299999999999</v>
      </c>
      <c r="F857">
        <v>9715.06</v>
      </c>
      <c r="G857">
        <v>12.351100000000001</v>
      </c>
    </row>
    <row r="858" spans="1:7" x14ac:dyDescent="0.25">
      <c r="A858">
        <v>9</v>
      </c>
      <c r="B858">
        <v>137.935</v>
      </c>
      <c r="C858">
        <v>203.131</v>
      </c>
      <c r="D858">
        <v>6083.46</v>
      </c>
      <c r="E858">
        <v>2.6771699999999998</v>
      </c>
      <c r="F858">
        <v>7860.24</v>
      </c>
      <c r="G858">
        <v>13.7896</v>
      </c>
    </row>
    <row r="859" spans="1:7" x14ac:dyDescent="0.25">
      <c r="A859">
        <v>9</v>
      </c>
      <c r="B859">
        <v>161.24199999999999</v>
      </c>
      <c r="C859">
        <v>195.572</v>
      </c>
      <c r="D859">
        <v>3004.72</v>
      </c>
      <c r="E859">
        <v>3.2440899999999999</v>
      </c>
      <c r="F859">
        <v>4413.1099999999997</v>
      </c>
      <c r="G859">
        <v>27.282499999999999</v>
      </c>
    </row>
    <row r="860" spans="1:7" x14ac:dyDescent="0.25">
      <c r="A860">
        <v>9</v>
      </c>
      <c r="B860">
        <v>160.61199999999999</v>
      </c>
      <c r="C860">
        <v>203.761</v>
      </c>
      <c r="D860">
        <v>1800</v>
      </c>
      <c r="E860">
        <v>3.59843</v>
      </c>
      <c r="F860">
        <v>3369.95</v>
      </c>
      <c r="G860">
        <v>80.031599999999997</v>
      </c>
    </row>
    <row r="861" spans="1:7" x14ac:dyDescent="0.25">
      <c r="A861">
        <v>9</v>
      </c>
      <c r="B861">
        <v>170.691</v>
      </c>
      <c r="C861">
        <v>196.202</v>
      </c>
      <c r="D861">
        <v>1800</v>
      </c>
      <c r="E861">
        <v>2.4645700000000001</v>
      </c>
      <c r="F861">
        <v>3620.59</v>
      </c>
      <c r="G861">
        <v>87.192099999999996</v>
      </c>
    </row>
    <row r="862" spans="1:7" x14ac:dyDescent="0.25">
      <c r="A862">
        <v>9</v>
      </c>
      <c r="B862">
        <v>161.24199999999999</v>
      </c>
      <c r="C862">
        <v>197.14699999999999</v>
      </c>
      <c r="D862">
        <v>2335.4299999999998</v>
      </c>
      <c r="E862">
        <v>2.5826799999999999</v>
      </c>
      <c r="F862">
        <v>4096.21</v>
      </c>
      <c r="G862">
        <v>33.671399999999998</v>
      </c>
    </row>
    <row r="863" spans="1:7" x14ac:dyDescent="0.25">
      <c r="A863">
        <v>9</v>
      </c>
      <c r="B863">
        <v>137.935</v>
      </c>
      <c r="C863">
        <v>197.77699999999999</v>
      </c>
      <c r="D863">
        <v>7154.33</v>
      </c>
      <c r="E863">
        <v>3.4094500000000001</v>
      </c>
      <c r="F863">
        <v>8629.83</v>
      </c>
      <c r="G863">
        <v>15.4123</v>
      </c>
    </row>
    <row r="864" spans="1:7" x14ac:dyDescent="0.25">
      <c r="A864">
        <v>9</v>
      </c>
      <c r="B864">
        <v>161.24199999999999</v>
      </c>
      <c r="C864">
        <v>202.18700000000001</v>
      </c>
      <c r="D864">
        <v>1800</v>
      </c>
      <c r="E864">
        <v>3.7873999999999999</v>
      </c>
      <c r="F864">
        <v>3319.51</v>
      </c>
      <c r="G864">
        <v>80.043499999999995</v>
      </c>
    </row>
    <row r="865" spans="1:7" x14ac:dyDescent="0.25">
      <c r="A865">
        <v>9</v>
      </c>
      <c r="B865">
        <v>165.65100000000001</v>
      </c>
      <c r="C865">
        <v>200.92699999999999</v>
      </c>
      <c r="D865">
        <v>2870.87</v>
      </c>
      <c r="E865">
        <v>3.59843</v>
      </c>
      <c r="F865">
        <v>4149.43</v>
      </c>
      <c r="G865">
        <v>82.324299999999994</v>
      </c>
    </row>
    <row r="866" spans="1:7" x14ac:dyDescent="0.25">
      <c r="A866">
        <v>9</v>
      </c>
      <c r="B866">
        <v>160.61199999999999</v>
      </c>
      <c r="C866">
        <v>203.131</v>
      </c>
      <c r="D866">
        <v>3004.72</v>
      </c>
      <c r="E866">
        <v>3.7873999999999999</v>
      </c>
      <c r="F866">
        <v>4369.37</v>
      </c>
      <c r="G866">
        <v>27.2898</v>
      </c>
    </row>
    <row r="867" spans="1:7" x14ac:dyDescent="0.25">
      <c r="A867">
        <v>9</v>
      </c>
      <c r="B867">
        <v>161.24199999999999</v>
      </c>
      <c r="C867">
        <v>196.202</v>
      </c>
      <c r="D867">
        <v>2870.87</v>
      </c>
      <c r="E867">
        <v>3.8110200000000001</v>
      </c>
      <c r="F867">
        <v>4133.2700000000004</v>
      </c>
      <c r="G867">
        <v>28.418800000000001</v>
      </c>
    </row>
    <row r="868" spans="1:7" x14ac:dyDescent="0.25">
      <c r="A868">
        <v>9</v>
      </c>
      <c r="B868">
        <v>155.572</v>
      </c>
      <c r="C868">
        <v>201.24199999999999</v>
      </c>
      <c r="D868">
        <v>1933.86</v>
      </c>
      <c r="E868">
        <v>2.4645700000000001</v>
      </c>
      <c r="F868">
        <v>4061.56</v>
      </c>
      <c r="G868">
        <v>72.231300000000005</v>
      </c>
    </row>
    <row r="869" spans="1:7" x14ac:dyDescent="0.25">
      <c r="A869">
        <v>9</v>
      </c>
      <c r="B869">
        <v>156.202</v>
      </c>
      <c r="C869">
        <v>195.572</v>
      </c>
      <c r="D869">
        <v>7154.33</v>
      </c>
      <c r="E869">
        <v>1.7086600000000001</v>
      </c>
      <c r="F869">
        <v>9512.56</v>
      </c>
      <c r="G869">
        <v>24.113800000000001</v>
      </c>
    </row>
    <row r="870" spans="1:7" x14ac:dyDescent="0.25">
      <c r="A870">
        <v>9</v>
      </c>
      <c r="B870">
        <v>156.202</v>
      </c>
      <c r="C870">
        <v>196.202</v>
      </c>
      <c r="D870">
        <v>1800</v>
      </c>
      <c r="E870">
        <v>2.9370099999999999</v>
      </c>
      <c r="F870">
        <v>3690.19</v>
      </c>
      <c r="G870">
        <v>84.415300000000002</v>
      </c>
    </row>
    <row r="871" spans="1:7" x14ac:dyDescent="0.25">
      <c r="A871">
        <v>9</v>
      </c>
      <c r="B871">
        <v>166.28100000000001</v>
      </c>
      <c r="C871">
        <v>195.572</v>
      </c>
      <c r="D871">
        <v>7288.19</v>
      </c>
      <c r="E871">
        <v>1.02362</v>
      </c>
      <c r="F871">
        <v>7152.81</v>
      </c>
      <c r="G871">
        <v>19.911000000000001</v>
      </c>
    </row>
    <row r="872" spans="1:7" x14ac:dyDescent="0.25">
      <c r="A872">
        <v>9</v>
      </c>
      <c r="B872">
        <v>160.61199999999999</v>
      </c>
      <c r="C872">
        <v>195.572</v>
      </c>
      <c r="D872">
        <v>3004.72</v>
      </c>
      <c r="E872">
        <v>3.8110200000000001</v>
      </c>
      <c r="F872">
        <v>4285.95</v>
      </c>
      <c r="G872">
        <v>27.2697</v>
      </c>
    </row>
    <row r="873" spans="1:7" x14ac:dyDescent="0.25">
      <c r="A873">
        <v>9</v>
      </c>
      <c r="B873">
        <v>161.24199999999999</v>
      </c>
      <c r="C873">
        <v>196.202</v>
      </c>
      <c r="D873">
        <v>2870.87</v>
      </c>
      <c r="E873">
        <v>2.8425199999999999</v>
      </c>
      <c r="F873">
        <v>4403.25</v>
      </c>
      <c r="G873">
        <v>26.689699999999998</v>
      </c>
    </row>
    <row r="874" spans="1:7" x14ac:dyDescent="0.25">
      <c r="A874">
        <v>9</v>
      </c>
      <c r="B874">
        <v>137.935</v>
      </c>
      <c r="C874">
        <v>203.131</v>
      </c>
      <c r="D874">
        <v>6083.46</v>
      </c>
      <c r="E874">
        <v>2.6771699999999998</v>
      </c>
      <c r="F874">
        <v>7860.24</v>
      </c>
      <c r="G874">
        <v>13.7896</v>
      </c>
    </row>
    <row r="875" spans="1:7" x14ac:dyDescent="0.25">
      <c r="A875">
        <v>9</v>
      </c>
      <c r="B875">
        <v>168.17099999999999</v>
      </c>
      <c r="C875">
        <v>195.887</v>
      </c>
      <c r="D875">
        <v>2870.87</v>
      </c>
      <c r="E875">
        <v>3.8110200000000001</v>
      </c>
      <c r="F875">
        <v>3961.22</v>
      </c>
      <c r="G875">
        <v>50.840899999999998</v>
      </c>
    </row>
    <row r="876" spans="1:7" x14ac:dyDescent="0.25">
      <c r="A876">
        <v>9</v>
      </c>
      <c r="B876">
        <v>170.691</v>
      </c>
      <c r="C876">
        <v>200.92699999999999</v>
      </c>
      <c r="D876">
        <v>1800</v>
      </c>
      <c r="E876">
        <v>3.7873999999999999</v>
      </c>
      <c r="F876">
        <v>3157.85</v>
      </c>
      <c r="G876">
        <v>100.657</v>
      </c>
    </row>
    <row r="877" spans="1:7" x14ac:dyDescent="0.25">
      <c r="A877">
        <v>9</v>
      </c>
      <c r="B877">
        <v>161.24199999999999</v>
      </c>
      <c r="C877">
        <v>197.14699999999999</v>
      </c>
      <c r="D877">
        <v>1800</v>
      </c>
      <c r="E877">
        <v>2.6771699999999998</v>
      </c>
      <c r="F877">
        <v>3676.54</v>
      </c>
      <c r="G877">
        <v>70.4084</v>
      </c>
    </row>
    <row r="878" spans="1:7" x14ac:dyDescent="0.25">
      <c r="A878">
        <v>9</v>
      </c>
      <c r="B878">
        <v>173.21</v>
      </c>
      <c r="C878">
        <v>195.887</v>
      </c>
      <c r="D878">
        <v>1800</v>
      </c>
      <c r="E878">
        <v>3.8110200000000001</v>
      </c>
      <c r="F878">
        <v>3143.16</v>
      </c>
      <c r="G878">
        <v>106.97</v>
      </c>
    </row>
    <row r="879" spans="1:7" x14ac:dyDescent="0.25">
      <c r="A879">
        <v>9</v>
      </c>
      <c r="B879">
        <v>137.935</v>
      </c>
      <c r="C879">
        <v>207.85599999999999</v>
      </c>
      <c r="D879">
        <v>6083.46</v>
      </c>
      <c r="E879">
        <v>3.8110200000000001</v>
      </c>
      <c r="F879">
        <v>7573.08</v>
      </c>
      <c r="G879">
        <v>19.5532</v>
      </c>
    </row>
    <row r="880" spans="1:7" x14ac:dyDescent="0.25">
      <c r="A880">
        <v>9</v>
      </c>
      <c r="B880">
        <v>160.61199999999999</v>
      </c>
      <c r="C880">
        <v>213.84</v>
      </c>
      <c r="D880">
        <v>2335.4299999999998</v>
      </c>
      <c r="E880">
        <v>1.3307100000000001</v>
      </c>
      <c r="F880">
        <v>5313.69</v>
      </c>
      <c r="G880">
        <v>25.168900000000001</v>
      </c>
    </row>
    <row r="881" spans="1:7" x14ac:dyDescent="0.25">
      <c r="A881">
        <v>9</v>
      </c>
      <c r="B881">
        <v>160.61199999999999</v>
      </c>
      <c r="C881">
        <v>203.761</v>
      </c>
      <c r="D881">
        <v>1800</v>
      </c>
      <c r="E881">
        <v>3.59843</v>
      </c>
      <c r="F881">
        <v>3369.95</v>
      </c>
      <c r="G881">
        <v>80.031599999999997</v>
      </c>
    </row>
    <row r="882" spans="1:7" x14ac:dyDescent="0.25">
      <c r="A882">
        <v>9</v>
      </c>
      <c r="B882">
        <v>161.24199999999999</v>
      </c>
      <c r="C882">
        <v>197.14699999999999</v>
      </c>
      <c r="D882">
        <v>2335.4299999999998</v>
      </c>
      <c r="E882">
        <v>2.5826799999999999</v>
      </c>
      <c r="F882">
        <v>4096.21</v>
      </c>
      <c r="G882">
        <v>33.671399999999998</v>
      </c>
    </row>
    <row r="883" spans="1:7" x14ac:dyDescent="0.25">
      <c r="A883">
        <v>9</v>
      </c>
      <c r="B883">
        <v>160.61199999999999</v>
      </c>
      <c r="C883">
        <v>201.24199999999999</v>
      </c>
      <c r="D883">
        <v>1933.86</v>
      </c>
      <c r="E883">
        <v>3.8110200000000001</v>
      </c>
      <c r="F883">
        <v>3403.13</v>
      </c>
      <c r="G883">
        <v>71.532600000000002</v>
      </c>
    </row>
    <row r="884" spans="1:7" x14ac:dyDescent="0.25">
      <c r="A884">
        <v>9</v>
      </c>
      <c r="B884">
        <v>145.494</v>
      </c>
      <c r="C884">
        <v>195.887</v>
      </c>
      <c r="D884">
        <v>5012.6000000000004</v>
      </c>
      <c r="E884">
        <v>3.3149600000000001</v>
      </c>
      <c r="F884">
        <v>6539.73</v>
      </c>
      <c r="G884">
        <v>21.848099999999999</v>
      </c>
    </row>
    <row r="885" spans="1:7" x14ac:dyDescent="0.25">
      <c r="A885">
        <v>9</v>
      </c>
      <c r="B885">
        <v>160.61199999999999</v>
      </c>
      <c r="C885">
        <v>200.61199999999999</v>
      </c>
      <c r="D885">
        <v>3004.72</v>
      </c>
      <c r="E885">
        <v>3.8110200000000001</v>
      </c>
      <c r="F885">
        <v>4219.75</v>
      </c>
      <c r="G885">
        <v>27.2697</v>
      </c>
    </row>
    <row r="886" spans="1:7" x14ac:dyDescent="0.25">
      <c r="A886">
        <v>9</v>
      </c>
      <c r="B886">
        <v>161.24199999999999</v>
      </c>
      <c r="C886">
        <v>202.18700000000001</v>
      </c>
      <c r="D886">
        <v>1800</v>
      </c>
      <c r="E886">
        <v>3.7873999999999999</v>
      </c>
      <c r="F886">
        <v>3319.51</v>
      </c>
      <c r="G886">
        <v>80.043499999999995</v>
      </c>
    </row>
    <row r="887" spans="1:7" x14ac:dyDescent="0.25">
      <c r="A887">
        <v>9</v>
      </c>
      <c r="B887">
        <v>137.935</v>
      </c>
      <c r="C887">
        <v>198.09200000000001</v>
      </c>
      <c r="D887">
        <v>6083.46</v>
      </c>
      <c r="E887">
        <v>2.1102400000000001</v>
      </c>
      <c r="F887">
        <v>8238.3799999999992</v>
      </c>
      <c r="G887">
        <v>11.8962</v>
      </c>
    </row>
    <row r="888" spans="1:7" x14ac:dyDescent="0.25">
      <c r="A888">
        <v>9</v>
      </c>
      <c r="B888">
        <v>163.131</v>
      </c>
      <c r="C888">
        <v>197.46199999999999</v>
      </c>
      <c r="D888">
        <v>3004.72</v>
      </c>
      <c r="E888">
        <v>2.20472</v>
      </c>
      <c r="F888">
        <v>4871.2700000000004</v>
      </c>
      <c r="G888">
        <v>25.2303</v>
      </c>
    </row>
    <row r="889" spans="1:7" x14ac:dyDescent="0.25">
      <c r="A889">
        <v>9</v>
      </c>
      <c r="B889">
        <v>137.935</v>
      </c>
      <c r="C889">
        <v>198.09200000000001</v>
      </c>
      <c r="D889">
        <v>6083.46</v>
      </c>
      <c r="E889">
        <v>2.1102400000000001</v>
      </c>
      <c r="F889">
        <v>8238.3799999999992</v>
      </c>
      <c r="G889">
        <v>11.8962</v>
      </c>
    </row>
    <row r="890" spans="1:7" x14ac:dyDescent="0.25">
      <c r="A890">
        <v>9</v>
      </c>
      <c r="B890">
        <v>160.61199999999999</v>
      </c>
      <c r="C890">
        <v>203.761</v>
      </c>
      <c r="D890">
        <v>1800</v>
      </c>
      <c r="E890">
        <v>3.9763799999999998</v>
      </c>
      <c r="F890">
        <v>3229.99</v>
      </c>
      <c r="G890">
        <v>82.210099999999997</v>
      </c>
    </row>
    <row r="891" spans="1:7" x14ac:dyDescent="0.25">
      <c r="A891">
        <v>9</v>
      </c>
      <c r="B891">
        <v>163.131</v>
      </c>
      <c r="C891">
        <v>197.46199999999999</v>
      </c>
      <c r="D891">
        <v>3004.72</v>
      </c>
      <c r="E891">
        <v>2.20472</v>
      </c>
      <c r="F891">
        <v>4871.2700000000004</v>
      </c>
      <c r="G891">
        <v>25.2303</v>
      </c>
    </row>
    <row r="892" spans="1:7" x14ac:dyDescent="0.25">
      <c r="A892">
        <v>9</v>
      </c>
      <c r="B892">
        <v>160.61199999999999</v>
      </c>
      <c r="C892">
        <v>196.202</v>
      </c>
      <c r="D892">
        <v>2870.87</v>
      </c>
      <c r="E892">
        <v>4</v>
      </c>
      <c r="F892">
        <v>4101.1499999999996</v>
      </c>
      <c r="G892">
        <v>27.514500000000002</v>
      </c>
    </row>
    <row r="893" spans="1:7" x14ac:dyDescent="0.25">
      <c r="A893">
        <v>9</v>
      </c>
      <c r="B893">
        <v>136.04499999999999</v>
      </c>
      <c r="C893">
        <v>195.572</v>
      </c>
      <c r="D893">
        <v>6083.46</v>
      </c>
      <c r="E893">
        <v>1.1653500000000001</v>
      </c>
      <c r="F893">
        <v>9446.7000000000007</v>
      </c>
      <c r="G893">
        <v>11.3193</v>
      </c>
    </row>
    <row r="894" spans="1:7" x14ac:dyDescent="0.25">
      <c r="A894">
        <v>9</v>
      </c>
      <c r="B894">
        <v>137.935</v>
      </c>
      <c r="C894">
        <v>198.09200000000001</v>
      </c>
      <c r="D894">
        <v>6083.46</v>
      </c>
      <c r="E894">
        <v>2.1102400000000001</v>
      </c>
      <c r="F894">
        <v>8238.3799999999992</v>
      </c>
      <c r="G894">
        <v>11.8962</v>
      </c>
    </row>
    <row r="895" spans="1:7" x14ac:dyDescent="0.25">
      <c r="A895">
        <v>9</v>
      </c>
      <c r="B895">
        <v>156.202</v>
      </c>
      <c r="C895">
        <v>196.83199999999999</v>
      </c>
      <c r="D895">
        <v>3004.72</v>
      </c>
      <c r="E895">
        <v>1.54331</v>
      </c>
      <c r="F895">
        <v>5700.32</v>
      </c>
      <c r="G895">
        <v>22.826499999999999</v>
      </c>
    </row>
    <row r="896" spans="1:7" x14ac:dyDescent="0.25">
      <c r="A896">
        <v>9</v>
      </c>
      <c r="B896">
        <v>137.935</v>
      </c>
      <c r="C896">
        <v>198.09200000000001</v>
      </c>
      <c r="D896">
        <v>6083.46</v>
      </c>
      <c r="E896">
        <v>2.1102400000000001</v>
      </c>
      <c r="F896">
        <v>8238.3799999999992</v>
      </c>
      <c r="G896">
        <v>11.8962</v>
      </c>
    </row>
    <row r="897" spans="1:7" x14ac:dyDescent="0.25">
      <c r="A897">
        <v>9</v>
      </c>
      <c r="B897">
        <v>156.202</v>
      </c>
      <c r="C897">
        <v>196.83199999999999</v>
      </c>
      <c r="D897">
        <v>2067.7199999999998</v>
      </c>
      <c r="E897">
        <v>3.0314999999999999</v>
      </c>
      <c r="F897">
        <v>3854.72</v>
      </c>
      <c r="G897">
        <v>67.567499999999995</v>
      </c>
    </row>
    <row r="898" spans="1:7" x14ac:dyDescent="0.25">
      <c r="A898">
        <v>9</v>
      </c>
      <c r="B898">
        <v>156.202</v>
      </c>
      <c r="C898">
        <v>195.572</v>
      </c>
      <c r="D898">
        <v>3004.72</v>
      </c>
      <c r="E898">
        <v>1.6377999999999999</v>
      </c>
      <c r="F898">
        <v>5544</v>
      </c>
      <c r="G898">
        <v>23.644500000000001</v>
      </c>
    </row>
    <row r="899" spans="1:7" x14ac:dyDescent="0.25">
      <c r="A899">
        <v>9</v>
      </c>
      <c r="B899">
        <v>168.80099999999999</v>
      </c>
      <c r="C899">
        <v>195.572</v>
      </c>
      <c r="D899">
        <v>3406.3</v>
      </c>
      <c r="E899">
        <v>1.6141700000000001</v>
      </c>
      <c r="F899">
        <v>5485.25</v>
      </c>
      <c r="G899">
        <v>23.9512</v>
      </c>
    </row>
    <row r="900" spans="1:7" x14ac:dyDescent="0.25">
      <c r="A900">
        <v>9</v>
      </c>
      <c r="B900">
        <v>137.935</v>
      </c>
      <c r="C900">
        <v>208.17099999999999</v>
      </c>
      <c r="D900">
        <v>6083.46</v>
      </c>
      <c r="E900">
        <v>3.5275599999999998</v>
      </c>
      <c r="F900">
        <v>7624.38</v>
      </c>
      <c r="G900">
        <v>17.499500000000001</v>
      </c>
    </row>
    <row r="901" spans="1:7" x14ac:dyDescent="0.25">
      <c r="A901">
        <v>10</v>
      </c>
      <c r="B901">
        <v>137.935</v>
      </c>
      <c r="C901">
        <v>207.85599999999999</v>
      </c>
      <c r="D901">
        <v>6083.46</v>
      </c>
      <c r="E901">
        <v>3.8110200000000001</v>
      </c>
      <c r="F901">
        <v>7573.08</v>
      </c>
      <c r="G901">
        <v>19.5532</v>
      </c>
    </row>
    <row r="902" spans="1:7" x14ac:dyDescent="0.25">
      <c r="A902">
        <v>10</v>
      </c>
      <c r="B902">
        <v>143.60400000000001</v>
      </c>
      <c r="C902">
        <v>195.25700000000001</v>
      </c>
      <c r="D902">
        <v>6083.46</v>
      </c>
      <c r="E902">
        <v>3.4330699999999998</v>
      </c>
      <c r="F902">
        <v>7518.71</v>
      </c>
      <c r="G902">
        <v>22.084199999999999</v>
      </c>
    </row>
    <row r="903" spans="1:7" x14ac:dyDescent="0.25">
      <c r="A903">
        <v>10</v>
      </c>
      <c r="B903">
        <v>137.935</v>
      </c>
      <c r="C903">
        <v>203.131</v>
      </c>
      <c r="D903">
        <v>6083.46</v>
      </c>
      <c r="E903">
        <v>2.6771699999999998</v>
      </c>
      <c r="F903">
        <v>7860.24</v>
      </c>
      <c r="G903">
        <v>13.7896</v>
      </c>
    </row>
    <row r="904" spans="1:7" x14ac:dyDescent="0.25">
      <c r="A904">
        <v>10</v>
      </c>
      <c r="B904">
        <v>156.202</v>
      </c>
      <c r="C904">
        <v>195.887</v>
      </c>
      <c r="D904">
        <v>2870.87</v>
      </c>
      <c r="E904">
        <v>2.0866099999999999</v>
      </c>
      <c r="F904">
        <v>4884.5200000000004</v>
      </c>
      <c r="G904">
        <v>25.466100000000001</v>
      </c>
    </row>
    <row r="905" spans="1:7" x14ac:dyDescent="0.25">
      <c r="A905">
        <v>10</v>
      </c>
      <c r="B905">
        <v>155.572</v>
      </c>
      <c r="C905">
        <v>203.131</v>
      </c>
      <c r="D905">
        <v>6083.46</v>
      </c>
      <c r="E905">
        <v>2.4881899999999999</v>
      </c>
      <c r="F905">
        <v>7872.57</v>
      </c>
      <c r="G905">
        <v>39.176200000000001</v>
      </c>
    </row>
    <row r="906" spans="1:7" x14ac:dyDescent="0.25">
      <c r="A906">
        <v>10</v>
      </c>
      <c r="B906">
        <v>163.131</v>
      </c>
      <c r="C906">
        <v>213.84</v>
      </c>
      <c r="D906">
        <v>1800</v>
      </c>
      <c r="E906">
        <v>3.4094500000000001</v>
      </c>
      <c r="F906">
        <v>3388.39</v>
      </c>
      <c r="G906">
        <v>72.025700000000001</v>
      </c>
    </row>
    <row r="907" spans="1:7" x14ac:dyDescent="0.25">
      <c r="A907">
        <v>10</v>
      </c>
      <c r="B907">
        <v>155.572</v>
      </c>
      <c r="C907">
        <v>200.92699999999999</v>
      </c>
      <c r="D907">
        <v>2067.7199999999998</v>
      </c>
      <c r="E907">
        <v>3.0314999999999999</v>
      </c>
      <c r="F907">
        <v>3911.07</v>
      </c>
      <c r="G907">
        <v>72.835999999999999</v>
      </c>
    </row>
    <row r="908" spans="1:7" x14ac:dyDescent="0.25">
      <c r="A908">
        <v>10</v>
      </c>
      <c r="B908">
        <v>155.572</v>
      </c>
      <c r="C908">
        <v>195.887</v>
      </c>
      <c r="D908">
        <v>1933.86</v>
      </c>
      <c r="E908">
        <v>2.4645700000000001</v>
      </c>
      <c r="F908">
        <v>4061.56</v>
      </c>
      <c r="G908">
        <v>72.231300000000005</v>
      </c>
    </row>
    <row r="909" spans="1:7" x14ac:dyDescent="0.25">
      <c r="A909">
        <v>10</v>
      </c>
      <c r="B909">
        <v>137.935</v>
      </c>
      <c r="C909">
        <v>197.77699999999999</v>
      </c>
      <c r="D909">
        <v>6083.46</v>
      </c>
      <c r="E909">
        <v>2.6771699999999998</v>
      </c>
      <c r="F909">
        <v>7910.05</v>
      </c>
      <c r="G909">
        <v>17.029399999999999</v>
      </c>
    </row>
    <row r="910" spans="1:7" x14ac:dyDescent="0.25">
      <c r="A910">
        <v>10</v>
      </c>
      <c r="B910">
        <v>141.084</v>
      </c>
      <c r="C910">
        <v>195.572</v>
      </c>
      <c r="D910">
        <v>6083.46</v>
      </c>
      <c r="E910">
        <v>3.59843</v>
      </c>
      <c r="F910">
        <v>7435.91</v>
      </c>
      <c r="G910">
        <v>16.470400000000001</v>
      </c>
    </row>
    <row r="911" spans="1:7" x14ac:dyDescent="0.25">
      <c r="A911">
        <v>10</v>
      </c>
      <c r="B911">
        <v>135.41499999999999</v>
      </c>
      <c r="C911">
        <v>203.761</v>
      </c>
      <c r="D911">
        <v>3406.3</v>
      </c>
      <c r="E911">
        <v>3.8110200000000001</v>
      </c>
      <c r="F911">
        <v>5072.74</v>
      </c>
      <c r="G911">
        <v>100.506</v>
      </c>
    </row>
    <row r="912" spans="1:7" x14ac:dyDescent="0.25">
      <c r="A912">
        <v>10</v>
      </c>
      <c r="B912">
        <v>156.202</v>
      </c>
      <c r="C912">
        <v>195.887</v>
      </c>
      <c r="D912">
        <v>2870.87</v>
      </c>
      <c r="E912">
        <v>2.0866099999999999</v>
      </c>
      <c r="F912">
        <v>4884.5200000000004</v>
      </c>
      <c r="G912">
        <v>25.466100000000001</v>
      </c>
    </row>
    <row r="913" spans="1:7" x14ac:dyDescent="0.25">
      <c r="A913">
        <v>10</v>
      </c>
      <c r="B913">
        <v>165.65100000000001</v>
      </c>
      <c r="C913">
        <v>197.46199999999999</v>
      </c>
      <c r="D913">
        <v>1800</v>
      </c>
      <c r="E913">
        <v>3.7401599999999999</v>
      </c>
      <c r="F913">
        <v>3337.51</v>
      </c>
      <c r="G913">
        <v>73.123699999999999</v>
      </c>
    </row>
    <row r="914" spans="1:7" x14ac:dyDescent="0.25">
      <c r="A914">
        <v>10</v>
      </c>
      <c r="B914">
        <v>158.09200000000001</v>
      </c>
      <c r="C914">
        <v>198.40700000000001</v>
      </c>
      <c r="D914">
        <v>1800</v>
      </c>
      <c r="E914">
        <v>3.8110200000000001</v>
      </c>
      <c r="F914">
        <v>3397.62</v>
      </c>
      <c r="G914">
        <v>86.401399999999995</v>
      </c>
    </row>
    <row r="915" spans="1:7" x14ac:dyDescent="0.25">
      <c r="A915">
        <v>10</v>
      </c>
      <c r="B915">
        <v>165.65100000000001</v>
      </c>
      <c r="C915">
        <v>195.887</v>
      </c>
      <c r="D915">
        <v>7154.33</v>
      </c>
      <c r="E915">
        <v>1.92126</v>
      </c>
      <c r="F915">
        <v>6940.55</v>
      </c>
      <c r="G915">
        <v>25.2666</v>
      </c>
    </row>
    <row r="916" spans="1:7" x14ac:dyDescent="0.25">
      <c r="A916">
        <v>10</v>
      </c>
      <c r="B916">
        <v>158.09200000000001</v>
      </c>
      <c r="C916">
        <v>205.96600000000001</v>
      </c>
      <c r="D916">
        <v>6083.46</v>
      </c>
      <c r="E916">
        <v>3.8110200000000001</v>
      </c>
      <c r="F916">
        <v>7267.8</v>
      </c>
      <c r="G916">
        <v>56.856999999999999</v>
      </c>
    </row>
    <row r="917" spans="1:7" x14ac:dyDescent="0.25">
      <c r="A917">
        <v>10</v>
      </c>
      <c r="B917">
        <v>158.09200000000001</v>
      </c>
      <c r="C917">
        <v>198.09200000000001</v>
      </c>
      <c r="D917">
        <v>6351.18</v>
      </c>
      <c r="E917">
        <v>3.0551200000000001</v>
      </c>
      <c r="F917">
        <v>7859.38</v>
      </c>
      <c r="G917">
        <v>57.433599999999998</v>
      </c>
    </row>
    <row r="918" spans="1:7" x14ac:dyDescent="0.25">
      <c r="A918">
        <v>10</v>
      </c>
      <c r="B918">
        <v>160.61199999999999</v>
      </c>
      <c r="C918">
        <v>200.92699999999999</v>
      </c>
      <c r="D918">
        <v>1800</v>
      </c>
      <c r="E918">
        <v>3.8110200000000001</v>
      </c>
      <c r="F918">
        <v>3309.43</v>
      </c>
      <c r="G918">
        <v>83.956599999999995</v>
      </c>
    </row>
    <row r="919" spans="1:7" x14ac:dyDescent="0.25">
      <c r="A919">
        <v>10</v>
      </c>
      <c r="B919">
        <v>137.935</v>
      </c>
      <c r="C919">
        <v>195.572</v>
      </c>
      <c r="D919">
        <v>6083.46</v>
      </c>
      <c r="E919">
        <v>3.4330699999999998</v>
      </c>
      <c r="F919">
        <v>7679.85</v>
      </c>
      <c r="G919">
        <v>23.683</v>
      </c>
    </row>
    <row r="920" spans="1:7" x14ac:dyDescent="0.25">
      <c r="A920">
        <v>10</v>
      </c>
      <c r="B920">
        <v>160.61199999999999</v>
      </c>
      <c r="C920">
        <v>195.572</v>
      </c>
      <c r="D920">
        <v>2870.87</v>
      </c>
      <c r="E920">
        <v>3.8110200000000001</v>
      </c>
      <c r="F920">
        <v>4139.7299999999996</v>
      </c>
      <c r="G920">
        <v>28.171600000000002</v>
      </c>
    </row>
    <row r="921" spans="1:7" x14ac:dyDescent="0.25">
      <c r="A921">
        <v>10</v>
      </c>
      <c r="B921">
        <v>158.72200000000001</v>
      </c>
      <c r="C921">
        <v>209.11600000000001</v>
      </c>
      <c r="D921">
        <v>2335.4299999999998</v>
      </c>
      <c r="E921">
        <v>2.6771699999999998</v>
      </c>
      <c r="F921">
        <v>4170.0200000000004</v>
      </c>
      <c r="G921">
        <v>46.550600000000003</v>
      </c>
    </row>
    <row r="922" spans="1:7" x14ac:dyDescent="0.25">
      <c r="A922">
        <v>10</v>
      </c>
      <c r="B922">
        <v>160.61199999999999</v>
      </c>
      <c r="C922">
        <v>196.202</v>
      </c>
      <c r="D922">
        <v>2870.87</v>
      </c>
      <c r="E922">
        <v>3.8110200000000001</v>
      </c>
      <c r="F922">
        <v>4139.7299999999996</v>
      </c>
      <c r="G922">
        <v>28.171600000000002</v>
      </c>
    </row>
    <row r="923" spans="1:7" x14ac:dyDescent="0.25">
      <c r="A923">
        <v>10</v>
      </c>
      <c r="B923">
        <v>161.24199999999999</v>
      </c>
      <c r="C923">
        <v>200.61199999999999</v>
      </c>
      <c r="D923">
        <v>3540.16</v>
      </c>
      <c r="E923">
        <v>4</v>
      </c>
      <c r="F923">
        <v>4729.7700000000004</v>
      </c>
      <c r="G923">
        <v>28.784600000000001</v>
      </c>
    </row>
    <row r="924" spans="1:7" x14ac:dyDescent="0.25">
      <c r="A924">
        <v>10</v>
      </c>
      <c r="B924">
        <v>161.24199999999999</v>
      </c>
      <c r="C924">
        <v>196.202</v>
      </c>
      <c r="D924">
        <v>3004.72</v>
      </c>
      <c r="E924">
        <v>3.0551200000000001</v>
      </c>
      <c r="F924">
        <v>4480.37</v>
      </c>
      <c r="G924">
        <v>26.6569</v>
      </c>
    </row>
    <row r="925" spans="1:7" x14ac:dyDescent="0.25">
      <c r="A925">
        <v>10</v>
      </c>
      <c r="B925">
        <v>137.935</v>
      </c>
      <c r="C925">
        <v>203.761</v>
      </c>
      <c r="D925">
        <v>6217.32</v>
      </c>
      <c r="E925">
        <v>3.8110200000000001</v>
      </c>
      <c r="F925">
        <v>7581.9</v>
      </c>
      <c r="G925">
        <v>20.5318</v>
      </c>
    </row>
    <row r="926" spans="1:7" x14ac:dyDescent="0.25">
      <c r="A926">
        <v>10</v>
      </c>
      <c r="B926">
        <v>136.04499999999999</v>
      </c>
      <c r="C926">
        <v>207.85599999999999</v>
      </c>
      <c r="D926">
        <v>1800</v>
      </c>
      <c r="E926">
        <v>3.8110200000000001</v>
      </c>
      <c r="F926">
        <v>3521.56</v>
      </c>
      <c r="G926">
        <v>131.315</v>
      </c>
    </row>
    <row r="927" spans="1:7" x14ac:dyDescent="0.25">
      <c r="A927">
        <v>10</v>
      </c>
      <c r="B927">
        <v>160.61199999999999</v>
      </c>
      <c r="C927">
        <v>195.572</v>
      </c>
      <c r="D927">
        <v>6083.46</v>
      </c>
      <c r="E927">
        <v>3.4330699999999998</v>
      </c>
      <c r="F927">
        <v>7268.21</v>
      </c>
      <c r="G927">
        <v>26.6066</v>
      </c>
    </row>
    <row r="928" spans="1:7" x14ac:dyDescent="0.25">
      <c r="A928">
        <v>10</v>
      </c>
      <c r="B928">
        <v>137.935</v>
      </c>
      <c r="C928">
        <v>203.131</v>
      </c>
      <c r="D928">
        <v>6083.46</v>
      </c>
      <c r="E928">
        <v>1.92126</v>
      </c>
      <c r="F928">
        <v>8426.6299999999992</v>
      </c>
      <c r="G928">
        <v>12.315099999999999</v>
      </c>
    </row>
    <row r="929" spans="1:7" x14ac:dyDescent="0.25">
      <c r="A929">
        <v>10</v>
      </c>
      <c r="B929">
        <v>143.60400000000001</v>
      </c>
      <c r="C929">
        <v>195.25700000000001</v>
      </c>
      <c r="D929">
        <v>6083.46</v>
      </c>
      <c r="E929">
        <v>1.92126</v>
      </c>
      <c r="F929">
        <v>8160.75</v>
      </c>
      <c r="G929">
        <v>23.6248</v>
      </c>
    </row>
    <row r="930" spans="1:7" x14ac:dyDescent="0.25">
      <c r="A930">
        <v>10</v>
      </c>
      <c r="B930">
        <v>162.50200000000001</v>
      </c>
      <c r="C930">
        <v>202.18700000000001</v>
      </c>
      <c r="D930">
        <v>2335.4299999999998</v>
      </c>
      <c r="E930">
        <v>3.8110200000000001</v>
      </c>
      <c r="F930">
        <v>3795.33</v>
      </c>
      <c r="G930">
        <v>59.120899999999999</v>
      </c>
    </row>
    <row r="931" spans="1:7" x14ac:dyDescent="0.25">
      <c r="A931">
        <v>10</v>
      </c>
      <c r="B931">
        <v>158.72200000000001</v>
      </c>
      <c r="C931">
        <v>198.40700000000001</v>
      </c>
      <c r="D931">
        <v>6217.32</v>
      </c>
      <c r="E931">
        <v>2.4645700000000001</v>
      </c>
      <c r="F931">
        <v>7851.27</v>
      </c>
      <c r="G931">
        <v>59.043500000000002</v>
      </c>
    </row>
    <row r="932" spans="1:7" x14ac:dyDescent="0.25">
      <c r="A932">
        <v>10</v>
      </c>
      <c r="B932">
        <v>136.04499999999999</v>
      </c>
      <c r="C932">
        <v>196.202</v>
      </c>
      <c r="D932">
        <v>6083.46</v>
      </c>
      <c r="E932">
        <v>2.29921</v>
      </c>
      <c r="F932">
        <v>8103.84</v>
      </c>
      <c r="G932">
        <v>18.327300000000001</v>
      </c>
    </row>
    <row r="933" spans="1:7" x14ac:dyDescent="0.25">
      <c r="A933">
        <v>10</v>
      </c>
      <c r="B933">
        <v>156.202</v>
      </c>
      <c r="C933">
        <v>207.85599999999999</v>
      </c>
      <c r="D933">
        <v>2335.4299999999998</v>
      </c>
      <c r="E933">
        <v>3.7165400000000002</v>
      </c>
      <c r="F933">
        <v>3819.04</v>
      </c>
      <c r="G933">
        <v>57.969799999999999</v>
      </c>
    </row>
    <row r="934" spans="1:7" x14ac:dyDescent="0.25">
      <c r="A934">
        <v>10</v>
      </c>
      <c r="B934">
        <v>160.61199999999999</v>
      </c>
      <c r="C934">
        <v>203.761</v>
      </c>
      <c r="D934">
        <v>2870.87</v>
      </c>
      <c r="E934">
        <v>3.59843</v>
      </c>
      <c r="F934">
        <v>4189.4799999999996</v>
      </c>
      <c r="G934">
        <v>28.944700000000001</v>
      </c>
    </row>
    <row r="935" spans="1:7" x14ac:dyDescent="0.25">
      <c r="A935">
        <v>10</v>
      </c>
      <c r="B935">
        <v>141.084</v>
      </c>
      <c r="C935">
        <v>195.887</v>
      </c>
      <c r="D935">
        <v>1800</v>
      </c>
      <c r="E935">
        <v>3.3385799999999999</v>
      </c>
      <c r="F935">
        <v>3791.73</v>
      </c>
      <c r="G935">
        <v>122.31100000000001</v>
      </c>
    </row>
    <row r="936" spans="1:7" x14ac:dyDescent="0.25">
      <c r="A936">
        <v>10</v>
      </c>
      <c r="B936">
        <v>142.97399999999999</v>
      </c>
      <c r="C936">
        <v>198.09200000000001</v>
      </c>
      <c r="D936">
        <v>7154.33</v>
      </c>
      <c r="E936">
        <v>2.4881899999999999</v>
      </c>
      <c r="F936">
        <v>9181.66</v>
      </c>
      <c r="G936">
        <v>23.462</v>
      </c>
    </row>
    <row r="937" spans="1:7" x14ac:dyDescent="0.25">
      <c r="A937">
        <v>10</v>
      </c>
      <c r="B937">
        <v>160.61199999999999</v>
      </c>
      <c r="C937">
        <v>203.131</v>
      </c>
      <c r="D937">
        <v>3004.72</v>
      </c>
      <c r="E937">
        <v>3.7873999999999999</v>
      </c>
      <c r="F937">
        <v>4369.37</v>
      </c>
      <c r="G937">
        <v>27.2898</v>
      </c>
    </row>
    <row r="938" spans="1:7" x14ac:dyDescent="0.25">
      <c r="A938">
        <v>10</v>
      </c>
      <c r="B938">
        <v>161.24199999999999</v>
      </c>
      <c r="C938">
        <v>195.887</v>
      </c>
      <c r="D938">
        <v>7154.33</v>
      </c>
      <c r="E938">
        <v>2.0866099999999999</v>
      </c>
      <c r="F938">
        <v>8958.4599999999991</v>
      </c>
      <c r="G938">
        <v>62.113300000000002</v>
      </c>
    </row>
    <row r="939" spans="1:7" x14ac:dyDescent="0.25">
      <c r="A939">
        <v>10</v>
      </c>
      <c r="B939">
        <v>160.61199999999999</v>
      </c>
      <c r="C939">
        <v>200.297</v>
      </c>
      <c r="D939">
        <v>2335.4299999999998</v>
      </c>
      <c r="E939">
        <v>3.0551200000000001</v>
      </c>
      <c r="F939">
        <v>3922.51</v>
      </c>
      <c r="G939">
        <v>29.449200000000001</v>
      </c>
    </row>
    <row r="940" spans="1:7" x14ac:dyDescent="0.25">
      <c r="A940">
        <v>10</v>
      </c>
      <c r="B940">
        <v>141.084</v>
      </c>
      <c r="C940">
        <v>201.87200000000001</v>
      </c>
      <c r="D940">
        <v>2067.7199999999998</v>
      </c>
      <c r="E940">
        <v>2.65354</v>
      </c>
      <c r="F940">
        <v>4231.24</v>
      </c>
      <c r="G940">
        <v>104.46599999999999</v>
      </c>
    </row>
    <row r="941" spans="1:7" x14ac:dyDescent="0.25">
      <c r="A941">
        <v>10</v>
      </c>
      <c r="B941">
        <v>161.24199999999999</v>
      </c>
      <c r="C941">
        <v>196.202</v>
      </c>
      <c r="D941">
        <v>2870.87</v>
      </c>
      <c r="E941">
        <v>3.9763799999999998</v>
      </c>
      <c r="F941">
        <v>4104.88</v>
      </c>
      <c r="G941">
        <v>28.7377</v>
      </c>
    </row>
    <row r="942" spans="1:7" x14ac:dyDescent="0.25">
      <c r="A942">
        <v>10</v>
      </c>
      <c r="B942">
        <v>141.084</v>
      </c>
      <c r="C942">
        <v>204.70599999999999</v>
      </c>
      <c r="D942">
        <v>6083.46</v>
      </c>
      <c r="E942">
        <v>2.6771699999999998</v>
      </c>
      <c r="F942">
        <v>7906.66</v>
      </c>
      <c r="G942">
        <v>17.196300000000001</v>
      </c>
    </row>
    <row r="943" spans="1:7" x14ac:dyDescent="0.25">
      <c r="A943">
        <v>10</v>
      </c>
      <c r="B943">
        <v>143.60400000000001</v>
      </c>
      <c r="C943">
        <v>195.25700000000001</v>
      </c>
      <c r="D943">
        <v>6083.46</v>
      </c>
      <c r="E943">
        <v>3.4330699999999998</v>
      </c>
      <c r="F943">
        <v>7518.71</v>
      </c>
      <c r="G943">
        <v>22.084199999999999</v>
      </c>
    </row>
    <row r="944" spans="1:7" x14ac:dyDescent="0.25">
      <c r="A944">
        <v>10</v>
      </c>
      <c r="B944">
        <v>156.202</v>
      </c>
      <c r="C944">
        <v>200.297</v>
      </c>
      <c r="D944">
        <v>1933.86</v>
      </c>
      <c r="E944">
        <v>3.0551200000000001</v>
      </c>
      <c r="F944">
        <v>3734.07</v>
      </c>
      <c r="G944">
        <v>79.698599999999999</v>
      </c>
    </row>
    <row r="945" spans="1:7" x14ac:dyDescent="0.25">
      <c r="A945">
        <v>10</v>
      </c>
      <c r="B945">
        <v>161.24199999999999</v>
      </c>
      <c r="C945">
        <v>200.92699999999999</v>
      </c>
      <c r="D945">
        <v>1800</v>
      </c>
      <c r="E945">
        <v>3.7873999999999999</v>
      </c>
      <c r="F945">
        <v>3320.22</v>
      </c>
      <c r="G945">
        <v>81.223699999999994</v>
      </c>
    </row>
    <row r="946" spans="1:7" x14ac:dyDescent="0.25">
      <c r="A946">
        <v>10</v>
      </c>
      <c r="B946">
        <v>168.80099999999999</v>
      </c>
      <c r="C946">
        <v>196.202</v>
      </c>
      <c r="D946">
        <v>2870.87</v>
      </c>
      <c r="E946">
        <v>3.8110200000000001</v>
      </c>
      <c r="F946">
        <v>3919.31</v>
      </c>
      <c r="G946">
        <v>101.129</v>
      </c>
    </row>
    <row r="947" spans="1:7" x14ac:dyDescent="0.25">
      <c r="A947">
        <v>10</v>
      </c>
      <c r="B947">
        <v>160.61199999999999</v>
      </c>
      <c r="C947">
        <v>180.76900000000001</v>
      </c>
      <c r="D947">
        <v>3004.72</v>
      </c>
      <c r="E947">
        <v>3.8110200000000001</v>
      </c>
      <c r="F947">
        <v>4285.95</v>
      </c>
      <c r="G947">
        <v>27.2697</v>
      </c>
    </row>
    <row r="948" spans="1:7" x14ac:dyDescent="0.25">
      <c r="A948">
        <v>10</v>
      </c>
      <c r="B948">
        <v>135.41499999999999</v>
      </c>
      <c r="C948">
        <v>200.297</v>
      </c>
      <c r="D948">
        <v>1933.86</v>
      </c>
      <c r="E948">
        <v>3.9763799999999998</v>
      </c>
      <c r="F948">
        <v>3717.35</v>
      </c>
      <c r="G948">
        <v>131.72900000000001</v>
      </c>
    </row>
    <row r="949" spans="1:7" x14ac:dyDescent="0.25">
      <c r="A949">
        <v>10</v>
      </c>
      <c r="B949">
        <v>142.97399999999999</v>
      </c>
      <c r="C949">
        <v>198.09200000000001</v>
      </c>
      <c r="D949">
        <v>1933.86</v>
      </c>
      <c r="E949">
        <v>4</v>
      </c>
      <c r="F949">
        <v>3721.38</v>
      </c>
      <c r="G949">
        <v>125.024</v>
      </c>
    </row>
    <row r="950" spans="1:7" x14ac:dyDescent="0.25">
      <c r="A950">
        <v>10</v>
      </c>
      <c r="B950">
        <v>163.761</v>
      </c>
      <c r="C950">
        <v>195.887</v>
      </c>
      <c r="D950">
        <v>1800</v>
      </c>
      <c r="E950">
        <v>3.8110200000000001</v>
      </c>
      <c r="F950">
        <v>3335.21</v>
      </c>
      <c r="G950">
        <v>78.5655</v>
      </c>
    </row>
    <row r="951" spans="1:7" x14ac:dyDescent="0.25">
      <c r="A951">
        <v>10</v>
      </c>
      <c r="B951">
        <v>155.572</v>
      </c>
      <c r="C951">
        <v>203.761</v>
      </c>
      <c r="D951">
        <v>1933.86</v>
      </c>
      <c r="E951">
        <v>3.9763799999999998</v>
      </c>
      <c r="F951">
        <v>3482.3</v>
      </c>
      <c r="G951">
        <v>88.087999999999994</v>
      </c>
    </row>
    <row r="952" spans="1:7" x14ac:dyDescent="0.25">
      <c r="A952">
        <v>10</v>
      </c>
      <c r="B952">
        <v>158.09200000000001</v>
      </c>
      <c r="C952">
        <v>198.09200000000001</v>
      </c>
      <c r="D952">
        <v>2870.87</v>
      </c>
      <c r="E952">
        <v>2.0866099999999999</v>
      </c>
      <c r="F952">
        <v>4840.2700000000004</v>
      </c>
      <c r="G952">
        <v>30.231999999999999</v>
      </c>
    </row>
    <row r="953" spans="1:7" x14ac:dyDescent="0.25">
      <c r="A953">
        <v>10</v>
      </c>
      <c r="B953">
        <v>156.202</v>
      </c>
      <c r="C953">
        <v>195.572</v>
      </c>
      <c r="D953">
        <v>2870.87</v>
      </c>
      <c r="E953">
        <v>3.8110200000000001</v>
      </c>
      <c r="F953">
        <v>4303.76</v>
      </c>
      <c r="G953">
        <v>34.308199999999999</v>
      </c>
    </row>
    <row r="954" spans="1:7" x14ac:dyDescent="0.25">
      <c r="A954">
        <v>10</v>
      </c>
      <c r="B954">
        <v>161.24199999999999</v>
      </c>
      <c r="C954">
        <v>196.83199999999999</v>
      </c>
      <c r="D954">
        <v>1800</v>
      </c>
      <c r="E954">
        <v>3.7873999999999999</v>
      </c>
      <c r="F954">
        <v>3412.06</v>
      </c>
      <c r="G954">
        <v>85.035399999999996</v>
      </c>
    </row>
    <row r="955" spans="1:7" x14ac:dyDescent="0.25">
      <c r="A955">
        <v>10</v>
      </c>
      <c r="B955">
        <v>160.61199999999999</v>
      </c>
      <c r="C955">
        <v>198.72200000000001</v>
      </c>
      <c r="D955">
        <v>7154.33</v>
      </c>
      <c r="E955">
        <v>2.4881899999999999</v>
      </c>
      <c r="F955">
        <v>8917.51</v>
      </c>
      <c r="G955">
        <v>59.394100000000002</v>
      </c>
    </row>
    <row r="956" spans="1:7" x14ac:dyDescent="0.25">
      <c r="A956">
        <v>10</v>
      </c>
      <c r="B956">
        <v>137.935</v>
      </c>
      <c r="C956">
        <v>203.131</v>
      </c>
      <c r="D956">
        <v>6083.46</v>
      </c>
      <c r="E956">
        <v>2.6771699999999998</v>
      </c>
      <c r="F956">
        <v>7860.24</v>
      </c>
      <c r="G956">
        <v>13.7896</v>
      </c>
    </row>
    <row r="957" spans="1:7" x14ac:dyDescent="0.25">
      <c r="A957">
        <v>10</v>
      </c>
      <c r="B957">
        <v>160.61199999999999</v>
      </c>
      <c r="C957">
        <v>196.202</v>
      </c>
      <c r="D957">
        <v>1933.86</v>
      </c>
      <c r="E957">
        <v>3.7873999999999999</v>
      </c>
      <c r="F957">
        <v>3507.89</v>
      </c>
      <c r="G957">
        <v>75.378</v>
      </c>
    </row>
    <row r="958" spans="1:7" x14ac:dyDescent="0.25">
      <c r="A958">
        <v>10</v>
      </c>
      <c r="B958">
        <v>155.25700000000001</v>
      </c>
      <c r="C958">
        <v>202.81700000000001</v>
      </c>
      <c r="D958">
        <v>1800</v>
      </c>
      <c r="E958">
        <v>3.8110200000000001</v>
      </c>
      <c r="F958">
        <v>3370.77</v>
      </c>
      <c r="G958">
        <v>93.005099999999999</v>
      </c>
    </row>
    <row r="959" spans="1:7" x14ac:dyDescent="0.25">
      <c r="A959">
        <v>10</v>
      </c>
      <c r="B959">
        <v>137.935</v>
      </c>
      <c r="C959">
        <v>207.85599999999999</v>
      </c>
      <c r="D959">
        <v>6083.46</v>
      </c>
      <c r="E959">
        <v>3.8110200000000001</v>
      </c>
      <c r="F959">
        <v>7573.08</v>
      </c>
      <c r="G959">
        <v>19.5532</v>
      </c>
    </row>
    <row r="960" spans="1:7" x14ac:dyDescent="0.25">
      <c r="A960">
        <v>10</v>
      </c>
      <c r="B960">
        <v>155.572</v>
      </c>
      <c r="C960">
        <v>196.202</v>
      </c>
      <c r="D960">
        <v>1800</v>
      </c>
      <c r="E960">
        <v>3.8110200000000001</v>
      </c>
      <c r="F960">
        <v>3455.62</v>
      </c>
      <c r="G960">
        <v>98.237300000000005</v>
      </c>
    </row>
    <row r="961" spans="1:7" x14ac:dyDescent="0.25">
      <c r="A961">
        <v>10</v>
      </c>
      <c r="B961">
        <v>166.28100000000001</v>
      </c>
      <c r="C961">
        <v>195.572</v>
      </c>
      <c r="D961">
        <v>7288.19</v>
      </c>
      <c r="E961">
        <v>1.02362</v>
      </c>
      <c r="F961">
        <v>7152.81</v>
      </c>
      <c r="G961">
        <v>19.911000000000001</v>
      </c>
    </row>
    <row r="962" spans="1:7" x14ac:dyDescent="0.25">
      <c r="A962">
        <v>10</v>
      </c>
      <c r="B962">
        <v>160.61199999999999</v>
      </c>
      <c r="C962">
        <v>180.76900000000001</v>
      </c>
      <c r="D962">
        <v>3004.72</v>
      </c>
      <c r="E962">
        <v>3.8110200000000001</v>
      </c>
      <c r="F962">
        <v>4285.95</v>
      </c>
      <c r="G962">
        <v>27.2697</v>
      </c>
    </row>
    <row r="963" spans="1:7" x14ac:dyDescent="0.25">
      <c r="A963">
        <v>10</v>
      </c>
      <c r="B963">
        <v>161.24199999999999</v>
      </c>
      <c r="C963">
        <v>196.202</v>
      </c>
      <c r="D963">
        <v>2870.87</v>
      </c>
      <c r="E963">
        <v>2.8425199999999999</v>
      </c>
      <c r="F963">
        <v>4403.25</v>
      </c>
      <c r="G963">
        <v>26.689699999999998</v>
      </c>
    </row>
    <row r="964" spans="1:7" x14ac:dyDescent="0.25">
      <c r="A964">
        <v>10</v>
      </c>
      <c r="B964">
        <v>137.935</v>
      </c>
      <c r="C964">
        <v>203.131</v>
      </c>
      <c r="D964">
        <v>6083.46</v>
      </c>
      <c r="E964">
        <v>2.6771699999999998</v>
      </c>
      <c r="F964">
        <v>7860.24</v>
      </c>
      <c r="G964">
        <v>13.7896</v>
      </c>
    </row>
    <row r="965" spans="1:7" x14ac:dyDescent="0.25">
      <c r="A965">
        <v>10</v>
      </c>
      <c r="B965">
        <v>163.761</v>
      </c>
      <c r="C965">
        <v>195.887</v>
      </c>
      <c r="D965">
        <v>1800</v>
      </c>
      <c r="E965">
        <v>3.8110200000000001</v>
      </c>
      <c r="F965">
        <v>3335.21</v>
      </c>
      <c r="G965">
        <v>78.5655</v>
      </c>
    </row>
    <row r="966" spans="1:7" x14ac:dyDescent="0.25">
      <c r="A966">
        <v>10</v>
      </c>
      <c r="B966">
        <v>170.691</v>
      </c>
      <c r="C966">
        <v>200.92699999999999</v>
      </c>
      <c r="D966">
        <v>1800</v>
      </c>
      <c r="E966">
        <v>3.7873999999999999</v>
      </c>
      <c r="F966">
        <v>3157.85</v>
      </c>
      <c r="G966">
        <v>100.657</v>
      </c>
    </row>
    <row r="967" spans="1:7" x14ac:dyDescent="0.25">
      <c r="A967">
        <v>10</v>
      </c>
      <c r="B967">
        <v>161.24199999999999</v>
      </c>
      <c r="C967">
        <v>197.14699999999999</v>
      </c>
      <c r="D967">
        <v>1800</v>
      </c>
      <c r="E967">
        <v>2.6771699999999998</v>
      </c>
      <c r="F967">
        <v>3676.54</v>
      </c>
      <c r="G967">
        <v>70.4084</v>
      </c>
    </row>
    <row r="968" spans="1:7" x14ac:dyDescent="0.25">
      <c r="A968">
        <v>10</v>
      </c>
      <c r="B968">
        <v>173.21</v>
      </c>
      <c r="C968">
        <v>195.887</v>
      </c>
      <c r="D968">
        <v>1800</v>
      </c>
      <c r="E968">
        <v>3.8110200000000001</v>
      </c>
      <c r="F968">
        <v>3143.16</v>
      </c>
      <c r="G968">
        <v>106.97</v>
      </c>
    </row>
    <row r="969" spans="1:7" x14ac:dyDescent="0.25">
      <c r="A969">
        <v>10</v>
      </c>
      <c r="B969">
        <v>161.24199999999999</v>
      </c>
      <c r="C969">
        <v>196.202</v>
      </c>
      <c r="D969">
        <v>3004.72</v>
      </c>
      <c r="E969">
        <v>3.0551200000000001</v>
      </c>
      <c r="F969">
        <v>4480.37</v>
      </c>
      <c r="G969">
        <v>26.6569</v>
      </c>
    </row>
    <row r="970" spans="1:7" x14ac:dyDescent="0.25">
      <c r="A970">
        <v>10</v>
      </c>
      <c r="B970">
        <v>160.61199999999999</v>
      </c>
      <c r="C970">
        <v>213.84</v>
      </c>
      <c r="D970">
        <v>2335.4299999999998</v>
      </c>
      <c r="E970">
        <v>1.3307100000000001</v>
      </c>
      <c r="F970">
        <v>5313.69</v>
      </c>
      <c r="G970">
        <v>25.168900000000001</v>
      </c>
    </row>
    <row r="971" spans="1:7" x14ac:dyDescent="0.25">
      <c r="A971">
        <v>10</v>
      </c>
      <c r="B971">
        <v>165.65100000000001</v>
      </c>
      <c r="C971">
        <v>197.46199999999999</v>
      </c>
      <c r="D971">
        <v>1800</v>
      </c>
      <c r="E971">
        <v>3.7401599999999999</v>
      </c>
      <c r="F971">
        <v>3337.51</v>
      </c>
      <c r="G971">
        <v>73.123699999999999</v>
      </c>
    </row>
    <row r="972" spans="1:7" x14ac:dyDescent="0.25">
      <c r="A972">
        <v>10</v>
      </c>
      <c r="B972">
        <v>160.61199999999999</v>
      </c>
      <c r="C972">
        <v>200.297</v>
      </c>
      <c r="D972">
        <v>2335.4299999999998</v>
      </c>
      <c r="E972">
        <v>3.0551200000000001</v>
      </c>
      <c r="F972">
        <v>3922.51</v>
      </c>
      <c r="G972">
        <v>29.449200000000001</v>
      </c>
    </row>
    <row r="973" spans="1:7" x14ac:dyDescent="0.25">
      <c r="A973">
        <v>10</v>
      </c>
      <c r="B973">
        <v>160.61199999999999</v>
      </c>
      <c r="C973">
        <v>201.24199999999999</v>
      </c>
      <c r="D973">
        <v>1933.86</v>
      </c>
      <c r="E973">
        <v>3.8110200000000001</v>
      </c>
      <c r="F973">
        <v>3403.13</v>
      </c>
      <c r="G973">
        <v>71.532600000000002</v>
      </c>
    </row>
    <row r="974" spans="1:7" x14ac:dyDescent="0.25">
      <c r="A974">
        <v>10</v>
      </c>
      <c r="B974">
        <v>145.494</v>
      </c>
      <c r="C974">
        <v>195.887</v>
      </c>
      <c r="D974">
        <v>5012.6000000000004</v>
      </c>
      <c r="E974">
        <v>3.3149600000000001</v>
      </c>
      <c r="F974">
        <v>6539.73</v>
      </c>
      <c r="G974">
        <v>21.848099999999999</v>
      </c>
    </row>
    <row r="975" spans="1:7" x14ac:dyDescent="0.25">
      <c r="A975">
        <v>10</v>
      </c>
      <c r="B975">
        <v>160.61199999999999</v>
      </c>
      <c r="C975">
        <v>200.61199999999999</v>
      </c>
      <c r="D975">
        <v>3004.72</v>
      </c>
      <c r="E975">
        <v>3.8110200000000001</v>
      </c>
      <c r="F975">
        <v>4219.75</v>
      </c>
      <c r="G975">
        <v>27.2697</v>
      </c>
    </row>
    <row r="976" spans="1:7" x14ac:dyDescent="0.25">
      <c r="A976">
        <v>10</v>
      </c>
      <c r="B976">
        <v>161.24199999999999</v>
      </c>
      <c r="C976">
        <v>202.18700000000001</v>
      </c>
      <c r="D976">
        <v>1800</v>
      </c>
      <c r="E976">
        <v>3.7873999999999999</v>
      </c>
      <c r="F976">
        <v>3319.51</v>
      </c>
      <c r="G976">
        <v>80.043499999999995</v>
      </c>
    </row>
    <row r="977" spans="1:7" x14ac:dyDescent="0.25">
      <c r="A977">
        <v>10</v>
      </c>
      <c r="B977">
        <v>163.131</v>
      </c>
      <c r="C977">
        <v>213.84</v>
      </c>
      <c r="D977">
        <v>1800</v>
      </c>
      <c r="E977">
        <v>3.4094500000000001</v>
      </c>
      <c r="F977">
        <v>3388.39</v>
      </c>
      <c r="G977">
        <v>72.025700000000001</v>
      </c>
    </row>
    <row r="978" spans="1:7" x14ac:dyDescent="0.25">
      <c r="A978">
        <v>10</v>
      </c>
      <c r="B978">
        <v>156.202</v>
      </c>
      <c r="C978">
        <v>207.85599999999999</v>
      </c>
      <c r="D978">
        <v>2335.4299999999998</v>
      </c>
      <c r="E978">
        <v>3.7165400000000002</v>
      </c>
      <c r="F978">
        <v>3819.04</v>
      </c>
      <c r="G978">
        <v>57.969799999999999</v>
      </c>
    </row>
    <row r="979" spans="1:7" x14ac:dyDescent="0.25">
      <c r="A979">
        <v>10</v>
      </c>
      <c r="B979">
        <v>137.935</v>
      </c>
      <c r="C979">
        <v>198.09200000000001</v>
      </c>
      <c r="D979">
        <v>6083.46</v>
      </c>
      <c r="E979">
        <v>2.1102400000000001</v>
      </c>
      <c r="F979">
        <v>8238.3799999999992</v>
      </c>
      <c r="G979">
        <v>11.8962</v>
      </c>
    </row>
    <row r="980" spans="1:7" x14ac:dyDescent="0.25">
      <c r="A980">
        <v>10</v>
      </c>
      <c r="B980">
        <v>160.61199999999999</v>
      </c>
      <c r="C980">
        <v>203.761</v>
      </c>
      <c r="D980">
        <v>1800</v>
      </c>
      <c r="E980">
        <v>3.9763799999999998</v>
      </c>
      <c r="F980">
        <v>3229.99</v>
      </c>
      <c r="G980">
        <v>82.210099999999997</v>
      </c>
    </row>
    <row r="981" spans="1:7" x14ac:dyDescent="0.25">
      <c r="A981">
        <v>10</v>
      </c>
      <c r="B981">
        <v>163.131</v>
      </c>
      <c r="C981">
        <v>197.46199999999999</v>
      </c>
      <c r="D981">
        <v>3004.72</v>
      </c>
      <c r="E981">
        <v>2.20472</v>
      </c>
      <c r="F981">
        <v>4871.2700000000004</v>
      </c>
      <c r="G981">
        <v>25.2303</v>
      </c>
    </row>
    <row r="982" spans="1:7" x14ac:dyDescent="0.25">
      <c r="A982">
        <v>10</v>
      </c>
      <c r="B982">
        <v>160.61199999999999</v>
      </c>
      <c r="C982">
        <v>196.202</v>
      </c>
      <c r="D982">
        <v>2870.87</v>
      </c>
      <c r="E982">
        <v>4</v>
      </c>
      <c r="F982">
        <v>4101.1499999999996</v>
      </c>
      <c r="G982">
        <v>27.514500000000002</v>
      </c>
    </row>
    <row r="983" spans="1:7" x14ac:dyDescent="0.25">
      <c r="A983">
        <v>10</v>
      </c>
      <c r="B983">
        <v>136.04499999999999</v>
      </c>
      <c r="C983">
        <v>195.572</v>
      </c>
      <c r="D983">
        <v>6083.46</v>
      </c>
      <c r="E983">
        <v>1.1653500000000001</v>
      </c>
      <c r="F983">
        <v>9446.7000000000007</v>
      </c>
      <c r="G983">
        <v>11.3193</v>
      </c>
    </row>
    <row r="984" spans="1:7" x14ac:dyDescent="0.25">
      <c r="A984">
        <v>10</v>
      </c>
      <c r="B984">
        <v>137.935</v>
      </c>
      <c r="C984">
        <v>198.09200000000001</v>
      </c>
      <c r="D984">
        <v>6083.46</v>
      </c>
      <c r="E984">
        <v>2.1102400000000001</v>
      </c>
      <c r="F984">
        <v>8238.3799999999992</v>
      </c>
      <c r="G984">
        <v>11.8962</v>
      </c>
    </row>
    <row r="985" spans="1:7" x14ac:dyDescent="0.25">
      <c r="A985">
        <v>10</v>
      </c>
      <c r="B985">
        <v>156.202</v>
      </c>
      <c r="C985">
        <v>196.83199999999999</v>
      </c>
      <c r="D985">
        <v>3004.72</v>
      </c>
      <c r="E985">
        <v>1.54331</v>
      </c>
      <c r="F985">
        <v>5700.32</v>
      </c>
      <c r="G985">
        <v>22.826499999999999</v>
      </c>
    </row>
    <row r="986" spans="1:7" x14ac:dyDescent="0.25">
      <c r="A986">
        <v>10</v>
      </c>
      <c r="B986">
        <v>137.935</v>
      </c>
      <c r="C986">
        <v>198.09200000000001</v>
      </c>
      <c r="D986">
        <v>6083.46</v>
      </c>
      <c r="E986">
        <v>2.1102400000000001</v>
      </c>
      <c r="F986">
        <v>8238.3799999999992</v>
      </c>
      <c r="G986">
        <v>11.8962</v>
      </c>
    </row>
    <row r="987" spans="1:7" x14ac:dyDescent="0.25">
      <c r="A987">
        <v>10</v>
      </c>
      <c r="B987">
        <v>162.50200000000001</v>
      </c>
      <c r="C987">
        <v>202.18700000000001</v>
      </c>
      <c r="D987">
        <v>2335.4299999999998</v>
      </c>
      <c r="E987">
        <v>3.8110200000000001</v>
      </c>
      <c r="F987">
        <v>3795.33</v>
      </c>
      <c r="G987">
        <v>59.120899999999999</v>
      </c>
    </row>
    <row r="988" spans="1:7" x14ac:dyDescent="0.25">
      <c r="A988">
        <v>10</v>
      </c>
      <c r="B988">
        <v>156.202</v>
      </c>
      <c r="C988">
        <v>195.572</v>
      </c>
      <c r="D988">
        <v>3004.72</v>
      </c>
      <c r="E988">
        <v>1.6377999999999999</v>
      </c>
      <c r="F988">
        <v>5544</v>
      </c>
      <c r="G988">
        <v>23.644500000000001</v>
      </c>
    </row>
    <row r="989" spans="1:7" x14ac:dyDescent="0.25">
      <c r="A989">
        <v>10</v>
      </c>
      <c r="B989">
        <v>168.80099999999999</v>
      </c>
      <c r="C989">
        <v>195.572</v>
      </c>
      <c r="D989">
        <v>3406.3</v>
      </c>
      <c r="E989">
        <v>1.6141700000000001</v>
      </c>
      <c r="F989">
        <v>5485.25</v>
      </c>
      <c r="G989">
        <v>23.9512</v>
      </c>
    </row>
    <row r="990" spans="1:7" x14ac:dyDescent="0.25">
      <c r="A990">
        <v>10</v>
      </c>
      <c r="B990">
        <v>141.084</v>
      </c>
      <c r="C990">
        <v>195.572</v>
      </c>
      <c r="D990">
        <v>6083.46</v>
      </c>
      <c r="E990">
        <v>3.59843</v>
      </c>
      <c r="F990">
        <v>7435.91</v>
      </c>
      <c r="G990">
        <v>16.470400000000001</v>
      </c>
    </row>
    <row r="991" spans="1:7" x14ac:dyDescent="0.25">
      <c r="A991">
        <v>11</v>
      </c>
      <c r="B991">
        <v>137.935</v>
      </c>
      <c r="C991">
        <v>203.131</v>
      </c>
      <c r="D991">
        <v>6083.46</v>
      </c>
      <c r="E991">
        <v>1.92126</v>
      </c>
      <c r="F991">
        <v>8426.6299999999992</v>
      </c>
      <c r="G991">
        <v>12.315099999999999</v>
      </c>
    </row>
    <row r="992" spans="1:7" x14ac:dyDescent="0.25">
      <c r="A992">
        <v>11</v>
      </c>
      <c r="B992">
        <v>165.65100000000001</v>
      </c>
      <c r="C992">
        <v>195.887</v>
      </c>
      <c r="D992">
        <v>7154.33</v>
      </c>
      <c r="E992">
        <v>1.92126</v>
      </c>
      <c r="F992">
        <v>6940.55</v>
      </c>
      <c r="G992">
        <v>25.2666</v>
      </c>
    </row>
    <row r="993" spans="1:7" x14ac:dyDescent="0.25">
      <c r="A993">
        <v>11</v>
      </c>
      <c r="B993">
        <v>162.50200000000001</v>
      </c>
      <c r="C993">
        <v>202.18700000000001</v>
      </c>
      <c r="D993">
        <v>2335.4299999999998</v>
      </c>
      <c r="E993">
        <v>3.8110200000000001</v>
      </c>
      <c r="F993">
        <v>3795.33</v>
      </c>
      <c r="G993">
        <v>59.120899999999999</v>
      </c>
    </row>
    <row r="994" spans="1:7" x14ac:dyDescent="0.25">
      <c r="A994">
        <v>11</v>
      </c>
      <c r="B994">
        <v>156.202</v>
      </c>
      <c r="C994">
        <v>207.85599999999999</v>
      </c>
      <c r="D994">
        <v>2335.4299999999998</v>
      </c>
      <c r="E994">
        <v>3.7165400000000002</v>
      </c>
      <c r="F994">
        <v>3819.04</v>
      </c>
      <c r="G994">
        <v>57.969799999999999</v>
      </c>
    </row>
    <row r="995" spans="1:7" x14ac:dyDescent="0.25">
      <c r="A995">
        <v>11</v>
      </c>
      <c r="B995">
        <v>142.97399999999999</v>
      </c>
      <c r="C995">
        <v>203.131</v>
      </c>
      <c r="D995">
        <v>6083.46</v>
      </c>
      <c r="E995">
        <v>2.0866099999999999</v>
      </c>
      <c r="F995">
        <v>8301.07</v>
      </c>
      <c r="G995">
        <v>22.092700000000001</v>
      </c>
    </row>
    <row r="996" spans="1:7" x14ac:dyDescent="0.25">
      <c r="A996">
        <v>11</v>
      </c>
      <c r="B996">
        <v>166.28100000000001</v>
      </c>
      <c r="C996">
        <v>201.87200000000001</v>
      </c>
      <c r="D996">
        <v>1800</v>
      </c>
      <c r="E996">
        <v>3.8110200000000001</v>
      </c>
      <c r="F996">
        <v>3182.38</v>
      </c>
      <c r="G996">
        <v>74.304599999999994</v>
      </c>
    </row>
    <row r="997" spans="1:7" x14ac:dyDescent="0.25">
      <c r="A997">
        <v>11</v>
      </c>
      <c r="B997">
        <v>161.24199999999999</v>
      </c>
      <c r="C997">
        <v>195.887</v>
      </c>
      <c r="D997">
        <v>2870.87</v>
      </c>
      <c r="E997">
        <v>1.89764</v>
      </c>
      <c r="F997">
        <v>5027.95</v>
      </c>
      <c r="G997">
        <v>61.2224</v>
      </c>
    </row>
    <row r="998" spans="1:7" x14ac:dyDescent="0.25">
      <c r="A998">
        <v>11</v>
      </c>
      <c r="B998">
        <v>160.92699999999999</v>
      </c>
      <c r="C998">
        <v>198.40700000000001</v>
      </c>
      <c r="D998">
        <v>1800</v>
      </c>
      <c r="E998">
        <v>3.7165400000000002</v>
      </c>
      <c r="F998">
        <v>3338.57</v>
      </c>
      <c r="G998">
        <v>83.700100000000006</v>
      </c>
    </row>
    <row r="999" spans="1:7" x14ac:dyDescent="0.25">
      <c r="A999">
        <v>11</v>
      </c>
      <c r="B999">
        <v>161.24199999999999</v>
      </c>
      <c r="C999">
        <v>204.70599999999999</v>
      </c>
      <c r="D999">
        <v>2335.4299999999998</v>
      </c>
      <c r="E999">
        <v>3.7165400000000002</v>
      </c>
      <c r="F999">
        <v>3775</v>
      </c>
      <c r="G999">
        <v>49.923200000000001</v>
      </c>
    </row>
    <row r="1000" spans="1:7" x14ac:dyDescent="0.25">
      <c r="A1000">
        <v>11</v>
      </c>
      <c r="B1000">
        <v>161.24199999999999</v>
      </c>
      <c r="C1000">
        <v>196.202</v>
      </c>
      <c r="D1000">
        <v>1933.86</v>
      </c>
      <c r="E1000">
        <v>3.0551200000000001</v>
      </c>
      <c r="F1000">
        <v>3690.32</v>
      </c>
      <c r="G1000">
        <v>66.312600000000003</v>
      </c>
    </row>
    <row r="1001" spans="1:7" x14ac:dyDescent="0.25">
      <c r="A1001">
        <v>11</v>
      </c>
      <c r="B1001">
        <v>160.61199999999999</v>
      </c>
      <c r="C1001">
        <v>197.77699999999999</v>
      </c>
      <c r="D1001">
        <v>2335.4299999999998</v>
      </c>
      <c r="E1001">
        <v>3.7165400000000002</v>
      </c>
      <c r="F1001">
        <v>3831.36</v>
      </c>
      <c r="G1001">
        <v>52.913499999999999</v>
      </c>
    </row>
    <row r="1002" spans="1:7" x14ac:dyDescent="0.25">
      <c r="A1002">
        <v>11</v>
      </c>
      <c r="B1002">
        <v>138.565</v>
      </c>
      <c r="C1002">
        <v>200.61199999999999</v>
      </c>
      <c r="D1002">
        <v>6083.46</v>
      </c>
      <c r="E1002">
        <v>3.59843</v>
      </c>
      <c r="F1002">
        <v>7578.41</v>
      </c>
      <c r="G1002">
        <v>19.793500000000002</v>
      </c>
    </row>
    <row r="1003" spans="1:7" x14ac:dyDescent="0.25">
      <c r="A1003">
        <v>11</v>
      </c>
      <c r="B1003">
        <v>161.24199999999999</v>
      </c>
      <c r="C1003">
        <v>198.09200000000001</v>
      </c>
      <c r="D1003">
        <v>1800</v>
      </c>
      <c r="E1003">
        <v>3.6220500000000002</v>
      </c>
      <c r="F1003">
        <v>3370.19</v>
      </c>
      <c r="G1003">
        <v>81.197500000000005</v>
      </c>
    </row>
    <row r="1004" spans="1:7" x14ac:dyDescent="0.25">
      <c r="A1004">
        <v>11</v>
      </c>
      <c r="B1004">
        <v>161.24199999999999</v>
      </c>
      <c r="C1004">
        <v>200.92699999999999</v>
      </c>
      <c r="D1004">
        <v>3406.3</v>
      </c>
      <c r="E1004">
        <v>1.1653500000000001</v>
      </c>
      <c r="F1004">
        <v>6865.49</v>
      </c>
      <c r="G1004">
        <v>22.039200000000001</v>
      </c>
    </row>
    <row r="1005" spans="1:7" x14ac:dyDescent="0.25">
      <c r="A1005">
        <v>11</v>
      </c>
      <c r="B1005">
        <v>160.61199999999999</v>
      </c>
      <c r="C1005">
        <v>200.92699999999999</v>
      </c>
      <c r="D1005">
        <v>3004.72</v>
      </c>
      <c r="E1005">
        <v>3.8110200000000001</v>
      </c>
      <c r="F1005">
        <v>4216.18</v>
      </c>
      <c r="G1005">
        <v>27.2697</v>
      </c>
    </row>
    <row r="1006" spans="1:7" x14ac:dyDescent="0.25">
      <c r="A1006">
        <v>11</v>
      </c>
      <c r="B1006">
        <v>155.572</v>
      </c>
      <c r="C1006">
        <v>207.85599999999999</v>
      </c>
      <c r="D1006">
        <v>6618.9</v>
      </c>
      <c r="E1006">
        <v>1.92126</v>
      </c>
      <c r="F1006">
        <v>8788.86</v>
      </c>
      <c r="G1006">
        <v>37.1051</v>
      </c>
    </row>
    <row r="1007" spans="1:7" x14ac:dyDescent="0.25">
      <c r="A1007">
        <v>11</v>
      </c>
      <c r="B1007">
        <v>160.61199999999999</v>
      </c>
      <c r="C1007">
        <v>213.52500000000001</v>
      </c>
      <c r="D1007">
        <v>1800</v>
      </c>
      <c r="E1007">
        <v>3.4094500000000001</v>
      </c>
      <c r="F1007">
        <v>3434.07</v>
      </c>
      <c r="G1007">
        <v>78.837999999999994</v>
      </c>
    </row>
    <row r="1008" spans="1:7" x14ac:dyDescent="0.25">
      <c r="A1008">
        <v>11</v>
      </c>
      <c r="B1008">
        <v>165.65100000000001</v>
      </c>
      <c r="C1008">
        <v>197.14699999999999</v>
      </c>
      <c r="D1008">
        <v>1800</v>
      </c>
      <c r="E1008">
        <v>3.7873999999999999</v>
      </c>
      <c r="F1008">
        <v>3320.67</v>
      </c>
      <c r="G1008">
        <v>73.305300000000003</v>
      </c>
    </row>
    <row r="1009" spans="1:7" x14ac:dyDescent="0.25">
      <c r="A1009">
        <v>11</v>
      </c>
      <c r="B1009">
        <v>140.45400000000001</v>
      </c>
      <c r="C1009">
        <v>198.40700000000001</v>
      </c>
      <c r="D1009">
        <v>6083.46</v>
      </c>
      <c r="E1009">
        <v>3.8110200000000001</v>
      </c>
      <c r="F1009">
        <v>7525.89</v>
      </c>
      <c r="G1009">
        <v>15.047800000000001</v>
      </c>
    </row>
    <row r="1010" spans="1:7" x14ac:dyDescent="0.25">
      <c r="A1010">
        <v>11</v>
      </c>
      <c r="B1010">
        <v>160.61199999999999</v>
      </c>
      <c r="C1010">
        <v>200.92699999999999</v>
      </c>
      <c r="D1010">
        <v>1800</v>
      </c>
      <c r="E1010">
        <v>3.7873999999999999</v>
      </c>
      <c r="F1010">
        <v>3315.81</v>
      </c>
      <c r="G1010">
        <v>83.609800000000007</v>
      </c>
    </row>
    <row r="1011" spans="1:7" x14ac:dyDescent="0.25">
      <c r="A1011">
        <v>11</v>
      </c>
      <c r="B1011">
        <v>160.61199999999999</v>
      </c>
      <c r="C1011">
        <v>198.09200000000001</v>
      </c>
      <c r="D1011">
        <v>1933.86</v>
      </c>
      <c r="E1011">
        <v>3.7873999999999999</v>
      </c>
      <c r="F1011">
        <v>3507.23</v>
      </c>
      <c r="G1011">
        <v>73.604699999999994</v>
      </c>
    </row>
    <row r="1012" spans="1:7" x14ac:dyDescent="0.25">
      <c r="A1012">
        <v>11</v>
      </c>
      <c r="B1012">
        <v>160.61199999999999</v>
      </c>
      <c r="C1012">
        <v>198.09200000000001</v>
      </c>
      <c r="D1012">
        <v>3406.3</v>
      </c>
      <c r="E1012">
        <v>3.8110200000000001</v>
      </c>
      <c r="F1012">
        <v>4586.43</v>
      </c>
      <c r="G1012">
        <v>27.118600000000001</v>
      </c>
    </row>
    <row r="1013" spans="1:7" x14ac:dyDescent="0.25">
      <c r="A1013">
        <v>11</v>
      </c>
      <c r="B1013">
        <v>161.24199999999999</v>
      </c>
      <c r="C1013">
        <v>198.72200000000001</v>
      </c>
      <c r="D1013">
        <v>2870.87</v>
      </c>
      <c r="E1013">
        <v>3.9763799999999998</v>
      </c>
      <c r="F1013">
        <v>4104.88</v>
      </c>
      <c r="G1013">
        <v>28.7377</v>
      </c>
    </row>
    <row r="1014" spans="1:7" x14ac:dyDescent="0.25">
      <c r="A1014">
        <v>11</v>
      </c>
      <c r="B1014">
        <v>170.691</v>
      </c>
      <c r="C1014">
        <v>195.887</v>
      </c>
      <c r="D1014">
        <v>2870.87</v>
      </c>
      <c r="E1014">
        <v>2.2755899999999998</v>
      </c>
      <c r="F1014">
        <v>4539.87</v>
      </c>
      <c r="G1014">
        <v>88.497100000000003</v>
      </c>
    </row>
    <row r="1015" spans="1:7" x14ac:dyDescent="0.25">
      <c r="A1015">
        <v>11</v>
      </c>
      <c r="B1015">
        <v>161.24199999999999</v>
      </c>
      <c r="C1015">
        <v>195.887</v>
      </c>
      <c r="D1015">
        <v>2870.87</v>
      </c>
      <c r="E1015">
        <v>1.89764</v>
      </c>
      <c r="F1015">
        <v>5027.95</v>
      </c>
      <c r="G1015">
        <v>61.2224</v>
      </c>
    </row>
    <row r="1016" spans="1:7" x14ac:dyDescent="0.25">
      <c r="A1016">
        <v>11</v>
      </c>
      <c r="B1016">
        <v>158.72200000000001</v>
      </c>
      <c r="C1016">
        <v>200.61199999999999</v>
      </c>
      <c r="D1016">
        <v>1800</v>
      </c>
      <c r="E1016">
        <v>2.2755899999999998</v>
      </c>
      <c r="F1016">
        <v>3911.92</v>
      </c>
      <c r="G1016">
        <v>69.627200000000002</v>
      </c>
    </row>
    <row r="1017" spans="1:7" x14ac:dyDescent="0.25">
      <c r="A1017">
        <v>11</v>
      </c>
      <c r="B1017">
        <v>160.61199999999999</v>
      </c>
      <c r="C1017">
        <v>213.84</v>
      </c>
      <c r="D1017">
        <v>1800</v>
      </c>
      <c r="E1017">
        <v>3.7873999999999999</v>
      </c>
      <c r="F1017">
        <v>3313.9</v>
      </c>
      <c r="G1017">
        <v>80.924499999999995</v>
      </c>
    </row>
    <row r="1018" spans="1:7" x14ac:dyDescent="0.25">
      <c r="A1018">
        <v>11</v>
      </c>
      <c r="B1018">
        <v>160.61199999999999</v>
      </c>
      <c r="C1018">
        <v>196.202</v>
      </c>
      <c r="D1018">
        <v>1800</v>
      </c>
      <c r="E1018">
        <v>3.8110200000000001</v>
      </c>
      <c r="F1018">
        <v>3398</v>
      </c>
      <c r="G1018">
        <v>88.327799999999996</v>
      </c>
    </row>
    <row r="1019" spans="1:7" x14ac:dyDescent="0.25">
      <c r="A1019">
        <v>11</v>
      </c>
      <c r="B1019">
        <v>160.61199999999999</v>
      </c>
      <c r="C1019">
        <v>180.76900000000001</v>
      </c>
      <c r="D1019">
        <v>2870.87</v>
      </c>
      <c r="E1019">
        <v>3.8110200000000001</v>
      </c>
      <c r="F1019">
        <v>4379.01</v>
      </c>
      <c r="G1019">
        <v>28.171600000000002</v>
      </c>
    </row>
    <row r="1020" spans="1:7" x14ac:dyDescent="0.25">
      <c r="A1020">
        <v>11</v>
      </c>
      <c r="B1020">
        <v>161.24199999999999</v>
      </c>
      <c r="C1020">
        <v>195.887</v>
      </c>
      <c r="D1020">
        <v>2870.87</v>
      </c>
      <c r="E1020">
        <v>3.7873999999999999</v>
      </c>
      <c r="F1020">
        <v>4137.8</v>
      </c>
      <c r="G1020">
        <v>28.374600000000001</v>
      </c>
    </row>
    <row r="1021" spans="1:7" x14ac:dyDescent="0.25">
      <c r="A1021">
        <v>11</v>
      </c>
      <c r="B1021">
        <v>156.202</v>
      </c>
      <c r="C1021">
        <v>198.40700000000001</v>
      </c>
      <c r="D1021">
        <v>2870.87</v>
      </c>
      <c r="E1021">
        <v>2.29921</v>
      </c>
      <c r="F1021">
        <v>4851.24</v>
      </c>
      <c r="G1021">
        <v>44.868400000000001</v>
      </c>
    </row>
    <row r="1022" spans="1:7" x14ac:dyDescent="0.25">
      <c r="A1022">
        <v>11</v>
      </c>
      <c r="B1022">
        <v>158.09200000000001</v>
      </c>
      <c r="C1022">
        <v>200.92699999999999</v>
      </c>
      <c r="D1022">
        <v>1800</v>
      </c>
      <c r="E1022">
        <v>3.6220500000000002</v>
      </c>
      <c r="F1022">
        <v>3470.63</v>
      </c>
      <c r="G1022">
        <v>82.784800000000004</v>
      </c>
    </row>
    <row r="1023" spans="1:7" x14ac:dyDescent="0.25">
      <c r="A1023">
        <v>11</v>
      </c>
      <c r="B1023">
        <v>165.65100000000001</v>
      </c>
      <c r="C1023">
        <v>201.24199999999999</v>
      </c>
      <c r="D1023">
        <v>1800</v>
      </c>
      <c r="E1023">
        <v>3.4094500000000001</v>
      </c>
      <c r="F1023">
        <v>3332.75</v>
      </c>
      <c r="G1023">
        <v>72.781300000000002</v>
      </c>
    </row>
    <row r="1024" spans="1:7" x14ac:dyDescent="0.25">
      <c r="A1024">
        <v>11</v>
      </c>
      <c r="B1024">
        <v>137.935</v>
      </c>
      <c r="C1024">
        <v>200.92699999999999</v>
      </c>
      <c r="D1024">
        <v>7154.33</v>
      </c>
      <c r="E1024">
        <v>2.0866099999999999</v>
      </c>
      <c r="F1024">
        <v>9392.98</v>
      </c>
      <c r="G1024">
        <v>15.191599999999999</v>
      </c>
    </row>
    <row r="1025" spans="1:7" x14ac:dyDescent="0.25">
      <c r="A1025">
        <v>11</v>
      </c>
      <c r="B1025">
        <v>156.202</v>
      </c>
      <c r="C1025">
        <v>208.48599999999999</v>
      </c>
      <c r="D1025">
        <v>2870.87</v>
      </c>
      <c r="E1025">
        <v>2.0866099999999999</v>
      </c>
      <c r="F1025">
        <v>4884.5200000000004</v>
      </c>
      <c r="G1025">
        <v>25.466100000000001</v>
      </c>
    </row>
    <row r="1026" spans="1:7" x14ac:dyDescent="0.25">
      <c r="A1026">
        <v>11</v>
      </c>
      <c r="B1026">
        <v>165.65100000000001</v>
      </c>
      <c r="C1026">
        <v>199.982</v>
      </c>
      <c r="D1026">
        <v>1933.86</v>
      </c>
      <c r="E1026">
        <v>3.7873999999999999</v>
      </c>
      <c r="F1026">
        <v>3302.26</v>
      </c>
      <c r="G1026">
        <v>57.241799999999998</v>
      </c>
    </row>
    <row r="1027" spans="1:7" x14ac:dyDescent="0.25">
      <c r="A1027">
        <v>11</v>
      </c>
      <c r="B1027">
        <v>163.761</v>
      </c>
      <c r="C1027">
        <v>195.887</v>
      </c>
      <c r="D1027">
        <v>1800</v>
      </c>
      <c r="E1027">
        <v>3.8110200000000001</v>
      </c>
      <c r="F1027">
        <v>3335.21</v>
      </c>
      <c r="G1027">
        <v>78.5655</v>
      </c>
    </row>
    <row r="1028" spans="1:7" x14ac:dyDescent="0.25">
      <c r="A1028">
        <v>11</v>
      </c>
      <c r="B1028">
        <v>165.65100000000001</v>
      </c>
      <c r="C1028">
        <v>200.92699999999999</v>
      </c>
      <c r="D1028">
        <v>2870.87</v>
      </c>
      <c r="E1028">
        <v>3.7165400000000002</v>
      </c>
      <c r="F1028">
        <v>4092.76</v>
      </c>
      <c r="G1028">
        <v>81.865799999999993</v>
      </c>
    </row>
    <row r="1029" spans="1:7" x14ac:dyDescent="0.25">
      <c r="A1029">
        <v>11</v>
      </c>
      <c r="B1029">
        <v>162.50200000000001</v>
      </c>
      <c r="C1029">
        <v>202.50200000000001</v>
      </c>
      <c r="D1029">
        <v>3406.3</v>
      </c>
      <c r="E1029">
        <v>3.8110200000000001</v>
      </c>
      <c r="F1029">
        <v>4505.3100000000004</v>
      </c>
      <c r="G1029">
        <v>79.6066</v>
      </c>
    </row>
    <row r="1030" spans="1:7" x14ac:dyDescent="0.25">
      <c r="A1030">
        <v>11</v>
      </c>
      <c r="B1030">
        <v>165.02099999999999</v>
      </c>
      <c r="C1030">
        <v>204.70599999999999</v>
      </c>
      <c r="D1030">
        <v>2335.4299999999998</v>
      </c>
      <c r="E1030">
        <v>3.4094500000000001</v>
      </c>
      <c r="F1030">
        <v>3913.66</v>
      </c>
      <c r="G1030">
        <v>79.748599999999996</v>
      </c>
    </row>
    <row r="1031" spans="1:7" x14ac:dyDescent="0.25">
      <c r="A1031">
        <v>11</v>
      </c>
      <c r="B1031">
        <v>165.65100000000001</v>
      </c>
      <c r="C1031">
        <v>180.76900000000001</v>
      </c>
      <c r="D1031">
        <v>7288.19</v>
      </c>
      <c r="E1031">
        <v>3.4330699999999998</v>
      </c>
      <c r="F1031">
        <v>6553.09</v>
      </c>
      <c r="G1031">
        <v>82.991500000000002</v>
      </c>
    </row>
    <row r="1032" spans="1:7" x14ac:dyDescent="0.25">
      <c r="A1032">
        <v>11</v>
      </c>
      <c r="B1032">
        <v>165.65100000000001</v>
      </c>
      <c r="C1032">
        <v>195.887</v>
      </c>
      <c r="D1032">
        <v>7154.33</v>
      </c>
      <c r="E1032">
        <v>1.89764</v>
      </c>
      <c r="F1032">
        <v>6942.38</v>
      </c>
      <c r="G1032">
        <v>24.9282</v>
      </c>
    </row>
    <row r="1033" spans="1:7" x14ac:dyDescent="0.25">
      <c r="A1033">
        <v>11</v>
      </c>
      <c r="B1033">
        <v>160.61199999999999</v>
      </c>
      <c r="C1033">
        <v>196.202</v>
      </c>
      <c r="D1033">
        <v>3004.72</v>
      </c>
      <c r="E1033">
        <v>3.8110200000000001</v>
      </c>
      <c r="F1033">
        <v>4285.95</v>
      </c>
      <c r="G1033">
        <v>27.2697</v>
      </c>
    </row>
    <row r="1034" spans="1:7" x14ac:dyDescent="0.25">
      <c r="A1034">
        <v>11</v>
      </c>
      <c r="B1034">
        <v>161.24199999999999</v>
      </c>
      <c r="C1034">
        <v>195.572</v>
      </c>
      <c r="D1034">
        <v>2870.87</v>
      </c>
      <c r="E1034">
        <v>3.0551200000000001</v>
      </c>
      <c r="F1034">
        <v>4319</v>
      </c>
      <c r="G1034">
        <v>26.6569</v>
      </c>
    </row>
    <row r="1035" spans="1:7" x14ac:dyDescent="0.25">
      <c r="A1035">
        <v>11</v>
      </c>
      <c r="B1035">
        <v>161.24199999999999</v>
      </c>
      <c r="C1035">
        <v>200.61199999999999</v>
      </c>
      <c r="D1035">
        <v>6217.32</v>
      </c>
      <c r="E1035">
        <v>3.7873999999999999</v>
      </c>
      <c r="F1035">
        <v>7364.99</v>
      </c>
      <c r="G1035">
        <v>28.374600000000001</v>
      </c>
    </row>
    <row r="1036" spans="1:7" x14ac:dyDescent="0.25">
      <c r="A1036">
        <v>11</v>
      </c>
      <c r="B1036">
        <v>146.124</v>
      </c>
      <c r="C1036">
        <v>196.202</v>
      </c>
      <c r="D1036">
        <v>6083.46</v>
      </c>
      <c r="E1036">
        <v>3.59843</v>
      </c>
      <c r="F1036">
        <v>7279.25</v>
      </c>
      <c r="G1036">
        <v>26.063400000000001</v>
      </c>
    </row>
    <row r="1037" spans="1:7" x14ac:dyDescent="0.25">
      <c r="A1037">
        <v>11</v>
      </c>
      <c r="B1037">
        <v>163.131</v>
      </c>
      <c r="C1037">
        <v>203.131</v>
      </c>
      <c r="D1037">
        <v>3004.72</v>
      </c>
      <c r="E1037">
        <v>2.29921</v>
      </c>
      <c r="F1037">
        <v>4846.6899999999996</v>
      </c>
      <c r="G1037">
        <v>26.097200000000001</v>
      </c>
    </row>
    <row r="1038" spans="1:7" x14ac:dyDescent="0.25">
      <c r="A1038">
        <v>11</v>
      </c>
      <c r="B1038">
        <v>162.50200000000001</v>
      </c>
      <c r="C1038">
        <v>202.18700000000001</v>
      </c>
      <c r="D1038">
        <v>2335.4299999999998</v>
      </c>
      <c r="E1038">
        <v>2.29921</v>
      </c>
      <c r="F1038">
        <v>4373.03</v>
      </c>
      <c r="G1038">
        <v>25.35</v>
      </c>
    </row>
    <row r="1039" spans="1:7" x14ac:dyDescent="0.25">
      <c r="A1039">
        <v>11</v>
      </c>
      <c r="B1039">
        <v>137.935</v>
      </c>
      <c r="C1039">
        <v>202.81700000000001</v>
      </c>
      <c r="D1039">
        <v>2335.4299999999998</v>
      </c>
      <c r="E1039">
        <v>3.0551200000000001</v>
      </c>
      <c r="F1039">
        <v>4298.03</v>
      </c>
      <c r="G1039">
        <v>113.241</v>
      </c>
    </row>
    <row r="1040" spans="1:7" x14ac:dyDescent="0.25">
      <c r="A1040">
        <v>11</v>
      </c>
      <c r="B1040">
        <v>161.24199999999999</v>
      </c>
      <c r="C1040">
        <v>195.887</v>
      </c>
      <c r="D1040">
        <v>1800</v>
      </c>
      <c r="E1040">
        <v>3.7873999999999999</v>
      </c>
      <c r="F1040">
        <v>3412.47</v>
      </c>
      <c r="G1040">
        <v>85.872299999999996</v>
      </c>
    </row>
    <row r="1041" spans="1:7" x14ac:dyDescent="0.25">
      <c r="A1041">
        <v>11</v>
      </c>
      <c r="B1041">
        <v>160.61199999999999</v>
      </c>
      <c r="C1041">
        <v>203.761</v>
      </c>
      <c r="D1041">
        <v>1800</v>
      </c>
      <c r="E1041">
        <v>3.7873999999999999</v>
      </c>
      <c r="F1041">
        <v>3314.72</v>
      </c>
      <c r="G1041">
        <v>80.921400000000006</v>
      </c>
    </row>
    <row r="1042" spans="1:7" x14ac:dyDescent="0.25">
      <c r="A1042">
        <v>11</v>
      </c>
      <c r="B1042">
        <v>163.131</v>
      </c>
      <c r="C1042">
        <v>208.80099999999999</v>
      </c>
      <c r="D1042">
        <v>1800</v>
      </c>
      <c r="E1042">
        <v>3.59843</v>
      </c>
      <c r="F1042">
        <v>3298.51</v>
      </c>
      <c r="G1042">
        <v>76.511499999999998</v>
      </c>
    </row>
    <row r="1043" spans="1:7" x14ac:dyDescent="0.25">
      <c r="A1043">
        <v>11</v>
      </c>
      <c r="B1043">
        <v>174.47</v>
      </c>
      <c r="C1043">
        <v>203.131</v>
      </c>
      <c r="D1043">
        <v>2335.4299999999998</v>
      </c>
      <c r="E1043">
        <v>3.8110200000000001</v>
      </c>
      <c r="F1043">
        <v>3357.55</v>
      </c>
      <c r="G1043">
        <v>107.11</v>
      </c>
    </row>
    <row r="1044" spans="1:7" x14ac:dyDescent="0.25">
      <c r="A1044">
        <v>11</v>
      </c>
      <c r="B1044">
        <v>155.572</v>
      </c>
      <c r="C1044">
        <v>201.24199999999999</v>
      </c>
      <c r="D1044">
        <v>6083.46</v>
      </c>
      <c r="E1044">
        <v>1.92126</v>
      </c>
      <c r="F1044">
        <v>8168.92</v>
      </c>
      <c r="G1044">
        <v>37.1051</v>
      </c>
    </row>
    <row r="1045" spans="1:7" x14ac:dyDescent="0.25">
      <c r="A1045">
        <v>11</v>
      </c>
      <c r="B1045">
        <v>158.09200000000001</v>
      </c>
      <c r="C1045">
        <v>203.761</v>
      </c>
      <c r="D1045">
        <v>6083.46</v>
      </c>
      <c r="E1045">
        <v>1.92126</v>
      </c>
      <c r="F1045">
        <v>8178.21</v>
      </c>
      <c r="G1045">
        <v>34.327199999999998</v>
      </c>
    </row>
    <row r="1046" spans="1:7" x14ac:dyDescent="0.25">
      <c r="A1046">
        <v>11</v>
      </c>
      <c r="B1046">
        <v>160.61199999999999</v>
      </c>
      <c r="C1046">
        <v>200.92699999999999</v>
      </c>
      <c r="D1046">
        <v>6083.46</v>
      </c>
      <c r="E1046">
        <v>2.4645700000000001</v>
      </c>
      <c r="F1046">
        <v>7694.1</v>
      </c>
      <c r="G1046">
        <v>59.554699999999997</v>
      </c>
    </row>
    <row r="1047" spans="1:7" x14ac:dyDescent="0.25">
      <c r="A1047">
        <v>11</v>
      </c>
      <c r="B1047">
        <v>165.65100000000001</v>
      </c>
      <c r="C1047">
        <v>197.14699999999999</v>
      </c>
      <c r="D1047">
        <v>2870.87</v>
      </c>
      <c r="E1047">
        <v>2.2755899999999998</v>
      </c>
      <c r="F1047">
        <v>4555.57</v>
      </c>
      <c r="G1047">
        <v>88.819500000000005</v>
      </c>
    </row>
    <row r="1048" spans="1:7" x14ac:dyDescent="0.25">
      <c r="A1048">
        <v>11</v>
      </c>
      <c r="B1048">
        <v>143.60400000000001</v>
      </c>
      <c r="C1048">
        <v>198.72200000000001</v>
      </c>
      <c r="D1048">
        <v>6083.46</v>
      </c>
      <c r="E1048">
        <v>3.59843</v>
      </c>
      <c r="F1048">
        <v>7437.12</v>
      </c>
      <c r="G1048">
        <v>22.0457</v>
      </c>
    </row>
    <row r="1049" spans="1:7" x14ac:dyDescent="0.25">
      <c r="A1049">
        <v>11</v>
      </c>
      <c r="B1049">
        <v>138.565</v>
      </c>
      <c r="C1049">
        <v>209.11600000000001</v>
      </c>
      <c r="D1049">
        <v>2335.4299999999998</v>
      </c>
      <c r="E1049">
        <v>2.6771699999999998</v>
      </c>
      <c r="F1049">
        <v>4387.7</v>
      </c>
      <c r="G1049">
        <v>103.65</v>
      </c>
    </row>
    <row r="1050" spans="1:7" x14ac:dyDescent="0.25">
      <c r="A1050">
        <v>11</v>
      </c>
      <c r="B1050">
        <v>142.97399999999999</v>
      </c>
      <c r="C1050">
        <v>198.40700000000001</v>
      </c>
      <c r="D1050">
        <v>6083.46</v>
      </c>
      <c r="E1050">
        <v>2.6771699999999998</v>
      </c>
      <c r="F1050">
        <v>7713.32</v>
      </c>
      <c r="G1050">
        <v>21.267700000000001</v>
      </c>
    </row>
    <row r="1051" spans="1:7" x14ac:dyDescent="0.25">
      <c r="A1051">
        <v>11</v>
      </c>
      <c r="B1051">
        <v>166.28100000000001</v>
      </c>
      <c r="C1051">
        <v>195.572</v>
      </c>
      <c r="D1051">
        <v>7288.19</v>
      </c>
      <c r="E1051">
        <v>1.02362</v>
      </c>
      <c r="F1051">
        <v>7152.81</v>
      </c>
      <c r="G1051">
        <v>19.911000000000001</v>
      </c>
    </row>
    <row r="1052" spans="1:7" x14ac:dyDescent="0.25">
      <c r="A1052">
        <v>11</v>
      </c>
      <c r="B1052">
        <v>140.45400000000001</v>
      </c>
      <c r="C1052">
        <v>198.40700000000001</v>
      </c>
      <c r="D1052">
        <v>6083.46</v>
      </c>
      <c r="E1052">
        <v>3.8110200000000001</v>
      </c>
      <c r="F1052">
        <v>7525.89</v>
      </c>
      <c r="G1052">
        <v>15.047800000000001</v>
      </c>
    </row>
    <row r="1053" spans="1:7" x14ac:dyDescent="0.25">
      <c r="A1053">
        <v>11</v>
      </c>
      <c r="B1053">
        <v>162.50200000000001</v>
      </c>
      <c r="C1053">
        <v>202.18700000000001</v>
      </c>
      <c r="D1053">
        <v>2335.4299999999998</v>
      </c>
      <c r="E1053">
        <v>2.29921</v>
      </c>
      <c r="F1053">
        <v>4373.03</v>
      </c>
      <c r="G1053">
        <v>25.35</v>
      </c>
    </row>
    <row r="1054" spans="1:7" x14ac:dyDescent="0.25">
      <c r="A1054">
        <v>11</v>
      </c>
      <c r="B1054">
        <v>137.935</v>
      </c>
      <c r="C1054">
        <v>203.131</v>
      </c>
      <c r="D1054">
        <v>6083.46</v>
      </c>
      <c r="E1054">
        <v>2.6771699999999998</v>
      </c>
      <c r="F1054">
        <v>7860.24</v>
      </c>
      <c r="G1054">
        <v>13.7896</v>
      </c>
    </row>
    <row r="1055" spans="1:7" x14ac:dyDescent="0.25">
      <c r="A1055">
        <v>11</v>
      </c>
      <c r="B1055">
        <v>166.28100000000001</v>
      </c>
      <c r="C1055">
        <v>201.87200000000001</v>
      </c>
      <c r="D1055">
        <v>1800</v>
      </c>
      <c r="E1055">
        <v>3.8110200000000001</v>
      </c>
      <c r="F1055">
        <v>3182.38</v>
      </c>
      <c r="G1055">
        <v>74.304599999999994</v>
      </c>
    </row>
    <row r="1056" spans="1:7" x14ac:dyDescent="0.25">
      <c r="A1056">
        <v>11</v>
      </c>
      <c r="B1056">
        <v>170.691</v>
      </c>
      <c r="C1056">
        <v>200.92699999999999</v>
      </c>
      <c r="D1056">
        <v>1800</v>
      </c>
      <c r="E1056">
        <v>3.7873999999999999</v>
      </c>
      <c r="F1056">
        <v>3157.85</v>
      </c>
      <c r="G1056">
        <v>100.657</v>
      </c>
    </row>
    <row r="1057" spans="1:7" x14ac:dyDescent="0.25">
      <c r="A1057">
        <v>11</v>
      </c>
      <c r="B1057">
        <v>165.65100000000001</v>
      </c>
      <c r="C1057">
        <v>199.982</v>
      </c>
      <c r="D1057">
        <v>1933.86</v>
      </c>
      <c r="E1057">
        <v>3.7873999999999999</v>
      </c>
      <c r="F1057">
        <v>3302.26</v>
      </c>
      <c r="G1057">
        <v>57.241799999999998</v>
      </c>
    </row>
    <row r="1058" spans="1:7" x14ac:dyDescent="0.25">
      <c r="A1058">
        <v>11</v>
      </c>
      <c r="B1058">
        <v>173.21</v>
      </c>
      <c r="C1058">
        <v>195.887</v>
      </c>
      <c r="D1058">
        <v>1800</v>
      </c>
      <c r="E1058">
        <v>3.8110200000000001</v>
      </c>
      <c r="F1058">
        <v>3143.16</v>
      </c>
      <c r="G1058">
        <v>106.97</v>
      </c>
    </row>
    <row r="1059" spans="1:7" x14ac:dyDescent="0.25">
      <c r="A1059">
        <v>11</v>
      </c>
      <c r="B1059">
        <v>161.24199999999999</v>
      </c>
      <c r="C1059">
        <v>195.572</v>
      </c>
      <c r="D1059">
        <v>2870.87</v>
      </c>
      <c r="E1059">
        <v>3.0551200000000001</v>
      </c>
      <c r="F1059">
        <v>4319</v>
      </c>
      <c r="G1059">
        <v>26.6569</v>
      </c>
    </row>
    <row r="1060" spans="1:7" x14ac:dyDescent="0.25">
      <c r="A1060">
        <v>11</v>
      </c>
      <c r="B1060">
        <v>160.61199999999999</v>
      </c>
      <c r="C1060">
        <v>213.84</v>
      </c>
      <c r="D1060">
        <v>2335.4299999999998</v>
      </c>
      <c r="E1060">
        <v>1.3307100000000001</v>
      </c>
      <c r="F1060">
        <v>5313.69</v>
      </c>
      <c r="G1060">
        <v>25.168900000000001</v>
      </c>
    </row>
    <row r="1061" spans="1:7" x14ac:dyDescent="0.25">
      <c r="A1061">
        <v>11</v>
      </c>
      <c r="B1061">
        <v>165.65100000000001</v>
      </c>
      <c r="C1061">
        <v>199.982</v>
      </c>
      <c r="D1061">
        <v>1933.86</v>
      </c>
      <c r="E1061">
        <v>3.7873999999999999</v>
      </c>
      <c r="F1061">
        <v>3302.26</v>
      </c>
      <c r="G1061">
        <v>57.241799999999998</v>
      </c>
    </row>
    <row r="1062" spans="1:7" x14ac:dyDescent="0.25">
      <c r="A1062">
        <v>11</v>
      </c>
      <c r="B1062">
        <v>160.61199999999999</v>
      </c>
      <c r="C1062">
        <v>200.297</v>
      </c>
      <c r="D1062">
        <v>2335.4299999999998</v>
      </c>
      <c r="E1062">
        <v>3.0551200000000001</v>
      </c>
      <c r="F1062">
        <v>3922.51</v>
      </c>
      <c r="G1062">
        <v>29.449200000000001</v>
      </c>
    </row>
    <row r="1063" spans="1:7" x14ac:dyDescent="0.25">
      <c r="A1063">
        <v>11</v>
      </c>
      <c r="B1063">
        <v>165.65100000000001</v>
      </c>
      <c r="C1063">
        <v>199.982</v>
      </c>
      <c r="D1063">
        <v>1933.86</v>
      </c>
      <c r="E1063">
        <v>3.7873999999999999</v>
      </c>
      <c r="F1063">
        <v>3302.26</v>
      </c>
      <c r="G1063">
        <v>57.241799999999998</v>
      </c>
    </row>
    <row r="1064" spans="1:7" x14ac:dyDescent="0.25">
      <c r="A1064">
        <v>11</v>
      </c>
      <c r="B1064">
        <v>145.494</v>
      </c>
      <c r="C1064">
        <v>195.887</v>
      </c>
      <c r="D1064">
        <v>5012.6000000000004</v>
      </c>
      <c r="E1064">
        <v>3.3149600000000001</v>
      </c>
      <c r="F1064">
        <v>6539.73</v>
      </c>
      <c r="G1064">
        <v>21.848099999999999</v>
      </c>
    </row>
    <row r="1065" spans="1:7" x14ac:dyDescent="0.25">
      <c r="A1065">
        <v>11</v>
      </c>
      <c r="B1065">
        <v>160.61199999999999</v>
      </c>
      <c r="C1065">
        <v>200.92699999999999</v>
      </c>
      <c r="D1065">
        <v>3004.72</v>
      </c>
      <c r="E1065">
        <v>3.8110200000000001</v>
      </c>
      <c r="F1065">
        <v>4216.18</v>
      </c>
      <c r="G1065">
        <v>27.2697</v>
      </c>
    </row>
    <row r="1066" spans="1:7" x14ac:dyDescent="0.25">
      <c r="A1066">
        <v>11</v>
      </c>
      <c r="B1066">
        <v>166.28100000000001</v>
      </c>
      <c r="C1066">
        <v>201.87200000000001</v>
      </c>
      <c r="D1066">
        <v>1800</v>
      </c>
      <c r="E1066">
        <v>3.8110200000000001</v>
      </c>
      <c r="F1066">
        <v>3182.38</v>
      </c>
      <c r="G1066">
        <v>74.304599999999994</v>
      </c>
    </row>
    <row r="1067" spans="1:7" x14ac:dyDescent="0.25">
      <c r="A1067">
        <v>11</v>
      </c>
      <c r="B1067">
        <v>165.65100000000001</v>
      </c>
      <c r="C1067">
        <v>199.982</v>
      </c>
      <c r="D1067">
        <v>1933.86</v>
      </c>
      <c r="E1067">
        <v>3.7873999999999999</v>
      </c>
      <c r="F1067">
        <v>3302.26</v>
      </c>
      <c r="G1067">
        <v>57.241799999999998</v>
      </c>
    </row>
    <row r="1068" spans="1:7" x14ac:dyDescent="0.25">
      <c r="A1068">
        <v>11</v>
      </c>
      <c r="B1068">
        <v>161.24199999999999</v>
      </c>
      <c r="C1068">
        <v>204.70599999999999</v>
      </c>
      <c r="D1068">
        <v>2335.4299999999998</v>
      </c>
      <c r="E1068">
        <v>3.7165400000000002</v>
      </c>
      <c r="F1068">
        <v>3775</v>
      </c>
      <c r="G1068">
        <v>49.923200000000001</v>
      </c>
    </row>
    <row r="1069" spans="1:7" x14ac:dyDescent="0.25">
      <c r="A1069">
        <v>11</v>
      </c>
      <c r="B1069">
        <v>137.935</v>
      </c>
      <c r="C1069">
        <v>198.09200000000001</v>
      </c>
      <c r="D1069">
        <v>6083.46</v>
      </c>
      <c r="E1069">
        <v>2.1102400000000001</v>
      </c>
      <c r="F1069">
        <v>8238.3799999999992</v>
      </c>
      <c r="G1069">
        <v>11.8962</v>
      </c>
    </row>
    <row r="1070" spans="1:7" x14ac:dyDescent="0.25">
      <c r="A1070">
        <v>11</v>
      </c>
      <c r="B1070">
        <v>166.28100000000001</v>
      </c>
      <c r="C1070">
        <v>201.87200000000001</v>
      </c>
      <c r="D1070">
        <v>1800</v>
      </c>
      <c r="E1070">
        <v>3.8110200000000001</v>
      </c>
      <c r="F1070">
        <v>3182.38</v>
      </c>
      <c r="G1070">
        <v>74.304599999999994</v>
      </c>
    </row>
    <row r="1071" spans="1:7" x14ac:dyDescent="0.25">
      <c r="A1071">
        <v>11</v>
      </c>
      <c r="B1071">
        <v>163.131</v>
      </c>
      <c r="C1071">
        <v>197.46199999999999</v>
      </c>
      <c r="D1071">
        <v>3004.72</v>
      </c>
      <c r="E1071">
        <v>2.20472</v>
      </c>
      <c r="F1071">
        <v>4871.2700000000004</v>
      </c>
      <c r="G1071">
        <v>25.2303</v>
      </c>
    </row>
    <row r="1072" spans="1:7" x14ac:dyDescent="0.25">
      <c r="A1072">
        <v>11</v>
      </c>
      <c r="B1072">
        <v>160.61199999999999</v>
      </c>
      <c r="C1072">
        <v>196.202</v>
      </c>
      <c r="D1072">
        <v>2870.87</v>
      </c>
      <c r="E1072">
        <v>4</v>
      </c>
      <c r="F1072">
        <v>4101.1499999999996</v>
      </c>
      <c r="G1072">
        <v>27.514500000000002</v>
      </c>
    </row>
    <row r="1073" spans="1:7" x14ac:dyDescent="0.25">
      <c r="A1073">
        <v>11</v>
      </c>
      <c r="B1073">
        <v>136.04499999999999</v>
      </c>
      <c r="C1073">
        <v>195.572</v>
      </c>
      <c r="D1073">
        <v>6083.46</v>
      </c>
      <c r="E1073">
        <v>1.1653500000000001</v>
      </c>
      <c r="F1073">
        <v>9446.7000000000007</v>
      </c>
      <c r="G1073">
        <v>11.3193</v>
      </c>
    </row>
    <row r="1074" spans="1:7" x14ac:dyDescent="0.25">
      <c r="A1074">
        <v>11</v>
      </c>
      <c r="B1074">
        <v>137.935</v>
      </c>
      <c r="C1074">
        <v>198.09200000000001</v>
      </c>
      <c r="D1074">
        <v>6083.46</v>
      </c>
      <c r="E1074">
        <v>2.1102400000000001</v>
      </c>
      <c r="F1074">
        <v>8238.3799999999992</v>
      </c>
      <c r="G1074">
        <v>11.8962</v>
      </c>
    </row>
    <row r="1075" spans="1:7" x14ac:dyDescent="0.25">
      <c r="A1075">
        <v>11</v>
      </c>
      <c r="B1075">
        <v>156.202</v>
      </c>
      <c r="C1075">
        <v>196.83199999999999</v>
      </c>
      <c r="D1075">
        <v>3004.72</v>
      </c>
      <c r="E1075">
        <v>1.54331</v>
      </c>
      <c r="F1075">
        <v>5700.32</v>
      </c>
      <c r="G1075">
        <v>22.826499999999999</v>
      </c>
    </row>
    <row r="1076" spans="1:7" x14ac:dyDescent="0.25">
      <c r="A1076">
        <v>11</v>
      </c>
      <c r="B1076">
        <v>137.935</v>
      </c>
      <c r="C1076">
        <v>198.09200000000001</v>
      </c>
      <c r="D1076">
        <v>6083.46</v>
      </c>
      <c r="E1076">
        <v>2.1102400000000001</v>
      </c>
      <c r="F1076">
        <v>8238.3799999999992</v>
      </c>
      <c r="G1076">
        <v>11.8962</v>
      </c>
    </row>
    <row r="1077" spans="1:7" x14ac:dyDescent="0.25">
      <c r="A1077">
        <v>11</v>
      </c>
      <c r="B1077">
        <v>161.24199999999999</v>
      </c>
      <c r="C1077">
        <v>204.70599999999999</v>
      </c>
      <c r="D1077">
        <v>2335.4299999999998</v>
      </c>
      <c r="E1077">
        <v>3.7165400000000002</v>
      </c>
      <c r="F1077">
        <v>3775</v>
      </c>
      <c r="G1077">
        <v>49.923200000000001</v>
      </c>
    </row>
    <row r="1078" spans="1:7" x14ac:dyDescent="0.25">
      <c r="A1078">
        <v>11</v>
      </c>
      <c r="B1078">
        <v>156.202</v>
      </c>
      <c r="C1078">
        <v>195.572</v>
      </c>
      <c r="D1078">
        <v>3004.72</v>
      </c>
      <c r="E1078">
        <v>1.6377999999999999</v>
      </c>
      <c r="F1078">
        <v>5544</v>
      </c>
      <c r="G1078">
        <v>23.644500000000001</v>
      </c>
    </row>
    <row r="1079" spans="1:7" x14ac:dyDescent="0.25">
      <c r="A1079">
        <v>11</v>
      </c>
      <c r="B1079">
        <v>168.80099999999999</v>
      </c>
      <c r="C1079">
        <v>195.572</v>
      </c>
      <c r="D1079">
        <v>3406.3</v>
      </c>
      <c r="E1079">
        <v>1.6141700000000001</v>
      </c>
      <c r="F1079">
        <v>5485.25</v>
      </c>
      <c r="G1079">
        <v>23.9512</v>
      </c>
    </row>
    <row r="1080" spans="1:7" x14ac:dyDescent="0.25">
      <c r="A1080">
        <v>11</v>
      </c>
      <c r="B1080">
        <v>141.084</v>
      </c>
      <c r="C1080">
        <v>195.572</v>
      </c>
      <c r="D1080">
        <v>6083.46</v>
      </c>
      <c r="E1080">
        <v>3.59843</v>
      </c>
      <c r="F1080">
        <v>7435.91</v>
      </c>
      <c r="G1080">
        <v>16.470400000000001</v>
      </c>
    </row>
    <row r="1081" spans="1:7" x14ac:dyDescent="0.25">
      <c r="A1081">
        <v>12</v>
      </c>
      <c r="B1081">
        <v>137.935</v>
      </c>
      <c r="C1081">
        <v>203.131</v>
      </c>
      <c r="D1081">
        <v>6083.46</v>
      </c>
      <c r="E1081">
        <v>1.92126</v>
      </c>
      <c r="F1081">
        <v>8426.6299999999992</v>
      </c>
      <c r="G1081">
        <v>12.315099999999999</v>
      </c>
    </row>
    <row r="1082" spans="1:7" x14ac:dyDescent="0.25">
      <c r="A1082">
        <v>12</v>
      </c>
      <c r="B1082">
        <v>140.45400000000001</v>
      </c>
      <c r="C1082">
        <v>198.40700000000001</v>
      </c>
      <c r="D1082">
        <v>6083.46</v>
      </c>
      <c r="E1082">
        <v>3.8110200000000001</v>
      </c>
      <c r="F1082">
        <v>7525.89</v>
      </c>
      <c r="G1082">
        <v>15.047800000000001</v>
      </c>
    </row>
    <row r="1083" spans="1:7" x14ac:dyDescent="0.25">
      <c r="A1083">
        <v>12</v>
      </c>
      <c r="B1083">
        <v>165.65100000000001</v>
      </c>
      <c r="C1083">
        <v>199.982</v>
      </c>
      <c r="D1083">
        <v>1933.86</v>
      </c>
      <c r="E1083">
        <v>3.7873999999999999</v>
      </c>
      <c r="F1083">
        <v>3302.26</v>
      </c>
      <c r="G1083">
        <v>57.241799999999998</v>
      </c>
    </row>
    <row r="1084" spans="1:7" x14ac:dyDescent="0.25">
      <c r="A1084">
        <v>12</v>
      </c>
      <c r="B1084">
        <v>161.24199999999999</v>
      </c>
      <c r="C1084">
        <v>204.70599999999999</v>
      </c>
      <c r="D1084">
        <v>2335.4299999999998</v>
      </c>
      <c r="E1084">
        <v>3.7165400000000002</v>
      </c>
      <c r="F1084">
        <v>3775</v>
      </c>
      <c r="G1084">
        <v>49.923200000000001</v>
      </c>
    </row>
    <row r="1085" spans="1:7" x14ac:dyDescent="0.25">
      <c r="A1085">
        <v>12</v>
      </c>
      <c r="B1085">
        <v>145.494</v>
      </c>
      <c r="C1085">
        <v>204.39099999999999</v>
      </c>
      <c r="D1085">
        <v>6217.32</v>
      </c>
      <c r="E1085">
        <v>1.92126</v>
      </c>
      <c r="F1085">
        <v>8247.82</v>
      </c>
      <c r="G1085">
        <v>26.659199999999998</v>
      </c>
    </row>
    <row r="1086" spans="1:7" x14ac:dyDescent="0.25">
      <c r="A1086">
        <v>12</v>
      </c>
      <c r="B1086">
        <v>165.65100000000001</v>
      </c>
      <c r="C1086">
        <v>195.887</v>
      </c>
      <c r="D1086">
        <v>7288.19</v>
      </c>
      <c r="E1086">
        <v>1.89764</v>
      </c>
      <c r="F1086">
        <v>6942.38</v>
      </c>
      <c r="G1086">
        <v>24.9282</v>
      </c>
    </row>
    <row r="1087" spans="1:7" x14ac:dyDescent="0.25">
      <c r="A1087">
        <v>12</v>
      </c>
      <c r="B1087">
        <v>165.65100000000001</v>
      </c>
      <c r="C1087">
        <v>199.982</v>
      </c>
      <c r="D1087">
        <v>1933.86</v>
      </c>
      <c r="E1087">
        <v>3.7873999999999999</v>
      </c>
      <c r="F1087">
        <v>3302.26</v>
      </c>
      <c r="G1087">
        <v>57.241799999999998</v>
      </c>
    </row>
    <row r="1088" spans="1:7" x14ac:dyDescent="0.25">
      <c r="A1088">
        <v>12</v>
      </c>
      <c r="B1088">
        <v>160.61199999999999</v>
      </c>
      <c r="C1088">
        <v>198.09200000000001</v>
      </c>
      <c r="D1088">
        <v>6083.46</v>
      </c>
      <c r="E1088">
        <v>2.29921</v>
      </c>
      <c r="F1088">
        <v>7772.73</v>
      </c>
      <c r="G1088">
        <v>60.511699999999998</v>
      </c>
    </row>
    <row r="1089" spans="1:7" x14ac:dyDescent="0.25">
      <c r="A1089">
        <v>12</v>
      </c>
      <c r="B1089">
        <v>160.61199999999999</v>
      </c>
      <c r="C1089">
        <v>197.77699999999999</v>
      </c>
      <c r="D1089">
        <v>2335.4299999999998</v>
      </c>
      <c r="E1089">
        <v>1.92126</v>
      </c>
      <c r="F1089">
        <v>4606.6499999999996</v>
      </c>
      <c r="G1089">
        <v>54.397300000000001</v>
      </c>
    </row>
    <row r="1090" spans="1:7" x14ac:dyDescent="0.25">
      <c r="A1090">
        <v>12</v>
      </c>
      <c r="B1090">
        <v>162.50200000000001</v>
      </c>
      <c r="C1090">
        <v>202.18700000000001</v>
      </c>
      <c r="D1090">
        <v>6618.9</v>
      </c>
      <c r="E1090">
        <v>2.29921</v>
      </c>
      <c r="F1090">
        <v>8241.77</v>
      </c>
      <c r="G1090">
        <v>25.2578</v>
      </c>
    </row>
    <row r="1091" spans="1:7" x14ac:dyDescent="0.25">
      <c r="A1091">
        <v>12</v>
      </c>
      <c r="B1091">
        <v>155.572</v>
      </c>
      <c r="C1091">
        <v>199.667</v>
      </c>
      <c r="D1091">
        <v>2335.4299999999998</v>
      </c>
      <c r="E1091">
        <v>3.6929099999999999</v>
      </c>
      <c r="F1091">
        <v>3926.44</v>
      </c>
      <c r="G1091">
        <v>62.523499999999999</v>
      </c>
    </row>
    <row r="1092" spans="1:7" x14ac:dyDescent="0.25">
      <c r="A1092">
        <v>12</v>
      </c>
      <c r="B1092">
        <v>156.202</v>
      </c>
      <c r="C1092">
        <v>205.96600000000001</v>
      </c>
      <c r="D1092">
        <v>2870.87</v>
      </c>
      <c r="E1092">
        <v>2.4645700000000001</v>
      </c>
      <c r="F1092">
        <v>4775.54</v>
      </c>
      <c r="G1092">
        <v>43.8187</v>
      </c>
    </row>
    <row r="1093" spans="1:7" x14ac:dyDescent="0.25">
      <c r="A1093">
        <v>12</v>
      </c>
      <c r="B1093">
        <v>170.691</v>
      </c>
      <c r="C1093">
        <v>197.77699999999999</v>
      </c>
      <c r="D1093">
        <v>2469.29</v>
      </c>
      <c r="E1093">
        <v>3.8110200000000001</v>
      </c>
      <c r="F1093">
        <v>3577.66</v>
      </c>
      <c r="G1093">
        <v>104.624</v>
      </c>
    </row>
    <row r="1094" spans="1:7" x14ac:dyDescent="0.25">
      <c r="A1094">
        <v>12</v>
      </c>
      <c r="B1094">
        <v>162.50200000000001</v>
      </c>
      <c r="C1094">
        <v>195.887</v>
      </c>
      <c r="D1094">
        <v>2870.87</v>
      </c>
      <c r="E1094">
        <v>3.7873999999999999</v>
      </c>
      <c r="F1094">
        <v>4070.69</v>
      </c>
      <c r="G1094">
        <v>79.637500000000003</v>
      </c>
    </row>
    <row r="1095" spans="1:7" x14ac:dyDescent="0.25">
      <c r="A1095">
        <v>12</v>
      </c>
      <c r="B1095">
        <v>163.761</v>
      </c>
      <c r="C1095">
        <v>201.24199999999999</v>
      </c>
      <c r="D1095">
        <v>6618.9</v>
      </c>
      <c r="E1095">
        <v>3.4094500000000001</v>
      </c>
      <c r="F1095">
        <v>7740.48</v>
      </c>
      <c r="G1095">
        <v>82.258700000000005</v>
      </c>
    </row>
    <row r="1096" spans="1:7" x14ac:dyDescent="0.25">
      <c r="A1096">
        <v>12</v>
      </c>
      <c r="B1096">
        <v>140.45400000000001</v>
      </c>
      <c r="C1096">
        <v>198.40700000000001</v>
      </c>
      <c r="D1096">
        <v>7154.33</v>
      </c>
      <c r="E1096">
        <v>3.8110200000000001</v>
      </c>
      <c r="F1096">
        <v>8728.98</v>
      </c>
      <c r="G1096">
        <v>18.436</v>
      </c>
    </row>
    <row r="1097" spans="1:7" x14ac:dyDescent="0.25">
      <c r="A1097">
        <v>12</v>
      </c>
      <c r="B1097">
        <v>140.45400000000001</v>
      </c>
      <c r="C1097">
        <v>202.81700000000001</v>
      </c>
      <c r="D1097">
        <v>7288.19</v>
      </c>
      <c r="E1097">
        <v>2.29921</v>
      </c>
      <c r="F1097">
        <v>9410.93</v>
      </c>
      <c r="G1097">
        <v>18.9481</v>
      </c>
    </row>
    <row r="1098" spans="1:7" x14ac:dyDescent="0.25">
      <c r="A1098">
        <v>12</v>
      </c>
      <c r="B1098">
        <v>156.202</v>
      </c>
      <c r="C1098">
        <v>200.61199999999999</v>
      </c>
      <c r="D1098">
        <v>1933.86</v>
      </c>
      <c r="E1098">
        <v>3.0551200000000001</v>
      </c>
      <c r="F1098">
        <v>3734.07</v>
      </c>
      <c r="G1098">
        <v>79.698599999999999</v>
      </c>
    </row>
    <row r="1099" spans="1:7" x14ac:dyDescent="0.25">
      <c r="A1099">
        <v>12</v>
      </c>
      <c r="B1099">
        <v>141.084</v>
      </c>
      <c r="C1099">
        <v>198.40700000000001</v>
      </c>
      <c r="D1099">
        <v>2870.87</v>
      </c>
      <c r="E1099">
        <v>3.9763799999999998</v>
      </c>
      <c r="F1099">
        <v>4529.7</v>
      </c>
      <c r="G1099">
        <v>101.25700000000001</v>
      </c>
    </row>
    <row r="1100" spans="1:7" x14ac:dyDescent="0.25">
      <c r="A1100">
        <v>12</v>
      </c>
      <c r="B1100">
        <v>161.24199999999999</v>
      </c>
      <c r="C1100">
        <v>208.80099999999999</v>
      </c>
      <c r="D1100">
        <v>2870.87</v>
      </c>
      <c r="E1100">
        <v>2.20472</v>
      </c>
      <c r="F1100">
        <v>4723.1400000000003</v>
      </c>
      <c r="G1100">
        <v>61.130600000000001</v>
      </c>
    </row>
    <row r="1101" spans="1:7" x14ac:dyDescent="0.25">
      <c r="A1101">
        <v>12</v>
      </c>
      <c r="B1101">
        <v>156.202</v>
      </c>
      <c r="C1101">
        <v>198.40700000000001</v>
      </c>
      <c r="D1101">
        <v>2870.87</v>
      </c>
      <c r="E1101">
        <v>3.59843</v>
      </c>
      <c r="F1101">
        <v>4488.6499999999996</v>
      </c>
      <c r="G1101">
        <v>34.958199999999998</v>
      </c>
    </row>
    <row r="1102" spans="1:7" x14ac:dyDescent="0.25">
      <c r="A1102">
        <v>12</v>
      </c>
      <c r="B1102">
        <v>160.61199999999999</v>
      </c>
      <c r="C1102">
        <v>200.92699999999999</v>
      </c>
      <c r="D1102">
        <v>8225.2000000000007</v>
      </c>
      <c r="E1102">
        <v>3.8110200000000001</v>
      </c>
      <c r="F1102">
        <v>9306.07</v>
      </c>
      <c r="G1102">
        <v>27.118600000000001</v>
      </c>
    </row>
    <row r="1103" spans="1:7" x14ac:dyDescent="0.25">
      <c r="A1103">
        <v>12</v>
      </c>
      <c r="B1103">
        <v>161.87200000000001</v>
      </c>
      <c r="C1103">
        <v>205.02099999999999</v>
      </c>
      <c r="D1103">
        <v>1933.86</v>
      </c>
      <c r="E1103">
        <v>2.2755899999999998</v>
      </c>
      <c r="F1103">
        <v>3997.17</v>
      </c>
      <c r="G1103">
        <v>65.9709</v>
      </c>
    </row>
    <row r="1104" spans="1:7" x14ac:dyDescent="0.25">
      <c r="A1104">
        <v>12</v>
      </c>
      <c r="B1104">
        <v>160.61199999999999</v>
      </c>
      <c r="C1104">
        <v>211.32</v>
      </c>
      <c r="D1104">
        <v>3406.3</v>
      </c>
      <c r="E1104">
        <v>3.4330699999999998</v>
      </c>
      <c r="F1104">
        <v>4688.54</v>
      </c>
      <c r="G1104">
        <v>26.6066</v>
      </c>
    </row>
    <row r="1105" spans="1:7" x14ac:dyDescent="0.25">
      <c r="A1105">
        <v>12</v>
      </c>
      <c r="B1105">
        <v>166.28100000000001</v>
      </c>
      <c r="C1105">
        <v>201.87200000000001</v>
      </c>
      <c r="D1105">
        <v>1800</v>
      </c>
      <c r="E1105">
        <v>3.8110200000000001</v>
      </c>
      <c r="F1105">
        <v>3182.38</v>
      </c>
      <c r="G1105">
        <v>74.304599999999994</v>
      </c>
    </row>
    <row r="1106" spans="1:7" x14ac:dyDescent="0.25">
      <c r="A1106">
        <v>12</v>
      </c>
      <c r="B1106">
        <v>143.60400000000001</v>
      </c>
      <c r="C1106">
        <v>195.887</v>
      </c>
      <c r="D1106">
        <v>6083.46</v>
      </c>
      <c r="E1106">
        <v>3.59843</v>
      </c>
      <c r="F1106">
        <v>7439.64</v>
      </c>
      <c r="G1106">
        <v>22.0457</v>
      </c>
    </row>
    <row r="1107" spans="1:7" x14ac:dyDescent="0.25">
      <c r="A1107">
        <v>12</v>
      </c>
      <c r="B1107">
        <v>141.084</v>
      </c>
      <c r="C1107">
        <v>203.446</v>
      </c>
      <c r="D1107">
        <v>3406.3</v>
      </c>
      <c r="E1107">
        <v>1.1653500000000001</v>
      </c>
      <c r="F1107">
        <v>6917.16</v>
      </c>
      <c r="G1107">
        <v>41.411900000000003</v>
      </c>
    </row>
    <row r="1108" spans="1:7" x14ac:dyDescent="0.25">
      <c r="A1108">
        <v>12</v>
      </c>
      <c r="B1108">
        <v>173.84</v>
      </c>
      <c r="C1108">
        <v>208.48599999999999</v>
      </c>
      <c r="D1108">
        <v>2870.87</v>
      </c>
      <c r="E1108">
        <v>3.4094500000000001</v>
      </c>
      <c r="F1108">
        <v>3538.47</v>
      </c>
      <c r="G1108">
        <v>109.072</v>
      </c>
    </row>
    <row r="1109" spans="1:7" x14ac:dyDescent="0.25">
      <c r="A1109">
        <v>12</v>
      </c>
      <c r="B1109">
        <v>160.61199999999999</v>
      </c>
      <c r="C1109">
        <v>200.92699999999999</v>
      </c>
      <c r="D1109">
        <v>3540.16</v>
      </c>
      <c r="E1109">
        <v>1.54331</v>
      </c>
      <c r="F1109">
        <v>5879.38</v>
      </c>
      <c r="G1109">
        <v>35.665999999999997</v>
      </c>
    </row>
    <row r="1110" spans="1:7" x14ac:dyDescent="0.25">
      <c r="A1110">
        <v>12</v>
      </c>
      <c r="B1110">
        <v>158.72200000000001</v>
      </c>
      <c r="C1110">
        <v>200.92699999999999</v>
      </c>
      <c r="D1110">
        <v>2335.4299999999998</v>
      </c>
      <c r="E1110">
        <v>3.3385799999999999</v>
      </c>
      <c r="F1110">
        <v>3958.33</v>
      </c>
      <c r="G1110">
        <v>52.644399999999997</v>
      </c>
    </row>
    <row r="1111" spans="1:7" x14ac:dyDescent="0.25">
      <c r="A1111">
        <v>12</v>
      </c>
      <c r="B1111">
        <v>141.084</v>
      </c>
      <c r="C1111">
        <v>198.72200000000001</v>
      </c>
      <c r="D1111">
        <v>6083.46</v>
      </c>
      <c r="E1111">
        <v>3.9763799999999998</v>
      </c>
      <c r="F1111">
        <v>7469.33</v>
      </c>
      <c r="G1111">
        <v>16.398399999999999</v>
      </c>
    </row>
    <row r="1112" spans="1:7" x14ac:dyDescent="0.25">
      <c r="A1112">
        <v>12</v>
      </c>
      <c r="B1112">
        <v>161.24199999999999</v>
      </c>
      <c r="C1112">
        <v>200.297</v>
      </c>
      <c r="D1112">
        <v>2870.87</v>
      </c>
      <c r="E1112">
        <v>2.6299199999999998</v>
      </c>
      <c r="F1112">
        <v>4537.76</v>
      </c>
      <c r="G1112">
        <v>30.751799999999999</v>
      </c>
    </row>
    <row r="1113" spans="1:7" x14ac:dyDescent="0.25">
      <c r="A1113">
        <v>12</v>
      </c>
      <c r="B1113">
        <v>161.24199999999999</v>
      </c>
      <c r="C1113">
        <v>196.202</v>
      </c>
      <c r="D1113">
        <v>2335.4299999999998</v>
      </c>
      <c r="E1113">
        <v>2.6771699999999998</v>
      </c>
      <c r="F1113">
        <v>4054.29</v>
      </c>
      <c r="G1113">
        <v>30.366499999999998</v>
      </c>
    </row>
    <row r="1114" spans="1:7" x14ac:dyDescent="0.25">
      <c r="A1114">
        <v>12</v>
      </c>
      <c r="B1114">
        <v>161.24199999999999</v>
      </c>
      <c r="C1114">
        <v>205.02099999999999</v>
      </c>
      <c r="D1114">
        <v>7154.33</v>
      </c>
      <c r="E1114">
        <v>2.0866099999999999</v>
      </c>
      <c r="F1114">
        <v>8958.4599999999991</v>
      </c>
      <c r="G1114">
        <v>62.113300000000002</v>
      </c>
    </row>
    <row r="1115" spans="1:7" x14ac:dyDescent="0.25">
      <c r="A1115">
        <v>12</v>
      </c>
      <c r="B1115">
        <v>156.202</v>
      </c>
      <c r="C1115">
        <v>209.74600000000001</v>
      </c>
      <c r="D1115">
        <v>2870.87</v>
      </c>
      <c r="E1115">
        <v>3.7165400000000002</v>
      </c>
      <c r="F1115">
        <v>4342.63</v>
      </c>
      <c r="G1115">
        <v>34.726700000000001</v>
      </c>
    </row>
    <row r="1116" spans="1:7" x14ac:dyDescent="0.25">
      <c r="A1116">
        <v>12</v>
      </c>
      <c r="B1116">
        <v>142.97399999999999</v>
      </c>
      <c r="C1116">
        <v>197.77699999999999</v>
      </c>
      <c r="D1116">
        <v>6618.9</v>
      </c>
      <c r="E1116">
        <v>2.20472</v>
      </c>
      <c r="F1116">
        <v>8701.5300000000007</v>
      </c>
      <c r="G1116">
        <v>23.463899999999999</v>
      </c>
    </row>
    <row r="1117" spans="1:7" x14ac:dyDescent="0.25">
      <c r="A1117">
        <v>12</v>
      </c>
      <c r="B1117">
        <v>163.131</v>
      </c>
      <c r="C1117">
        <v>198.09200000000001</v>
      </c>
      <c r="D1117">
        <v>2870.87</v>
      </c>
      <c r="E1117">
        <v>3.7873999999999999</v>
      </c>
      <c r="F1117">
        <v>4165.8500000000004</v>
      </c>
      <c r="G1117">
        <v>80.639099999999999</v>
      </c>
    </row>
    <row r="1118" spans="1:7" x14ac:dyDescent="0.25">
      <c r="A1118">
        <v>12</v>
      </c>
      <c r="B1118">
        <v>163.131</v>
      </c>
      <c r="C1118">
        <v>200.92699999999999</v>
      </c>
      <c r="D1118">
        <v>3004.72</v>
      </c>
      <c r="E1118">
        <v>1.92126</v>
      </c>
      <c r="F1118">
        <v>5196.1000000000004</v>
      </c>
      <c r="G1118">
        <v>39.711799999999997</v>
      </c>
    </row>
    <row r="1119" spans="1:7" x14ac:dyDescent="0.25">
      <c r="A1119">
        <v>12</v>
      </c>
      <c r="B1119">
        <v>161.24199999999999</v>
      </c>
      <c r="C1119">
        <v>196.202</v>
      </c>
      <c r="D1119">
        <v>1933.86</v>
      </c>
      <c r="E1119">
        <v>3.0551200000000001</v>
      </c>
      <c r="F1119">
        <v>3690.32</v>
      </c>
      <c r="G1119">
        <v>66.312600000000003</v>
      </c>
    </row>
    <row r="1120" spans="1:7" x14ac:dyDescent="0.25">
      <c r="A1120">
        <v>12</v>
      </c>
      <c r="B1120">
        <v>142.97399999999999</v>
      </c>
      <c r="C1120">
        <v>200.92699999999999</v>
      </c>
      <c r="D1120">
        <v>6083.46</v>
      </c>
      <c r="E1120">
        <v>3.59843</v>
      </c>
      <c r="F1120">
        <v>7436.67</v>
      </c>
      <c r="G1120">
        <v>20.6678</v>
      </c>
    </row>
    <row r="1121" spans="1:7" x14ac:dyDescent="0.25">
      <c r="A1121">
        <v>12</v>
      </c>
      <c r="B1121">
        <v>155.572</v>
      </c>
      <c r="C1121">
        <v>204.70599999999999</v>
      </c>
      <c r="D1121">
        <v>1800</v>
      </c>
      <c r="E1121">
        <v>2.2755899999999998</v>
      </c>
      <c r="F1121">
        <v>4014.4</v>
      </c>
      <c r="G1121">
        <v>76.846599999999995</v>
      </c>
    </row>
    <row r="1122" spans="1:7" x14ac:dyDescent="0.25">
      <c r="A1122">
        <v>12</v>
      </c>
      <c r="B1122">
        <v>161.24199999999999</v>
      </c>
      <c r="C1122">
        <v>195.572</v>
      </c>
      <c r="D1122">
        <v>2870.87</v>
      </c>
      <c r="E1122">
        <v>3.7873999999999999</v>
      </c>
      <c r="F1122">
        <v>4137.8</v>
      </c>
      <c r="G1122">
        <v>28.374600000000001</v>
      </c>
    </row>
    <row r="1123" spans="1:7" x14ac:dyDescent="0.25">
      <c r="A1123">
        <v>12</v>
      </c>
      <c r="B1123">
        <v>161.24199999999999</v>
      </c>
      <c r="C1123">
        <v>196.202</v>
      </c>
      <c r="D1123">
        <v>7154.33</v>
      </c>
      <c r="E1123">
        <v>3.59843</v>
      </c>
      <c r="F1123">
        <v>8236.7000000000007</v>
      </c>
      <c r="G1123">
        <v>28.032900000000001</v>
      </c>
    </row>
    <row r="1124" spans="1:7" x14ac:dyDescent="0.25">
      <c r="A1124">
        <v>12</v>
      </c>
      <c r="B1124">
        <v>167.541</v>
      </c>
      <c r="C1124">
        <v>202.50200000000001</v>
      </c>
      <c r="D1124">
        <v>1800</v>
      </c>
      <c r="E1124">
        <v>3.8110200000000001</v>
      </c>
      <c r="F1124">
        <v>3234.22</v>
      </c>
      <c r="G1124">
        <v>79.053700000000006</v>
      </c>
    </row>
    <row r="1125" spans="1:7" x14ac:dyDescent="0.25">
      <c r="A1125">
        <v>12</v>
      </c>
      <c r="B1125">
        <v>156.202</v>
      </c>
      <c r="C1125">
        <v>211.95</v>
      </c>
      <c r="D1125">
        <v>1800</v>
      </c>
      <c r="E1125">
        <v>3.0551200000000001</v>
      </c>
      <c r="F1125">
        <v>3629.35</v>
      </c>
      <c r="G1125">
        <v>84.853200000000001</v>
      </c>
    </row>
    <row r="1126" spans="1:7" x14ac:dyDescent="0.25">
      <c r="A1126">
        <v>12</v>
      </c>
      <c r="B1126">
        <v>161.24199999999999</v>
      </c>
      <c r="C1126">
        <v>195.572</v>
      </c>
      <c r="D1126">
        <v>1800</v>
      </c>
      <c r="E1126">
        <v>3.7873999999999999</v>
      </c>
      <c r="F1126">
        <v>3412.66</v>
      </c>
      <c r="G1126">
        <v>86.150899999999993</v>
      </c>
    </row>
    <row r="1127" spans="1:7" x14ac:dyDescent="0.25">
      <c r="A1127">
        <v>12</v>
      </c>
      <c r="B1127">
        <v>163.131</v>
      </c>
      <c r="C1127">
        <v>204.07599999999999</v>
      </c>
      <c r="D1127">
        <v>2335.4299999999998</v>
      </c>
      <c r="E1127">
        <v>2.29921</v>
      </c>
      <c r="F1127">
        <v>4359.3999999999996</v>
      </c>
      <c r="G1127">
        <v>26.097200000000001</v>
      </c>
    </row>
    <row r="1128" spans="1:7" x14ac:dyDescent="0.25">
      <c r="A1128">
        <v>12</v>
      </c>
      <c r="B1128">
        <v>137.935</v>
      </c>
      <c r="C1128">
        <v>200.297</v>
      </c>
      <c r="D1128">
        <v>6083.46</v>
      </c>
      <c r="E1128">
        <v>1.99213</v>
      </c>
      <c r="F1128">
        <v>8352.49</v>
      </c>
      <c r="G1128">
        <v>12.1572</v>
      </c>
    </row>
    <row r="1129" spans="1:7" x14ac:dyDescent="0.25">
      <c r="A1129">
        <v>12</v>
      </c>
      <c r="B1129">
        <v>172.58</v>
      </c>
      <c r="C1129">
        <v>202.18700000000001</v>
      </c>
      <c r="D1129">
        <v>1933.86</v>
      </c>
      <c r="E1129">
        <v>3.7873999999999999</v>
      </c>
      <c r="F1129">
        <v>3178.51</v>
      </c>
      <c r="G1129">
        <v>106.667</v>
      </c>
    </row>
    <row r="1130" spans="1:7" x14ac:dyDescent="0.25">
      <c r="A1130">
        <v>12</v>
      </c>
      <c r="B1130">
        <v>141.084</v>
      </c>
      <c r="C1130">
        <v>198.40700000000001</v>
      </c>
      <c r="D1130">
        <v>2870.87</v>
      </c>
      <c r="E1130">
        <v>3.8110200000000001</v>
      </c>
      <c r="F1130">
        <v>4586.79</v>
      </c>
      <c r="G1130">
        <v>98.950299999999999</v>
      </c>
    </row>
    <row r="1131" spans="1:7" x14ac:dyDescent="0.25">
      <c r="A1131">
        <v>12</v>
      </c>
      <c r="B1131">
        <v>156.202</v>
      </c>
      <c r="C1131">
        <v>200.92699999999999</v>
      </c>
      <c r="D1131">
        <v>2335.4299999999998</v>
      </c>
      <c r="E1131">
        <v>3.7165400000000002</v>
      </c>
      <c r="F1131">
        <v>3819.04</v>
      </c>
      <c r="G1131">
        <v>57.969799999999999</v>
      </c>
    </row>
    <row r="1132" spans="1:7" x14ac:dyDescent="0.25">
      <c r="A1132">
        <v>12</v>
      </c>
      <c r="B1132">
        <v>140.45400000000001</v>
      </c>
      <c r="C1132">
        <v>202.81700000000001</v>
      </c>
      <c r="D1132">
        <v>6083.46</v>
      </c>
      <c r="E1132">
        <v>2.4881899999999999</v>
      </c>
      <c r="F1132">
        <v>8020.58</v>
      </c>
      <c r="G1132">
        <v>16.131</v>
      </c>
    </row>
    <row r="1133" spans="1:7" x14ac:dyDescent="0.25">
      <c r="A1133">
        <v>12</v>
      </c>
      <c r="B1133">
        <v>141.714</v>
      </c>
      <c r="C1133">
        <v>200.92699999999999</v>
      </c>
      <c r="D1133">
        <v>2335.4299999999998</v>
      </c>
      <c r="E1133">
        <v>1.82677</v>
      </c>
      <c r="F1133">
        <v>4991.51</v>
      </c>
      <c r="G1133">
        <v>86.448599999999999</v>
      </c>
    </row>
    <row r="1134" spans="1:7" x14ac:dyDescent="0.25">
      <c r="A1134">
        <v>12</v>
      </c>
      <c r="B1134">
        <v>161.24199999999999</v>
      </c>
      <c r="C1134">
        <v>203.131</v>
      </c>
      <c r="D1134">
        <v>1800</v>
      </c>
      <c r="E1134">
        <v>2.6771699999999998</v>
      </c>
      <c r="F1134">
        <v>3676.54</v>
      </c>
      <c r="G1134">
        <v>70.4084</v>
      </c>
    </row>
    <row r="1135" spans="1:7" x14ac:dyDescent="0.25">
      <c r="A1135">
        <v>12</v>
      </c>
      <c r="B1135">
        <v>161.24199999999999</v>
      </c>
      <c r="C1135">
        <v>195.572</v>
      </c>
      <c r="D1135">
        <v>1800</v>
      </c>
      <c r="E1135">
        <v>3.8110200000000001</v>
      </c>
      <c r="F1135">
        <v>3405.37</v>
      </c>
      <c r="G1135">
        <v>86.501499999999993</v>
      </c>
    </row>
    <row r="1136" spans="1:7" x14ac:dyDescent="0.25">
      <c r="A1136">
        <v>12</v>
      </c>
      <c r="B1136">
        <v>163.761</v>
      </c>
      <c r="C1136">
        <v>203.446</v>
      </c>
      <c r="D1136">
        <v>1800</v>
      </c>
      <c r="E1136">
        <v>2.20472</v>
      </c>
      <c r="F1136">
        <v>3996.21</v>
      </c>
      <c r="G1136">
        <v>72.696700000000007</v>
      </c>
    </row>
    <row r="1137" spans="1:7" x14ac:dyDescent="0.25">
      <c r="A1137">
        <v>12</v>
      </c>
      <c r="B1137">
        <v>161.24199999999999</v>
      </c>
      <c r="C1137">
        <v>205.02099999999999</v>
      </c>
      <c r="D1137">
        <v>2870.87</v>
      </c>
      <c r="E1137">
        <v>3.9763799999999998</v>
      </c>
      <c r="F1137">
        <v>4198.33</v>
      </c>
      <c r="G1137">
        <v>28.7377</v>
      </c>
    </row>
    <row r="1138" spans="1:7" x14ac:dyDescent="0.25">
      <c r="A1138">
        <v>12</v>
      </c>
      <c r="B1138">
        <v>161.24199999999999</v>
      </c>
      <c r="C1138">
        <v>203.446</v>
      </c>
      <c r="D1138">
        <v>3406.3</v>
      </c>
      <c r="E1138">
        <v>1.92126</v>
      </c>
      <c r="F1138">
        <v>5427.89</v>
      </c>
      <c r="G1138">
        <v>60.8337</v>
      </c>
    </row>
    <row r="1139" spans="1:7" x14ac:dyDescent="0.25">
      <c r="A1139">
        <v>12</v>
      </c>
      <c r="B1139">
        <v>141.084</v>
      </c>
      <c r="C1139">
        <v>203.446</v>
      </c>
      <c r="D1139">
        <v>2870.87</v>
      </c>
      <c r="E1139">
        <v>3.4330699999999998</v>
      </c>
      <c r="F1139">
        <v>4611.3</v>
      </c>
      <c r="G1139">
        <v>94.026600000000002</v>
      </c>
    </row>
    <row r="1140" spans="1:7" x14ac:dyDescent="0.25">
      <c r="A1140">
        <v>12</v>
      </c>
      <c r="B1140">
        <v>161.24199999999999</v>
      </c>
      <c r="C1140">
        <v>195.887</v>
      </c>
      <c r="D1140">
        <v>3004.72</v>
      </c>
      <c r="E1140">
        <v>3.0314999999999999</v>
      </c>
      <c r="F1140">
        <v>4489.96</v>
      </c>
      <c r="G1140">
        <v>26.581600000000002</v>
      </c>
    </row>
    <row r="1141" spans="1:7" x14ac:dyDescent="0.25">
      <c r="A1141">
        <v>12</v>
      </c>
      <c r="B1141">
        <v>166.28100000000001</v>
      </c>
      <c r="C1141">
        <v>195.572</v>
      </c>
      <c r="D1141">
        <v>7288.19</v>
      </c>
      <c r="E1141">
        <v>1.02362</v>
      </c>
      <c r="F1141">
        <v>7152.81</v>
      </c>
      <c r="G1141">
        <v>19.911000000000001</v>
      </c>
    </row>
    <row r="1142" spans="1:7" x14ac:dyDescent="0.25">
      <c r="A1142">
        <v>12</v>
      </c>
      <c r="B1142">
        <v>140.45400000000001</v>
      </c>
      <c r="C1142">
        <v>198.40700000000001</v>
      </c>
      <c r="D1142">
        <v>6083.46</v>
      </c>
      <c r="E1142">
        <v>3.8110200000000001</v>
      </c>
      <c r="F1142">
        <v>7525.89</v>
      </c>
      <c r="G1142">
        <v>15.047800000000001</v>
      </c>
    </row>
    <row r="1143" spans="1:7" x14ac:dyDescent="0.25">
      <c r="A1143">
        <v>12</v>
      </c>
      <c r="B1143">
        <v>162.50200000000001</v>
      </c>
      <c r="C1143">
        <v>202.18700000000001</v>
      </c>
      <c r="D1143">
        <v>2335.4299999999998</v>
      </c>
      <c r="E1143">
        <v>2.29921</v>
      </c>
      <c r="F1143">
        <v>4373.03</v>
      </c>
      <c r="G1143">
        <v>25.35</v>
      </c>
    </row>
    <row r="1144" spans="1:7" x14ac:dyDescent="0.25">
      <c r="A1144">
        <v>12</v>
      </c>
      <c r="B1144">
        <v>137.935</v>
      </c>
      <c r="C1144">
        <v>203.131</v>
      </c>
      <c r="D1144">
        <v>6083.46</v>
      </c>
      <c r="E1144">
        <v>2.6771699999999998</v>
      </c>
      <c r="F1144">
        <v>7860.24</v>
      </c>
      <c r="G1144">
        <v>13.7896</v>
      </c>
    </row>
    <row r="1145" spans="1:7" x14ac:dyDescent="0.25">
      <c r="A1145">
        <v>12</v>
      </c>
      <c r="B1145">
        <v>141.084</v>
      </c>
      <c r="C1145">
        <v>198.72200000000001</v>
      </c>
      <c r="D1145">
        <v>6083.46</v>
      </c>
      <c r="E1145">
        <v>3.9763799999999998</v>
      </c>
      <c r="F1145">
        <v>7469.33</v>
      </c>
      <c r="G1145">
        <v>16.398399999999999</v>
      </c>
    </row>
    <row r="1146" spans="1:7" x14ac:dyDescent="0.25">
      <c r="A1146">
        <v>12</v>
      </c>
      <c r="B1146">
        <v>170.691</v>
      </c>
      <c r="C1146">
        <v>200.92699999999999</v>
      </c>
      <c r="D1146">
        <v>1800</v>
      </c>
      <c r="E1146">
        <v>3.7873999999999999</v>
      </c>
      <c r="F1146">
        <v>3157.85</v>
      </c>
      <c r="G1146">
        <v>100.657</v>
      </c>
    </row>
    <row r="1147" spans="1:7" x14ac:dyDescent="0.25">
      <c r="A1147">
        <v>12</v>
      </c>
      <c r="B1147">
        <v>163.131</v>
      </c>
      <c r="C1147">
        <v>204.07599999999999</v>
      </c>
      <c r="D1147">
        <v>2335.4299999999998</v>
      </c>
      <c r="E1147">
        <v>2.29921</v>
      </c>
      <c r="F1147">
        <v>4359.3999999999996</v>
      </c>
      <c r="G1147">
        <v>26.097200000000001</v>
      </c>
    </row>
    <row r="1148" spans="1:7" x14ac:dyDescent="0.25">
      <c r="A1148">
        <v>12</v>
      </c>
      <c r="B1148">
        <v>173.21</v>
      </c>
      <c r="C1148">
        <v>195.887</v>
      </c>
      <c r="D1148">
        <v>1800</v>
      </c>
      <c r="E1148">
        <v>3.8110200000000001</v>
      </c>
      <c r="F1148">
        <v>3143.16</v>
      </c>
      <c r="G1148">
        <v>106.97</v>
      </c>
    </row>
    <row r="1149" spans="1:7" x14ac:dyDescent="0.25">
      <c r="A1149">
        <v>12</v>
      </c>
      <c r="B1149">
        <v>161.24199999999999</v>
      </c>
      <c r="C1149">
        <v>195.572</v>
      </c>
      <c r="D1149">
        <v>2870.87</v>
      </c>
      <c r="E1149">
        <v>3.0551200000000001</v>
      </c>
      <c r="F1149">
        <v>4319</v>
      </c>
      <c r="G1149">
        <v>26.6569</v>
      </c>
    </row>
    <row r="1150" spans="1:7" x14ac:dyDescent="0.25">
      <c r="A1150">
        <v>12</v>
      </c>
      <c r="B1150">
        <v>160.61199999999999</v>
      </c>
      <c r="C1150">
        <v>213.84</v>
      </c>
      <c r="D1150">
        <v>2335.4299999999998</v>
      </c>
      <c r="E1150">
        <v>1.3307100000000001</v>
      </c>
      <c r="F1150">
        <v>5313.69</v>
      </c>
      <c r="G1150">
        <v>25.168900000000001</v>
      </c>
    </row>
    <row r="1151" spans="1:7" x14ac:dyDescent="0.25">
      <c r="A1151">
        <v>12</v>
      </c>
      <c r="B1151">
        <v>165.65100000000001</v>
      </c>
      <c r="C1151">
        <v>199.982</v>
      </c>
      <c r="D1151">
        <v>1933.86</v>
      </c>
      <c r="E1151">
        <v>3.7873999999999999</v>
      </c>
      <c r="F1151">
        <v>3302.26</v>
      </c>
      <c r="G1151">
        <v>57.241799999999998</v>
      </c>
    </row>
    <row r="1152" spans="1:7" x14ac:dyDescent="0.25">
      <c r="A1152">
        <v>12</v>
      </c>
      <c r="B1152">
        <v>160.61199999999999</v>
      </c>
      <c r="C1152">
        <v>200.297</v>
      </c>
      <c r="D1152">
        <v>2335.4299999999998</v>
      </c>
      <c r="E1152">
        <v>3.0551200000000001</v>
      </c>
      <c r="F1152">
        <v>3922.51</v>
      </c>
      <c r="G1152">
        <v>29.449200000000001</v>
      </c>
    </row>
    <row r="1153" spans="1:7" x14ac:dyDescent="0.25">
      <c r="A1153">
        <v>12</v>
      </c>
      <c r="B1153">
        <v>165.65100000000001</v>
      </c>
      <c r="C1153">
        <v>199.982</v>
      </c>
      <c r="D1153">
        <v>1933.86</v>
      </c>
      <c r="E1153">
        <v>3.7873999999999999</v>
      </c>
      <c r="F1153">
        <v>3302.26</v>
      </c>
      <c r="G1153">
        <v>57.241799999999998</v>
      </c>
    </row>
    <row r="1154" spans="1:7" x14ac:dyDescent="0.25">
      <c r="A1154">
        <v>12</v>
      </c>
      <c r="B1154">
        <v>145.494</v>
      </c>
      <c r="C1154">
        <v>195.887</v>
      </c>
      <c r="D1154">
        <v>5012.6000000000004</v>
      </c>
      <c r="E1154">
        <v>3.3149600000000001</v>
      </c>
      <c r="F1154">
        <v>6539.73</v>
      </c>
      <c r="G1154">
        <v>21.848099999999999</v>
      </c>
    </row>
    <row r="1155" spans="1:7" x14ac:dyDescent="0.25">
      <c r="A1155">
        <v>12</v>
      </c>
      <c r="B1155">
        <v>160.61199999999999</v>
      </c>
      <c r="C1155">
        <v>200.92699999999999</v>
      </c>
      <c r="D1155">
        <v>3004.72</v>
      </c>
      <c r="E1155">
        <v>3.8110200000000001</v>
      </c>
      <c r="F1155">
        <v>4216.18</v>
      </c>
      <c r="G1155">
        <v>27.2697</v>
      </c>
    </row>
    <row r="1156" spans="1:7" x14ac:dyDescent="0.25">
      <c r="A1156">
        <v>12</v>
      </c>
      <c r="B1156">
        <v>166.28100000000001</v>
      </c>
      <c r="C1156">
        <v>201.87200000000001</v>
      </c>
      <c r="D1156">
        <v>1800</v>
      </c>
      <c r="E1156">
        <v>3.8110200000000001</v>
      </c>
      <c r="F1156">
        <v>3182.38</v>
      </c>
      <c r="G1156">
        <v>74.304599999999994</v>
      </c>
    </row>
    <row r="1157" spans="1:7" x14ac:dyDescent="0.25">
      <c r="A1157">
        <v>12</v>
      </c>
      <c r="B1157">
        <v>165.65100000000001</v>
      </c>
      <c r="C1157">
        <v>199.982</v>
      </c>
      <c r="D1157">
        <v>1933.86</v>
      </c>
      <c r="E1157">
        <v>3.7873999999999999</v>
      </c>
      <c r="F1157">
        <v>3302.26</v>
      </c>
      <c r="G1157">
        <v>57.241799999999998</v>
      </c>
    </row>
    <row r="1158" spans="1:7" x14ac:dyDescent="0.25">
      <c r="A1158">
        <v>12</v>
      </c>
      <c r="B1158">
        <v>161.24199999999999</v>
      </c>
      <c r="C1158">
        <v>204.70599999999999</v>
      </c>
      <c r="D1158">
        <v>2335.4299999999998</v>
      </c>
      <c r="E1158">
        <v>3.7165400000000002</v>
      </c>
      <c r="F1158">
        <v>3775</v>
      </c>
      <c r="G1158">
        <v>49.923200000000001</v>
      </c>
    </row>
    <row r="1159" spans="1:7" x14ac:dyDescent="0.25">
      <c r="A1159">
        <v>12</v>
      </c>
      <c r="B1159">
        <v>137.935</v>
      </c>
      <c r="C1159">
        <v>198.09200000000001</v>
      </c>
      <c r="D1159">
        <v>6083.46</v>
      </c>
      <c r="E1159">
        <v>2.1102400000000001</v>
      </c>
      <c r="F1159">
        <v>8238.3799999999992</v>
      </c>
      <c r="G1159">
        <v>11.8962</v>
      </c>
    </row>
    <row r="1160" spans="1:7" x14ac:dyDescent="0.25">
      <c r="A1160">
        <v>12</v>
      </c>
      <c r="B1160">
        <v>166.28100000000001</v>
      </c>
      <c r="C1160">
        <v>201.87200000000001</v>
      </c>
      <c r="D1160">
        <v>1800</v>
      </c>
      <c r="E1160">
        <v>3.8110200000000001</v>
      </c>
      <c r="F1160">
        <v>3182.38</v>
      </c>
      <c r="G1160">
        <v>74.304599999999994</v>
      </c>
    </row>
    <row r="1161" spans="1:7" x14ac:dyDescent="0.25">
      <c r="A1161">
        <v>12</v>
      </c>
      <c r="B1161">
        <v>163.131</v>
      </c>
      <c r="C1161">
        <v>197.46199999999999</v>
      </c>
      <c r="D1161">
        <v>3004.72</v>
      </c>
      <c r="E1161">
        <v>2.20472</v>
      </c>
      <c r="F1161">
        <v>4871.2700000000004</v>
      </c>
      <c r="G1161">
        <v>25.2303</v>
      </c>
    </row>
    <row r="1162" spans="1:7" x14ac:dyDescent="0.25">
      <c r="A1162">
        <v>12</v>
      </c>
      <c r="B1162">
        <v>160.61199999999999</v>
      </c>
      <c r="C1162">
        <v>196.202</v>
      </c>
      <c r="D1162">
        <v>2870.87</v>
      </c>
      <c r="E1162">
        <v>4</v>
      </c>
      <c r="F1162">
        <v>4101.1499999999996</v>
      </c>
      <c r="G1162">
        <v>27.514500000000002</v>
      </c>
    </row>
    <row r="1163" spans="1:7" x14ac:dyDescent="0.25">
      <c r="A1163">
        <v>12</v>
      </c>
      <c r="B1163">
        <v>136.04499999999999</v>
      </c>
      <c r="C1163">
        <v>195.572</v>
      </c>
      <c r="D1163">
        <v>6083.46</v>
      </c>
      <c r="E1163">
        <v>1.1653500000000001</v>
      </c>
      <c r="F1163">
        <v>9446.7000000000007</v>
      </c>
      <c r="G1163">
        <v>11.3193</v>
      </c>
    </row>
    <row r="1164" spans="1:7" x14ac:dyDescent="0.25">
      <c r="A1164">
        <v>12</v>
      </c>
      <c r="B1164">
        <v>137.935</v>
      </c>
      <c r="C1164">
        <v>198.09200000000001</v>
      </c>
      <c r="D1164">
        <v>6083.46</v>
      </c>
      <c r="E1164">
        <v>2.1102400000000001</v>
      </c>
      <c r="F1164">
        <v>8238.3799999999992</v>
      </c>
      <c r="G1164">
        <v>11.8962</v>
      </c>
    </row>
    <row r="1165" spans="1:7" x14ac:dyDescent="0.25">
      <c r="A1165">
        <v>12</v>
      </c>
      <c r="B1165">
        <v>156.202</v>
      </c>
      <c r="C1165">
        <v>196.83199999999999</v>
      </c>
      <c r="D1165">
        <v>3004.72</v>
      </c>
      <c r="E1165">
        <v>1.54331</v>
      </c>
      <c r="F1165">
        <v>5700.32</v>
      </c>
      <c r="G1165">
        <v>22.826499999999999</v>
      </c>
    </row>
    <row r="1166" spans="1:7" x14ac:dyDescent="0.25">
      <c r="A1166">
        <v>12</v>
      </c>
      <c r="B1166">
        <v>137.935</v>
      </c>
      <c r="C1166">
        <v>198.09200000000001</v>
      </c>
      <c r="D1166">
        <v>6083.46</v>
      </c>
      <c r="E1166">
        <v>2.1102400000000001</v>
      </c>
      <c r="F1166">
        <v>8238.3799999999992</v>
      </c>
      <c r="G1166">
        <v>11.8962</v>
      </c>
    </row>
    <row r="1167" spans="1:7" x14ac:dyDescent="0.25">
      <c r="A1167">
        <v>12</v>
      </c>
      <c r="B1167">
        <v>161.24199999999999</v>
      </c>
      <c r="C1167">
        <v>204.70599999999999</v>
      </c>
      <c r="D1167">
        <v>2335.4299999999998</v>
      </c>
      <c r="E1167">
        <v>3.7165400000000002</v>
      </c>
      <c r="F1167">
        <v>3775</v>
      </c>
      <c r="G1167">
        <v>49.923200000000001</v>
      </c>
    </row>
    <row r="1168" spans="1:7" x14ac:dyDescent="0.25">
      <c r="A1168">
        <v>12</v>
      </c>
      <c r="B1168">
        <v>156.202</v>
      </c>
      <c r="C1168">
        <v>195.572</v>
      </c>
      <c r="D1168">
        <v>3004.72</v>
      </c>
      <c r="E1168">
        <v>1.6377999999999999</v>
      </c>
      <c r="F1168">
        <v>5544</v>
      </c>
      <c r="G1168">
        <v>23.644500000000001</v>
      </c>
    </row>
    <row r="1169" spans="1:7" x14ac:dyDescent="0.25">
      <c r="A1169">
        <v>12</v>
      </c>
      <c r="B1169">
        <v>168.80099999999999</v>
      </c>
      <c r="C1169">
        <v>195.572</v>
      </c>
      <c r="D1169">
        <v>3406.3</v>
      </c>
      <c r="E1169">
        <v>1.6141700000000001</v>
      </c>
      <c r="F1169">
        <v>5485.25</v>
      </c>
      <c r="G1169">
        <v>23.9512</v>
      </c>
    </row>
    <row r="1170" spans="1:7" x14ac:dyDescent="0.25">
      <c r="A1170">
        <v>12</v>
      </c>
      <c r="B1170">
        <v>141.084</v>
      </c>
      <c r="C1170">
        <v>195.572</v>
      </c>
      <c r="D1170">
        <v>6083.46</v>
      </c>
      <c r="E1170">
        <v>3.59843</v>
      </c>
      <c r="F1170">
        <v>7435.91</v>
      </c>
      <c r="G1170">
        <v>16.470400000000001</v>
      </c>
    </row>
    <row r="1171" spans="1:7" x14ac:dyDescent="0.25">
      <c r="A1171">
        <v>13</v>
      </c>
      <c r="B1171">
        <v>165.65100000000001</v>
      </c>
      <c r="C1171">
        <v>195.887</v>
      </c>
      <c r="D1171">
        <v>7288.19</v>
      </c>
      <c r="E1171">
        <v>1.89764</v>
      </c>
      <c r="F1171">
        <v>6942.38</v>
      </c>
      <c r="G1171">
        <v>24.9282</v>
      </c>
    </row>
    <row r="1172" spans="1:7" x14ac:dyDescent="0.25">
      <c r="A1172">
        <v>13</v>
      </c>
      <c r="B1172">
        <v>172.58</v>
      </c>
      <c r="C1172">
        <v>202.18700000000001</v>
      </c>
      <c r="D1172">
        <v>1933.86</v>
      </c>
      <c r="E1172">
        <v>3.7873999999999999</v>
      </c>
      <c r="F1172">
        <v>3178.51</v>
      </c>
      <c r="G1172">
        <v>106.667</v>
      </c>
    </row>
    <row r="1173" spans="1:7" x14ac:dyDescent="0.25">
      <c r="A1173">
        <v>13</v>
      </c>
      <c r="B1173">
        <v>166.28100000000001</v>
      </c>
      <c r="C1173">
        <v>201.87200000000001</v>
      </c>
      <c r="D1173">
        <v>1800</v>
      </c>
      <c r="E1173">
        <v>3.8110200000000001</v>
      </c>
      <c r="F1173">
        <v>3182.38</v>
      </c>
      <c r="G1173">
        <v>74.304599999999994</v>
      </c>
    </row>
    <row r="1174" spans="1:7" x14ac:dyDescent="0.25">
      <c r="A1174">
        <v>13</v>
      </c>
      <c r="B1174">
        <v>142.97399999999999</v>
      </c>
      <c r="C1174">
        <v>200.92699999999999</v>
      </c>
      <c r="D1174">
        <v>6083.46</v>
      </c>
      <c r="E1174">
        <v>3.59843</v>
      </c>
      <c r="F1174">
        <v>7436.67</v>
      </c>
      <c r="G1174">
        <v>20.6678</v>
      </c>
    </row>
    <row r="1175" spans="1:7" x14ac:dyDescent="0.25">
      <c r="A1175">
        <v>13</v>
      </c>
      <c r="B1175">
        <v>135.41499999999999</v>
      </c>
      <c r="C1175">
        <v>204.39099999999999</v>
      </c>
      <c r="D1175">
        <v>6618.9</v>
      </c>
      <c r="E1175">
        <v>3.4330699999999998</v>
      </c>
      <c r="F1175">
        <v>8103.9</v>
      </c>
      <c r="G1175">
        <v>23.0367</v>
      </c>
    </row>
    <row r="1176" spans="1:7" x14ac:dyDescent="0.25">
      <c r="A1176">
        <v>13</v>
      </c>
      <c r="B1176">
        <v>142.97399999999999</v>
      </c>
      <c r="C1176">
        <v>181.084</v>
      </c>
      <c r="D1176">
        <v>2870.87</v>
      </c>
      <c r="E1176">
        <v>3.4094500000000001</v>
      </c>
      <c r="F1176">
        <v>5043.3100000000004</v>
      </c>
      <c r="G1176">
        <v>94.4482</v>
      </c>
    </row>
    <row r="1177" spans="1:7" x14ac:dyDescent="0.25">
      <c r="A1177">
        <v>13</v>
      </c>
      <c r="B1177">
        <v>140.45400000000001</v>
      </c>
      <c r="C1177">
        <v>203.446</v>
      </c>
      <c r="D1177">
        <v>1800</v>
      </c>
      <c r="E1177">
        <v>3.7165400000000002</v>
      </c>
      <c r="F1177">
        <v>3609.01</v>
      </c>
      <c r="G1177">
        <v>125.075</v>
      </c>
    </row>
    <row r="1178" spans="1:7" x14ac:dyDescent="0.25">
      <c r="A1178">
        <v>13</v>
      </c>
      <c r="B1178">
        <v>165.02099999999999</v>
      </c>
      <c r="C1178">
        <v>202.18700000000001</v>
      </c>
      <c r="D1178">
        <v>2469.29</v>
      </c>
      <c r="E1178">
        <v>3.3385799999999999</v>
      </c>
      <c r="F1178">
        <v>3909.01</v>
      </c>
      <c r="G1178">
        <v>83.331800000000001</v>
      </c>
    </row>
    <row r="1179" spans="1:7" x14ac:dyDescent="0.25">
      <c r="A1179">
        <v>13</v>
      </c>
      <c r="B1179">
        <v>135.41499999999999</v>
      </c>
      <c r="C1179">
        <v>211.63499999999999</v>
      </c>
      <c r="D1179">
        <v>6217.32</v>
      </c>
      <c r="E1179">
        <v>3.8818899999999998</v>
      </c>
      <c r="F1179">
        <v>7680.01</v>
      </c>
      <c r="G1179">
        <v>28.318899999999999</v>
      </c>
    </row>
    <row r="1180" spans="1:7" x14ac:dyDescent="0.25">
      <c r="A1180">
        <v>13</v>
      </c>
      <c r="B1180">
        <v>164.39099999999999</v>
      </c>
      <c r="C1180">
        <v>200.92699999999999</v>
      </c>
      <c r="D1180">
        <v>6083.46</v>
      </c>
      <c r="E1180">
        <v>3.59843</v>
      </c>
      <c r="F1180">
        <v>7131.83</v>
      </c>
      <c r="G1180">
        <v>81.982699999999994</v>
      </c>
    </row>
    <row r="1181" spans="1:7" x14ac:dyDescent="0.25">
      <c r="A1181">
        <v>13</v>
      </c>
      <c r="B1181">
        <v>161.24199999999999</v>
      </c>
      <c r="C1181">
        <v>204.39099999999999</v>
      </c>
      <c r="D1181">
        <v>1800</v>
      </c>
      <c r="E1181">
        <v>3.8110200000000001</v>
      </c>
      <c r="F1181">
        <v>3311.97</v>
      </c>
      <c r="G1181">
        <v>79.545500000000004</v>
      </c>
    </row>
    <row r="1182" spans="1:7" x14ac:dyDescent="0.25">
      <c r="A1182">
        <v>13</v>
      </c>
      <c r="B1182">
        <v>174.47</v>
      </c>
      <c r="C1182">
        <v>200.92699999999999</v>
      </c>
      <c r="D1182">
        <v>1800</v>
      </c>
      <c r="E1182">
        <v>3.9763799999999998</v>
      </c>
      <c r="F1182">
        <v>3087.32</v>
      </c>
      <c r="G1182">
        <v>106.405</v>
      </c>
    </row>
    <row r="1183" spans="1:7" x14ac:dyDescent="0.25">
      <c r="A1183">
        <v>13</v>
      </c>
      <c r="B1183">
        <v>155.572</v>
      </c>
      <c r="C1183">
        <v>209.74600000000001</v>
      </c>
      <c r="D1183">
        <v>7288.19</v>
      </c>
      <c r="E1183">
        <v>3.6929099999999999</v>
      </c>
      <c r="F1183">
        <v>8510.42</v>
      </c>
      <c r="G1183">
        <v>40.834299999999999</v>
      </c>
    </row>
    <row r="1184" spans="1:7" x14ac:dyDescent="0.25">
      <c r="A1184">
        <v>13</v>
      </c>
      <c r="B1184">
        <v>160.61199999999999</v>
      </c>
      <c r="C1184">
        <v>200.92699999999999</v>
      </c>
      <c r="D1184">
        <v>2335.4299999999998</v>
      </c>
      <c r="E1184">
        <v>3.8110200000000001</v>
      </c>
      <c r="F1184">
        <v>3802.87</v>
      </c>
      <c r="G1184">
        <v>53.109400000000001</v>
      </c>
    </row>
    <row r="1185" spans="1:7" x14ac:dyDescent="0.25">
      <c r="A1185">
        <v>13</v>
      </c>
      <c r="B1185">
        <v>145.494</v>
      </c>
      <c r="C1185">
        <v>195.887</v>
      </c>
      <c r="D1185">
        <v>15855.1</v>
      </c>
      <c r="E1185">
        <v>3.59843</v>
      </c>
      <c r="F1185">
        <v>17128.900000000001</v>
      </c>
      <c r="G1185">
        <v>27.284300000000002</v>
      </c>
    </row>
    <row r="1186" spans="1:7" x14ac:dyDescent="0.25">
      <c r="A1186">
        <v>13</v>
      </c>
      <c r="B1186">
        <v>156.202</v>
      </c>
      <c r="C1186">
        <v>211.006</v>
      </c>
      <c r="D1186">
        <v>6083.46</v>
      </c>
      <c r="E1186">
        <v>3.3385799999999999</v>
      </c>
      <c r="F1186">
        <v>7378</v>
      </c>
      <c r="G1186">
        <v>42.273099999999999</v>
      </c>
    </row>
    <row r="1187" spans="1:7" x14ac:dyDescent="0.25">
      <c r="A1187">
        <v>13</v>
      </c>
      <c r="B1187">
        <v>171.95</v>
      </c>
      <c r="C1187">
        <v>200.92699999999999</v>
      </c>
      <c r="D1187">
        <v>6083.46</v>
      </c>
      <c r="E1187">
        <v>3.4094500000000001</v>
      </c>
      <c r="F1187">
        <v>3875.81</v>
      </c>
      <c r="G1187">
        <v>107.238</v>
      </c>
    </row>
    <row r="1188" spans="1:7" x14ac:dyDescent="0.25">
      <c r="A1188">
        <v>13</v>
      </c>
      <c r="B1188">
        <v>155.572</v>
      </c>
      <c r="C1188">
        <v>199.982</v>
      </c>
      <c r="D1188">
        <v>1933.86</v>
      </c>
      <c r="E1188">
        <v>3.9763799999999998</v>
      </c>
      <c r="F1188">
        <v>3486.88</v>
      </c>
      <c r="G1188">
        <v>91.461299999999994</v>
      </c>
    </row>
    <row r="1189" spans="1:7" x14ac:dyDescent="0.25">
      <c r="A1189">
        <v>13</v>
      </c>
      <c r="B1189">
        <v>163.761</v>
      </c>
      <c r="C1189">
        <v>200.61199999999999</v>
      </c>
      <c r="D1189">
        <v>2335.4299999999998</v>
      </c>
      <c r="E1189">
        <v>1.1653500000000001</v>
      </c>
      <c r="F1189">
        <v>5435.06</v>
      </c>
      <c r="G1189">
        <v>23.8245</v>
      </c>
    </row>
    <row r="1190" spans="1:7" x14ac:dyDescent="0.25">
      <c r="A1190">
        <v>13</v>
      </c>
      <c r="B1190">
        <v>148.01300000000001</v>
      </c>
      <c r="C1190">
        <v>195.887</v>
      </c>
      <c r="D1190">
        <v>6083.46</v>
      </c>
      <c r="E1190">
        <v>1.89764</v>
      </c>
      <c r="F1190">
        <v>8231.67</v>
      </c>
      <c r="G1190">
        <v>28.450700000000001</v>
      </c>
    </row>
    <row r="1191" spans="1:7" x14ac:dyDescent="0.25">
      <c r="A1191">
        <v>13</v>
      </c>
      <c r="B1191">
        <v>137.935</v>
      </c>
      <c r="C1191">
        <v>203.131</v>
      </c>
      <c r="D1191">
        <v>2335.4299999999998</v>
      </c>
      <c r="E1191">
        <v>1.92126</v>
      </c>
      <c r="F1191">
        <v>5016.8</v>
      </c>
      <c r="G1191">
        <v>93.716200000000001</v>
      </c>
    </row>
    <row r="1192" spans="1:7" x14ac:dyDescent="0.25">
      <c r="A1192">
        <v>13</v>
      </c>
      <c r="B1192">
        <v>162.50200000000001</v>
      </c>
      <c r="C1192">
        <v>200.61199999999999</v>
      </c>
      <c r="D1192">
        <v>1800</v>
      </c>
      <c r="E1192">
        <v>3.7873999999999999</v>
      </c>
      <c r="F1192">
        <v>3347.42</v>
      </c>
      <c r="G1192">
        <v>76.0976</v>
      </c>
    </row>
    <row r="1193" spans="1:7" x14ac:dyDescent="0.25">
      <c r="A1193">
        <v>13</v>
      </c>
      <c r="B1193">
        <v>168.80099999999999</v>
      </c>
      <c r="C1193">
        <v>201.24199999999999</v>
      </c>
      <c r="D1193">
        <v>6083.46</v>
      </c>
      <c r="E1193">
        <v>3.9763799999999998</v>
      </c>
      <c r="F1193">
        <v>4526.42</v>
      </c>
      <c r="G1193">
        <v>100.876</v>
      </c>
    </row>
    <row r="1194" spans="1:7" x14ac:dyDescent="0.25">
      <c r="A1194">
        <v>13</v>
      </c>
      <c r="B1194">
        <v>161.24199999999999</v>
      </c>
      <c r="C1194">
        <v>202.81700000000001</v>
      </c>
      <c r="D1194">
        <v>2335.4299999999998</v>
      </c>
      <c r="E1194">
        <v>3.8110200000000001</v>
      </c>
      <c r="F1194">
        <v>3748.22</v>
      </c>
      <c r="G1194">
        <v>49.7836</v>
      </c>
    </row>
    <row r="1195" spans="1:7" x14ac:dyDescent="0.25">
      <c r="A1195">
        <v>13</v>
      </c>
      <c r="B1195">
        <v>141.084</v>
      </c>
      <c r="C1195">
        <v>195.572</v>
      </c>
      <c r="D1195">
        <v>7154.33</v>
      </c>
      <c r="E1195">
        <v>3.9763799999999998</v>
      </c>
      <c r="F1195">
        <v>8670.41</v>
      </c>
      <c r="G1195">
        <v>19.5427</v>
      </c>
    </row>
    <row r="1196" spans="1:7" x14ac:dyDescent="0.25">
      <c r="A1196">
        <v>13</v>
      </c>
      <c r="B1196">
        <v>161.24199999999999</v>
      </c>
      <c r="C1196">
        <v>204.70599999999999</v>
      </c>
      <c r="D1196">
        <v>1933.86</v>
      </c>
      <c r="E1196">
        <v>3.8110200000000001</v>
      </c>
      <c r="F1196">
        <v>3412.42</v>
      </c>
      <c r="G1196">
        <v>69.590400000000002</v>
      </c>
    </row>
    <row r="1197" spans="1:7" x14ac:dyDescent="0.25">
      <c r="A1197">
        <v>13</v>
      </c>
      <c r="B1197">
        <v>161.24199999999999</v>
      </c>
      <c r="C1197">
        <v>204.70599999999999</v>
      </c>
      <c r="D1197">
        <v>2335.4299999999998</v>
      </c>
      <c r="E1197">
        <v>3.7873999999999999</v>
      </c>
      <c r="F1197">
        <v>3754.72</v>
      </c>
      <c r="G1197">
        <v>49.822800000000001</v>
      </c>
    </row>
    <row r="1198" spans="1:7" x14ac:dyDescent="0.25">
      <c r="A1198">
        <v>13</v>
      </c>
      <c r="B1198">
        <v>137.935</v>
      </c>
      <c r="C1198">
        <v>200.297</v>
      </c>
      <c r="D1198">
        <v>6083.46</v>
      </c>
      <c r="E1198">
        <v>1.99213</v>
      </c>
      <c r="F1198">
        <v>8352.49</v>
      </c>
      <c r="G1198">
        <v>12.1572</v>
      </c>
    </row>
    <row r="1199" spans="1:7" x14ac:dyDescent="0.25">
      <c r="A1199">
        <v>13</v>
      </c>
      <c r="B1199">
        <v>161.24199999999999</v>
      </c>
      <c r="C1199">
        <v>195.887</v>
      </c>
      <c r="D1199">
        <v>3004.72</v>
      </c>
      <c r="E1199">
        <v>3.8110200000000001</v>
      </c>
      <c r="F1199">
        <v>4270.53</v>
      </c>
      <c r="G1199">
        <v>28.418800000000001</v>
      </c>
    </row>
    <row r="1200" spans="1:7" x14ac:dyDescent="0.25">
      <c r="A1200">
        <v>13</v>
      </c>
      <c r="B1200">
        <v>163.131</v>
      </c>
      <c r="C1200">
        <v>200.297</v>
      </c>
      <c r="D1200">
        <v>2870.87</v>
      </c>
      <c r="E1200">
        <v>2.5590600000000001</v>
      </c>
      <c r="F1200">
        <v>4465.1499999999996</v>
      </c>
      <c r="G1200">
        <v>27.772099999999998</v>
      </c>
    </row>
    <row r="1201" spans="1:7" x14ac:dyDescent="0.25">
      <c r="A1201">
        <v>13</v>
      </c>
      <c r="B1201">
        <v>141.084</v>
      </c>
      <c r="C1201">
        <v>195.887</v>
      </c>
      <c r="D1201">
        <v>6083.46</v>
      </c>
      <c r="E1201">
        <v>3.6220500000000002</v>
      </c>
      <c r="F1201">
        <v>7421.91</v>
      </c>
      <c r="G1201">
        <v>16.4617</v>
      </c>
    </row>
    <row r="1202" spans="1:7" x14ac:dyDescent="0.25">
      <c r="A1202">
        <v>13</v>
      </c>
      <c r="B1202">
        <v>142.97399999999999</v>
      </c>
      <c r="C1202">
        <v>200.297</v>
      </c>
      <c r="D1202">
        <v>6083.46</v>
      </c>
      <c r="E1202">
        <v>2.0866099999999999</v>
      </c>
      <c r="F1202">
        <v>8301.07</v>
      </c>
      <c r="G1202">
        <v>22.092700000000001</v>
      </c>
    </row>
    <row r="1203" spans="1:7" x14ac:dyDescent="0.25">
      <c r="A1203">
        <v>13</v>
      </c>
      <c r="B1203">
        <v>140.45400000000001</v>
      </c>
      <c r="C1203">
        <v>204.70599999999999</v>
      </c>
      <c r="D1203">
        <v>6618.9</v>
      </c>
      <c r="E1203">
        <v>3.8818899999999998</v>
      </c>
      <c r="F1203">
        <v>7924.84</v>
      </c>
      <c r="G1203">
        <v>18.409800000000001</v>
      </c>
    </row>
    <row r="1204" spans="1:7" x14ac:dyDescent="0.25">
      <c r="A1204">
        <v>13</v>
      </c>
      <c r="B1204">
        <v>166.28100000000001</v>
      </c>
      <c r="C1204">
        <v>203.131</v>
      </c>
      <c r="D1204">
        <v>6083.46</v>
      </c>
      <c r="E1204">
        <v>3.8110200000000001</v>
      </c>
      <c r="F1204">
        <v>5962.81</v>
      </c>
      <c r="G1204">
        <v>81.188999999999993</v>
      </c>
    </row>
    <row r="1205" spans="1:7" x14ac:dyDescent="0.25">
      <c r="A1205">
        <v>13</v>
      </c>
      <c r="B1205">
        <v>160.61199999999999</v>
      </c>
      <c r="C1205">
        <v>200.92699999999999</v>
      </c>
      <c r="D1205">
        <v>2335.4299999999998</v>
      </c>
      <c r="E1205">
        <v>2.9606300000000001</v>
      </c>
      <c r="F1205">
        <v>3953.79</v>
      </c>
      <c r="G1205">
        <v>30.044599999999999</v>
      </c>
    </row>
    <row r="1206" spans="1:7" x14ac:dyDescent="0.25">
      <c r="A1206">
        <v>13</v>
      </c>
      <c r="B1206">
        <v>140.45400000000001</v>
      </c>
      <c r="C1206">
        <v>210.691</v>
      </c>
      <c r="D1206">
        <v>6618.9</v>
      </c>
      <c r="E1206">
        <v>3.4330699999999998</v>
      </c>
      <c r="F1206">
        <v>8150.62</v>
      </c>
      <c r="G1206">
        <v>18.583200000000001</v>
      </c>
    </row>
    <row r="1207" spans="1:7" x14ac:dyDescent="0.25">
      <c r="A1207">
        <v>13</v>
      </c>
      <c r="B1207">
        <v>161.87200000000001</v>
      </c>
      <c r="C1207">
        <v>198.40700000000001</v>
      </c>
      <c r="D1207">
        <v>6217.32</v>
      </c>
      <c r="E1207">
        <v>3.8110200000000001</v>
      </c>
      <c r="F1207">
        <v>7312.11</v>
      </c>
      <c r="G1207">
        <v>29.7806</v>
      </c>
    </row>
    <row r="1208" spans="1:7" x14ac:dyDescent="0.25">
      <c r="A1208">
        <v>13</v>
      </c>
      <c r="B1208">
        <v>161.24199999999999</v>
      </c>
      <c r="C1208">
        <v>204.39099999999999</v>
      </c>
      <c r="D1208">
        <v>2870.87</v>
      </c>
      <c r="E1208">
        <v>3.7873999999999999</v>
      </c>
      <c r="F1208">
        <v>4137.8</v>
      </c>
      <c r="G1208">
        <v>28.374600000000001</v>
      </c>
    </row>
    <row r="1209" spans="1:7" x14ac:dyDescent="0.25">
      <c r="A1209">
        <v>13</v>
      </c>
      <c r="B1209">
        <v>166.28100000000001</v>
      </c>
      <c r="C1209">
        <v>195.887</v>
      </c>
      <c r="D1209">
        <v>6217.32</v>
      </c>
      <c r="E1209">
        <v>3.7873999999999999</v>
      </c>
      <c r="F1209">
        <v>5961.94</v>
      </c>
      <c r="G1209">
        <v>81.245099999999994</v>
      </c>
    </row>
    <row r="1210" spans="1:7" x14ac:dyDescent="0.25">
      <c r="A1210">
        <v>13</v>
      </c>
      <c r="B1210">
        <v>165.65100000000001</v>
      </c>
      <c r="C1210">
        <v>204.70599999999999</v>
      </c>
      <c r="D1210">
        <v>1800</v>
      </c>
      <c r="E1210">
        <v>3.6929099999999999</v>
      </c>
      <c r="F1210">
        <v>3294.17</v>
      </c>
      <c r="G1210">
        <v>68.730099999999993</v>
      </c>
    </row>
    <row r="1211" spans="1:7" x14ac:dyDescent="0.25">
      <c r="A1211">
        <v>13</v>
      </c>
      <c r="B1211">
        <v>161.87200000000001</v>
      </c>
      <c r="C1211">
        <v>202.18700000000001</v>
      </c>
      <c r="D1211">
        <v>2469.29</v>
      </c>
      <c r="E1211">
        <v>2.2755899999999998</v>
      </c>
      <c r="F1211">
        <v>4552.22</v>
      </c>
      <c r="G1211">
        <v>32.374200000000002</v>
      </c>
    </row>
    <row r="1212" spans="1:7" x14ac:dyDescent="0.25">
      <c r="A1212">
        <v>13</v>
      </c>
      <c r="B1212">
        <v>156.202</v>
      </c>
      <c r="C1212">
        <v>198.40700000000001</v>
      </c>
      <c r="D1212">
        <v>2335.4299999999998</v>
      </c>
      <c r="E1212">
        <v>3.0551200000000001</v>
      </c>
      <c r="F1212">
        <v>4032.43</v>
      </c>
      <c r="G1212">
        <v>58.396500000000003</v>
      </c>
    </row>
    <row r="1213" spans="1:7" x14ac:dyDescent="0.25">
      <c r="A1213">
        <v>13</v>
      </c>
      <c r="B1213">
        <v>137.935</v>
      </c>
      <c r="C1213">
        <v>200.92699999999999</v>
      </c>
      <c r="D1213">
        <v>6083.46</v>
      </c>
      <c r="E1213">
        <v>3.59843</v>
      </c>
      <c r="F1213">
        <v>7519.59</v>
      </c>
      <c r="G1213">
        <v>21.314399999999999</v>
      </c>
    </row>
    <row r="1214" spans="1:7" x14ac:dyDescent="0.25">
      <c r="A1214">
        <v>13</v>
      </c>
      <c r="B1214">
        <v>168.17099999999999</v>
      </c>
      <c r="C1214">
        <v>195.572</v>
      </c>
      <c r="D1214">
        <v>6083.46</v>
      </c>
      <c r="E1214">
        <v>1.92126</v>
      </c>
      <c r="F1214">
        <v>5233.4399999999996</v>
      </c>
      <c r="G1214">
        <v>95.881500000000003</v>
      </c>
    </row>
    <row r="1215" spans="1:7" x14ac:dyDescent="0.25">
      <c r="A1215">
        <v>13</v>
      </c>
      <c r="B1215">
        <v>171.32</v>
      </c>
      <c r="C1215">
        <v>201.55699999999999</v>
      </c>
      <c r="D1215">
        <v>1800</v>
      </c>
      <c r="E1215">
        <v>3.8110200000000001</v>
      </c>
      <c r="F1215">
        <v>3115.28</v>
      </c>
      <c r="G1215">
        <v>103.167</v>
      </c>
    </row>
    <row r="1216" spans="1:7" x14ac:dyDescent="0.25">
      <c r="A1216">
        <v>13</v>
      </c>
      <c r="B1216">
        <v>165.65100000000001</v>
      </c>
      <c r="C1216">
        <v>198.72200000000001</v>
      </c>
      <c r="D1216">
        <v>7288.19</v>
      </c>
      <c r="E1216">
        <v>2.2755899999999998</v>
      </c>
      <c r="F1216">
        <v>6609.41</v>
      </c>
      <c r="G1216">
        <v>88.819500000000005</v>
      </c>
    </row>
    <row r="1217" spans="1:7" x14ac:dyDescent="0.25">
      <c r="A1217">
        <v>13</v>
      </c>
      <c r="B1217">
        <v>161.24199999999999</v>
      </c>
      <c r="C1217">
        <v>196.202</v>
      </c>
      <c r="D1217">
        <v>1933.86</v>
      </c>
      <c r="E1217">
        <v>2.6771699999999998</v>
      </c>
      <c r="F1217">
        <v>3802.47</v>
      </c>
      <c r="G1217">
        <v>69.5441</v>
      </c>
    </row>
    <row r="1218" spans="1:7" x14ac:dyDescent="0.25">
      <c r="A1218">
        <v>13</v>
      </c>
      <c r="B1218">
        <v>140.45400000000001</v>
      </c>
      <c r="C1218">
        <v>203.131</v>
      </c>
      <c r="D1218">
        <v>1800</v>
      </c>
      <c r="E1218">
        <v>3.4094500000000001</v>
      </c>
      <c r="F1218">
        <v>3656.18</v>
      </c>
      <c r="G1218">
        <v>120.73399999999999</v>
      </c>
    </row>
    <row r="1219" spans="1:7" x14ac:dyDescent="0.25">
      <c r="A1219">
        <v>13</v>
      </c>
      <c r="B1219">
        <v>155.572</v>
      </c>
      <c r="C1219">
        <v>195.25700000000001</v>
      </c>
      <c r="D1219">
        <v>7288.19</v>
      </c>
      <c r="E1219">
        <v>2.2755899999999998</v>
      </c>
      <c r="F1219">
        <v>9428.2800000000007</v>
      </c>
      <c r="G1219">
        <v>38.585599999999999</v>
      </c>
    </row>
    <row r="1220" spans="1:7" x14ac:dyDescent="0.25">
      <c r="A1220">
        <v>13</v>
      </c>
      <c r="B1220">
        <v>165.65100000000001</v>
      </c>
      <c r="C1220">
        <v>176.04499999999999</v>
      </c>
      <c r="D1220">
        <v>1933.86</v>
      </c>
      <c r="E1220">
        <v>3.7873999999999999</v>
      </c>
      <c r="F1220">
        <v>3862.54</v>
      </c>
      <c r="G1220">
        <v>75.172700000000006</v>
      </c>
    </row>
    <row r="1221" spans="1:7" x14ac:dyDescent="0.25">
      <c r="A1221">
        <v>13</v>
      </c>
      <c r="B1221">
        <v>156.202</v>
      </c>
      <c r="C1221">
        <v>201.24199999999999</v>
      </c>
      <c r="D1221">
        <v>2335.4299999999998</v>
      </c>
      <c r="E1221">
        <v>3.6929099999999999</v>
      </c>
      <c r="F1221">
        <v>3830.04</v>
      </c>
      <c r="G1221">
        <v>57.452199999999998</v>
      </c>
    </row>
    <row r="1222" spans="1:7" x14ac:dyDescent="0.25">
      <c r="A1222">
        <v>13</v>
      </c>
      <c r="B1222">
        <v>148.01300000000001</v>
      </c>
      <c r="C1222">
        <v>200.92699999999999</v>
      </c>
      <c r="D1222">
        <v>6217.32</v>
      </c>
      <c r="E1222">
        <v>3.59843</v>
      </c>
      <c r="F1222">
        <v>7526.39</v>
      </c>
      <c r="G1222">
        <v>29.004999999999999</v>
      </c>
    </row>
    <row r="1223" spans="1:7" x14ac:dyDescent="0.25">
      <c r="A1223">
        <v>13</v>
      </c>
      <c r="B1223">
        <v>171.32</v>
      </c>
      <c r="C1223">
        <v>196.202</v>
      </c>
      <c r="D1223">
        <v>1933.86</v>
      </c>
      <c r="E1223">
        <v>3.7873999999999999</v>
      </c>
      <c r="F1223">
        <v>3259.25</v>
      </c>
      <c r="G1223">
        <v>105.49</v>
      </c>
    </row>
    <row r="1224" spans="1:7" x14ac:dyDescent="0.25">
      <c r="A1224">
        <v>13</v>
      </c>
      <c r="B1224">
        <v>156.202</v>
      </c>
      <c r="C1224">
        <v>203.131</v>
      </c>
      <c r="D1224">
        <v>1800</v>
      </c>
      <c r="E1224">
        <v>3.0551200000000001</v>
      </c>
      <c r="F1224">
        <v>3629.35</v>
      </c>
      <c r="G1224">
        <v>84.853200000000001</v>
      </c>
    </row>
    <row r="1225" spans="1:7" x14ac:dyDescent="0.25">
      <c r="A1225">
        <v>13</v>
      </c>
      <c r="B1225">
        <v>166.28100000000001</v>
      </c>
      <c r="C1225">
        <v>204.70599999999999</v>
      </c>
      <c r="D1225">
        <v>2335.4299999999998</v>
      </c>
      <c r="E1225">
        <v>3.8110200000000001</v>
      </c>
      <c r="F1225">
        <v>3584.22</v>
      </c>
      <c r="G1225">
        <v>77.358999999999995</v>
      </c>
    </row>
    <row r="1226" spans="1:7" x14ac:dyDescent="0.25">
      <c r="A1226">
        <v>13</v>
      </c>
      <c r="B1226">
        <v>163.761</v>
      </c>
      <c r="C1226">
        <v>201.87200000000001</v>
      </c>
      <c r="D1226">
        <v>1800</v>
      </c>
      <c r="E1226">
        <v>2.29921</v>
      </c>
      <c r="F1226">
        <v>3939.48</v>
      </c>
      <c r="G1226">
        <v>73.017300000000006</v>
      </c>
    </row>
    <row r="1227" spans="1:7" x14ac:dyDescent="0.25">
      <c r="A1227">
        <v>13</v>
      </c>
      <c r="B1227">
        <v>161.24199999999999</v>
      </c>
      <c r="C1227">
        <v>195.887</v>
      </c>
      <c r="D1227">
        <v>3004.72</v>
      </c>
      <c r="E1227">
        <v>3.0314999999999999</v>
      </c>
      <c r="F1227">
        <v>4489.96</v>
      </c>
      <c r="G1227">
        <v>26.581600000000002</v>
      </c>
    </row>
    <row r="1228" spans="1:7" x14ac:dyDescent="0.25">
      <c r="A1228">
        <v>13</v>
      </c>
      <c r="B1228">
        <v>172.58</v>
      </c>
      <c r="C1228">
        <v>201.24199999999999</v>
      </c>
      <c r="D1228">
        <v>2335.4299999999998</v>
      </c>
      <c r="E1228">
        <v>3.7873999999999999</v>
      </c>
      <c r="F1228">
        <v>3449.41</v>
      </c>
      <c r="G1228">
        <v>106.667</v>
      </c>
    </row>
    <row r="1229" spans="1:7" x14ac:dyDescent="0.25">
      <c r="A1229">
        <v>13</v>
      </c>
      <c r="B1229">
        <v>165.65100000000001</v>
      </c>
      <c r="C1229">
        <v>195.887</v>
      </c>
      <c r="D1229">
        <v>2870.87</v>
      </c>
      <c r="E1229">
        <v>2.2755899999999998</v>
      </c>
      <c r="F1229">
        <v>4555.57</v>
      </c>
      <c r="G1229">
        <v>88.819500000000005</v>
      </c>
    </row>
    <row r="1230" spans="1:7" x14ac:dyDescent="0.25">
      <c r="A1230">
        <v>13</v>
      </c>
      <c r="B1230">
        <v>156.202</v>
      </c>
      <c r="C1230">
        <v>195.25700000000001</v>
      </c>
      <c r="D1230">
        <v>2870.87</v>
      </c>
      <c r="E1230">
        <v>3.6929099999999999</v>
      </c>
      <c r="F1230">
        <v>4353.03</v>
      </c>
      <c r="G1230">
        <v>34.8384</v>
      </c>
    </row>
    <row r="1231" spans="1:7" x14ac:dyDescent="0.25">
      <c r="A1231">
        <v>13</v>
      </c>
      <c r="B1231">
        <v>166.28100000000001</v>
      </c>
      <c r="C1231">
        <v>195.572</v>
      </c>
      <c r="D1231">
        <v>7288.19</v>
      </c>
      <c r="E1231">
        <v>1.02362</v>
      </c>
      <c r="F1231">
        <v>7152.81</v>
      </c>
      <c r="G1231">
        <v>19.911000000000001</v>
      </c>
    </row>
    <row r="1232" spans="1:7" x14ac:dyDescent="0.25">
      <c r="A1232">
        <v>13</v>
      </c>
      <c r="B1232">
        <v>140.45400000000001</v>
      </c>
      <c r="C1232">
        <v>198.40700000000001</v>
      </c>
      <c r="D1232">
        <v>6083.46</v>
      </c>
      <c r="E1232">
        <v>3.8110200000000001</v>
      </c>
      <c r="F1232">
        <v>7525.89</v>
      </c>
      <c r="G1232">
        <v>15.047800000000001</v>
      </c>
    </row>
    <row r="1233" spans="1:7" x14ac:dyDescent="0.25">
      <c r="A1233">
        <v>13</v>
      </c>
      <c r="B1233">
        <v>162.50200000000001</v>
      </c>
      <c r="C1233">
        <v>202.18700000000001</v>
      </c>
      <c r="D1233">
        <v>2335.4299999999998</v>
      </c>
      <c r="E1233">
        <v>2.29921</v>
      </c>
      <c r="F1233">
        <v>4373.03</v>
      </c>
      <c r="G1233">
        <v>25.35</v>
      </c>
    </row>
    <row r="1234" spans="1:7" x14ac:dyDescent="0.25">
      <c r="A1234">
        <v>13</v>
      </c>
      <c r="B1234">
        <v>137.935</v>
      </c>
      <c r="C1234">
        <v>203.131</v>
      </c>
      <c r="D1234">
        <v>6083.46</v>
      </c>
      <c r="E1234">
        <v>2.6771699999999998</v>
      </c>
      <c r="F1234">
        <v>7860.24</v>
      </c>
      <c r="G1234">
        <v>13.7896</v>
      </c>
    </row>
    <row r="1235" spans="1:7" x14ac:dyDescent="0.25">
      <c r="A1235">
        <v>13</v>
      </c>
      <c r="B1235">
        <v>141.084</v>
      </c>
      <c r="C1235">
        <v>198.72200000000001</v>
      </c>
      <c r="D1235">
        <v>6083.46</v>
      </c>
      <c r="E1235">
        <v>3.9763799999999998</v>
      </c>
      <c r="F1235">
        <v>7469.33</v>
      </c>
      <c r="G1235">
        <v>16.398399999999999</v>
      </c>
    </row>
    <row r="1236" spans="1:7" x14ac:dyDescent="0.25">
      <c r="A1236">
        <v>13</v>
      </c>
      <c r="B1236">
        <v>170.691</v>
      </c>
      <c r="C1236">
        <v>200.92699999999999</v>
      </c>
      <c r="D1236">
        <v>1800</v>
      </c>
      <c r="E1236">
        <v>3.7873999999999999</v>
      </c>
      <c r="F1236">
        <v>3157.85</v>
      </c>
      <c r="G1236">
        <v>100.657</v>
      </c>
    </row>
    <row r="1237" spans="1:7" x14ac:dyDescent="0.25">
      <c r="A1237">
        <v>13</v>
      </c>
      <c r="B1237">
        <v>163.131</v>
      </c>
      <c r="C1237">
        <v>204.07599999999999</v>
      </c>
      <c r="D1237">
        <v>2335.4299999999998</v>
      </c>
      <c r="E1237">
        <v>2.29921</v>
      </c>
      <c r="F1237">
        <v>4359.3999999999996</v>
      </c>
      <c r="G1237">
        <v>26.097200000000001</v>
      </c>
    </row>
    <row r="1238" spans="1:7" x14ac:dyDescent="0.25">
      <c r="A1238">
        <v>13</v>
      </c>
      <c r="B1238">
        <v>174.47</v>
      </c>
      <c r="C1238">
        <v>200.92699999999999</v>
      </c>
      <c r="D1238">
        <v>1800</v>
      </c>
      <c r="E1238">
        <v>3.9763799999999998</v>
      </c>
      <c r="F1238">
        <v>3087.32</v>
      </c>
      <c r="G1238">
        <v>106.405</v>
      </c>
    </row>
    <row r="1239" spans="1:7" x14ac:dyDescent="0.25">
      <c r="A1239">
        <v>13</v>
      </c>
      <c r="B1239">
        <v>161.24199999999999</v>
      </c>
      <c r="C1239">
        <v>195.572</v>
      </c>
      <c r="D1239">
        <v>2870.87</v>
      </c>
      <c r="E1239">
        <v>3.0551200000000001</v>
      </c>
      <c r="F1239">
        <v>4319</v>
      </c>
      <c r="G1239">
        <v>26.6569</v>
      </c>
    </row>
    <row r="1240" spans="1:7" x14ac:dyDescent="0.25">
      <c r="A1240">
        <v>13</v>
      </c>
      <c r="B1240">
        <v>160.61199999999999</v>
      </c>
      <c r="C1240">
        <v>213.84</v>
      </c>
      <c r="D1240">
        <v>2335.4299999999998</v>
      </c>
      <c r="E1240">
        <v>1.3307100000000001</v>
      </c>
      <c r="F1240">
        <v>5313.69</v>
      </c>
      <c r="G1240">
        <v>25.168900000000001</v>
      </c>
    </row>
    <row r="1241" spans="1:7" x14ac:dyDescent="0.25">
      <c r="A1241">
        <v>13</v>
      </c>
      <c r="B1241">
        <v>165.65100000000001</v>
      </c>
      <c r="C1241">
        <v>204.70599999999999</v>
      </c>
      <c r="D1241">
        <v>1800</v>
      </c>
      <c r="E1241">
        <v>3.6929099999999999</v>
      </c>
      <c r="F1241">
        <v>3294.17</v>
      </c>
      <c r="G1241">
        <v>68.730099999999993</v>
      </c>
    </row>
    <row r="1242" spans="1:7" x14ac:dyDescent="0.25">
      <c r="A1242">
        <v>13</v>
      </c>
      <c r="B1242">
        <v>160.61199999999999</v>
      </c>
      <c r="C1242">
        <v>200.297</v>
      </c>
      <c r="D1242">
        <v>2335.4299999999998</v>
      </c>
      <c r="E1242">
        <v>3.0551200000000001</v>
      </c>
      <c r="F1242">
        <v>3922.51</v>
      </c>
      <c r="G1242">
        <v>29.449200000000001</v>
      </c>
    </row>
    <row r="1243" spans="1:7" x14ac:dyDescent="0.25">
      <c r="A1243">
        <v>13</v>
      </c>
      <c r="B1243">
        <v>171.32</v>
      </c>
      <c r="C1243">
        <v>201.55699999999999</v>
      </c>
      <c r="D1243">
        <v>1800</v>
      </c>
      <c r="E1243">
        <v>3.8110200000000001</v>
      </c>
      <c r="F1243">
        <v>3115.28</v>
      </c>
      <c r="G1243">
        <v>103.167</v>
      </c>
    </row>
    <row r="1244" spans="1:7" x14ac:dyDescent="0.25">
      <c r="A1244">
        <v>13</v>
      </c>
      <c r="B1244">
        <v>145.494</v>
      </c>
      <c r="C1244">
        <v>195.887</v>
      </c>
      <c r="D1244">
        <v>5012.6000000000004</v>
      </c>
      <c r="E1244">
        <v>3.3149600000000001</v>
      </c>
      <c r="F1244">
        <v>6539.73</v>
      </c>
      <c r="G1244">
        <v>21.848099999999999</v>
      </c>
    </row>
    <row r="1245" spans="1:7" x14ac:dyDescent="0.25">
      <c r="A1245">
        <v>13</v>
      </c>
      <c r="B1245">
        <v>160.61199999999999</v>
      </c>
      <c r="C1245">
        <v>200.92699999999999</v>
      </c>
      <c r="D1245">
        <v>3004.72</v>
      </c>
      <c r="E1245">
        <v>3.8110200000000001</v>
      </c>
      <c r="F1245">
        <v>4216.18</v>
      </c>
      <c r="G1245">
        <v>27.2697</v>
      </c>
    </row>
    <row r="1246" spans="1:7" x14ac:dyDescent="0.25">
      <c r="A1246">
        <v>13</v>
      </c>
      <c r="B1246">
        <v>166.28100000000001</v>
      </c>
      <c r="C1246">
        <v>201.87200000000001</v>
      </c>
      <c r="D1246">
        <v>1800</v>
      </c>
      <c r="E1246">
        <v>3.8110200000000001</v>
      </c>
      <c r="F1246">
        <v>3182.38</v>
      </c>
      <c r="G1246">
        <v>74.304599999999994</v>
      </c>
    </row>
    <row r="1247" spans="1:7" x14ac:dyDescent="0.25">
      <c r="A1247">
        <v>13</v>
      </c>
      <c r="B1247">
        <v>165.65100000000001</v>
      </c>
      <c r="C1247">
        <v>199.982</v>
      </c>
      <c r="D1247">
        <v>1933.86</v>
      </c>
      <c r="E1247">
        <v>3.7873999999999999</v>
      </c>
      <c r="F1247">
        <v>3302.26</v>
      </c>
      <c r="G1247">
        <v>57.241799999999998</v>
      </c>
    </row>
    <row r="1248" spans="1:7" x14ac:dyDescent="0.25">
      <c r="A1248">
        <v>13</v>
      </c>
      <c r="B1248">
        <v>161.24199999999999</v>
      </c>
      <c r="C1248">
        <v>202.81700000000001</v>
      </c>
      <c r="D1248">
        <v>2335.4299999999998</v>
      </c>
      <c r="E1248">
        <v>3.8110200000000001</v>
      </c>
      <c r="F1248">
        <v>3748.22</v>
      </c>
      <c r="G1248">
        <v>49.7836</v>
      </c>
    </row>
    <row r="1249" spans="1:7" x14ac:dyDescent="0.25">
      <c r="A1249">
        <v>13</v>
      </c>
      <c r="B1249">
        <v>137.935</v>
      </c>
      <c r="C1249">
        <v>198.09200000000001</v>
      </c>
      <c r="D1249">
        <v>6083.46</v>
      </c>
      <c r="E1249">
        <v>2.1102400000000001</v>
      </c>
      <c r="F1249">
        <v>8238.3799999999992</v>
      </c>
      <c r="G1249">
        <v>11.8962</v>
      </c>
    </row>
    <row r="1250" spans="1:7" x14ac:dyDescent="0.25">
      <c r="A1250">
        <v>13</v>
      </c>
      <c r="B1250">
        <v>166.28100000000001</v>
      </c>
      <c r="C1250">
        <v>201.87200000000001</v>
      </c>
      <c r="D1250">
        <v>1800</v>
      </c>
      <c r="E1250">
        <v>3.8110200000000001</v>
      </c>
      <c r="F1250">
        <v>3182.38</v>
      </c>
      <c r="G1250">
        <v>74.304599999999994</v>
      </c>
    </row>
    <row r="1251" spans="1:7" x14ac:dyDescent="0.25">
      <c r="A1251">
        <v>13</v>
      </c>
      <c r="B1251">
        <v>163.131</v>
      </c>
      <c r="C1251">
        <v>197.46199999999999</v>
      </c>
      <c r="D1251">
        <v>3004.72</v>
      </c>
      <c r="E1251">
        <v>2.20472</v>
      </c>
      <c r="F1251">
        <v>4871.2700000000004</v>
      </c>
      <c r="G1251">
        <v>25.2303</v>
      </c>
    </row>
    <row r="1252" spans="1:7" x14ac:dyDescent="0.25">
      <c r="A1252">
        <v>13</v>
      </c>
      <c r="B1252">
        <v>160.61199999999999</v>
      </c>
      <c r="C1252">
        <v>196.202</v>
      </c>
      <c r="D1252">
        <v>2870.87</v>
      </c>
      <c r="E1252">
        <v>4</v>
      </c>
      <c r="F1252">
        <v>4101.1499999999996</v>
      </c>
      <c r="G1252">
        <v>27.514500000000002</v>
      </c>
    </row>
    <row r="1253" spans="1:7" x14ac:dyDescent="0.25">
      <c r="A1253">
        <v>13</v>
      </c>
      <c r="B1253">
        <v>136.04499999999999</v>
      </c>
      <c r="C1253">
        <v>195.572</v>
      </c>
      <c r="D1253">
        <v>6083.46</v>
      </c>
      <c r="E1253">
        <v>1.1653500000000001</v>
      </c>
      <c r="F1253">
        <v>9446.7000000000007</v>
      </c>
      <c r="G1253">
        <v>11.3193</v>
      </c>
    </row>
    <row r="1254" spans="1:7" x14ac:dyDescent="0.25">
      <c r="A1254">
        <v>13</v>
      </c>
      <c r="B1254">
        <v>137.935</v>
      </c>
      <c r="C1254">
        <v>198.09200000000001</v>
      </c>
      <c r="D1254">
        <v>6083.46</v>
      </c>
      <c r="E1254">
        <v>2.1102400000000001</v>
      </c>
      <c r="F1254">
        <v>8238.3799999999992</v>
      </c>
      <c r="G1254">
        <v>11.8962</v>
      </c>
    </row>
    <row r="1255" spans="1:7" x14ac:dyDescent="0.25">
      <c r="A1255">
        <v>13</v>
      </c>
      <c r="B1255">
        <v>156.202</v>
      </c>
      <c r="C1255">
        <v>196.83199999999999</v>
      </c>
      <c r="D1255">
        <v>3004.72</v>
      </c>
      <c r="E1255">
        <v>1.54331</v>
      </c>
      <c r="F1255">
        <v>5700.32</v>
      </c>
      <c r="G1255">
        <v>22.826499999999999</v>
      </c>
    </row>
    <row r="1256" spans="1:7" x14ac:dyDescent="0.25">
      <c r="A1256">
        <v>13</v>
      </c>
      <c r="B1256">
        <v>137.935</v>
      </c>
      <c r="C1256">
        <v>198.09200000000001</v>
      </c>
      <c r="D1256">
        <v>6083.46</v>
      </c>
      <c r="E1256">
        <v>2.1102400000000001</v>
      </c>
      <c r="F1256">
        <v>8238.3799999999992</v>
      </c>
      <c r="G1256">
        <v>11.8962</v>
      </c>
    </row>
    <row r="1257" spans="1:7" x14ac:dyDescent="0.25">
      <c r="A1257">
        <v>13</v>
      </c>
      <c r="B1257">
        <v>161.24199999999999</v>
      </c>
      <c r="C1257">
        <v>202.81700000000001</v>
      </c>
      <c r="D1257">
        <v>2335.4299999999998</v>
      </c>
      <c r="E1257">
        <v>3.8110200000000001</v>
      </c>
      <c r="F1257">
        <v>3748.22</v>
      </c>
      <c r="G1257">
        <v>49.7836</v>
      </c>
    </row>
    <row r="1258" spans="1:7" x14ac:dyDescent="0.25">
      <c r="A1258">
        <v>13</v>
      </c>
      <c r="B1258">
        <v>156.202</v>
      </c>
      <c r="C1258">
        <v>195.572</v>
      </c>
      <c r="D1258">
        <v>3004.72</v>
      </c>
      <c r="E1258">
        <v>1.6377999999999999</v>
      </c>
      <c r="F1258">
        <v>5544</v>
      </c>
      <c r="G1258">
        <v>23.644500000000001</v>
      </c>
    </row>
    <row r="1259" spans="1:7" x14ac:dyDescent="0.25">
      <c r="A1259">
        <v>13</v>
      </c>
      <c r="B1259">
        <v>163.761</v>
      </c>
      <c r="C1259">
        <v>200.61199999999999</v>
      </c>
      <c r="D1259">
        <v>2335.4299999999998</v>
      </c>
      <c r="E1259">
        <v>1.1653500000000001</v>
      </c>
      <c r="F1259">
        <v>5435.06</v>
      </c>
      <c r="G1259">
        <v>23.8245</v>
      </c>
    </row>
    <row r="1260" spans="1:7" x14ac:dyDescent="0.25">
      <c r="A1260">
        <v>13</v>
      </c>
      <c r="B1260">
        <v>141.084</v>
      </c>
      <c r="C1260">
        <v>195.887</v>
      </c>
      <c r="D1260">
        <v>6083.46</v>
      </c>
      <c r="E1260">
        <v>3.6220500000000002</v>
      </c>
      <c r="F1260">
        <v>7421.91</v>
      </c>
      <c r="G1260">
        <v>16.4617</v>
      </c>
    </row>
    <row r="1261" spans="1:7" x14ac:dyDescent="0.25">
      <c r="A1261">
        <v>14</v>
      </c>
      <c r="B1261">
        <v>163.761</v>
      </c>
      <c r="C1261">
        <v>200.61199999999999</v>
      </c>
      <c r="D1261">
        <v>2335.4299999999998</v>
      </c>
      <c r="E1261">
        <v>1.1653500000000001</v>
      </c>
      <c r="F1261">
        <v>5435.06</v>
      </c>
      <c r="G1261">
        <v>23.8245</v>
      </c>
    </row>
    <row r="1262" spans="1:7" x14ac:dyDescent="0.25">
      <c r="A1262">
        <v>14</v>
      </c>
      <c r="B1262">
        <v>137.935</v>
      </c>
      <c r="C1262">
        <v>200.297</v>
      </c>
      <c r="D1262">
        <v>6083.46</v>
      </c>
      <c r="E1262">
        <v>1.99213</v>
      </c>
      <c r="F1262">
        <v>8352.49</v>
      </c>
      <c r="G1262">
        <v>12.1572</v>
      </c>
    </row>
    <row r="1263" spans="1:7" x14ac:dyDescent="0.25">
      <c r="A1263">
        <v>14</v>
      </c>
      <c r="B1263">
        <v>141.084</v>
      </c>
      <c r="C1263">
        <v>195.887</v>
      </c>
      <c r="D1263">
        <v>6083.46</v>
      </c>
      <c r="E1263">
        <v>3.6220500000000002</v>
      </c>
      <c r="F1263">
        <v>7421.91</v>
      </c>
      <c r="G1263">
        <v>16.4617</v>
      </c>
    </row>
    <row r="1264" spans="1:7" x14ac:dyDescent="0.25">
      <c r="A1264">
        <v>14</v>
      </c>
      <c r="B1264">
        <v>161.24199999999999</v>
      </c>
      <c r="C1264">
        <v>202.81700000000001</v>
      </c>
      <c r="D1264">
        <v>2335.4299999999998</v>
      </c>
      <c r="E1264">
        <v>3.8110200000000001</v>
      </c>
      <c r="F1264">
        <v>3748.22</v>
      </c>
      <c r="G1264">
        <v>49.7836</v>
      </c>
    </row>
    <row r="1265" spans="1:7" x14ac:dyDescent="0.25">
      <c r="A1265">
        <v>14</v>
      </c>
      <c r="B1265">
        <v>161.24199999999999</v>
      </c>
      <c r="C1265">
        <v>200.92699999999999</v>
      </c>
      <c r="D1265">
        <v>2335.4299999999998</v>
      </c>
      <c r="E1265">
        <v>2.9606300000000001</v>
      </c>
      <c r="F1265">
        <v>3950.78</v>
      </c>
      <c r="G1265">
        <v>24.827000000000002</v>
      </c>
    </row>
    <row r="1266" spans="1:7" x14ac:dyDescent="0.25">
      <c r="A1266">
        <v>14</v>
      </c>
      <c r="B1266">
        <v>154.31299999999999</v>
      </c>
      <c r="C1266">
        <v>200.92699999999999</v>
      </c>
      <c r="D1266">
        <v>1800</v>
      </c>
      <c r="E1266">
        <v>3.9763799999999998</v>
      </c>
      <c r="F1266">
        <v>3378.44</v>
      </c>
      <c r="G1266">
        <v>98.440399999999997</v>
      </c>
    </row>
    <row r="1267" spans="1:7" x14ac:dyDescent="0.25">
      <c r="A1267">
        <v>14</v>
      </c>
      <c r="B1267">
        <v>163.131</v>
      </c>
      <c r="C1267">
        <v>203.131</v>
      </c>
      <c r="D1267">
        <v>2335.4299999999998</v>
      </c>
      <c r="E1267">
        <v>2.6771699999999998</v>
      </c>
      <c r="F1267">
        <v>4048.84</v>
      </c>
      <c r="G1267">
        <v>28.4739</v>
      </c>
    </row>
    <row r="1268" spans="1:7" x14ac:dyDescent="0.25">
      <c r="A1268">
        <v>14</v>
      </c>
      <c r="B1268">
        <v>164.39099999999999</v>
      </c>
      <c r="C1268">
        <v>201.24199999999999</v>
      </c>
      <c r="D1268">
        <v>1933.86</v>
      </c>
      <c r="E1268">
        <v>2.65354</v>
      </c>
      <c r="F1268">
        <v>3735.56</v>
      </c>
      <c r="G1268">
        <v>68.434200000000004</v>
      </c>
    </row>
    <row r="1269" spans="1:7" x14ac:dyDescent="0.25">
      <c r="A1269">
        <v>14</v>
      </c>
      <c r="B1269">
        <v>170.691</v>
      </c>
      <c r="C1269">
        <v>195.887</v>
      </c>
      <c r="D1269">
        <v>1800</v>
      </c>
      <c r="E1269">
        <v>3.9763799999999998</v>
      </c>
      <c r="F1269">
        <v>3100.39</v>
      </c>
      <c r="G1269">
        <v>96.464200000000005</v>
      </c>
    </row>
    <row r="1270" spans="1:7" x14ac:dyDescent="0.25">
      <c r="A1270">
        <v>14</v>
      </c>
      <c r="B1270">
        <v>160.61199999999999</v>
      </c>
      <c r="C1270">
        <v>204.70599999999999</v>
      </c>
      <c r="D1270">
        <v>3406.3</v>
      </c>
      <c r="E1270">
        <v>2.65354</v>
      </c>
      <c r="F1270">
        <v>5114.3500000000004</v>
      </c>
      <c r="G1270">
        <v>36.9465</v>
      </c>
    </row>
    <row r="1271" spans="1:7" x14ac:dyDescent="0.25">
      <c r="A1271">
        <v>14</v>
      </c>
      <c r="B1271">
        <v>172.58</v>
      </c>
      <c r="C1271">
        <v>200.297</v>
      </c>
      <c r="D1271">
        <v>1800</v>
      </c>
      <c r="E1271">
        <v>3.8110200000000001</v>
      </c>
      <c r="F1271">
        <v>3177.1</v>
      </c>
      <c r="G1271">
        <v>106.611</v>
      </c>
    </row>
    <row r="1272" spans="1:7" x14ac:dyDescent="0.25">
      <c r="A1272">
        <v>14</v>
      </c>
      <c r="B1272">
        <v>160.61199999999999</v>
      </c>
      <c r="C1272">
        <v>200.297</v>
      </c>
      <c r="D1272">
        <v>2870.87</v>
      </c>
      <c r="E1272">
        <v>3.7165400000000002</v>
      </c>
      <c r="F1272">
        <v>4160.6499999999996</v>
      </c>
      <c r="G1272">
        <v>28.473800000000001</v>
      </c>
    </row>
    <row r="1273" spans="1:7" x14ac:dyDescent="0.25">
      <c r="A1273">
        <v>14</v>
      </c>
      <c r="B1273">
        <v>163.761</v>
      </c>
      <c r="C1273">
        <v>200.297</v>
      </c>
      <c r="D1273">
        <v>7154.33</v>
      </c>
      <c r="E1273">
        <v>3.6220500000000002</v>
      </c>
      <c r="F1273">
        <v>8069.48</v>
      </c>
      <c r="G1273">
        <v>81.568899999999999</v>
      </c>
    </row>
    <row r="1274" spans="1:7" x14ac:dyDescent="0.25">
      <c r="A1274">
        <v>14</v>
      </c>
      <c r="B1274">
        <v>161.24199999999999</v>
      </c>
      <c r="C1274">
        <v>202.81700000000001</v>
      </c>
      <c r="D1274">
        <v>2335.4299999999998</v>
      </c>
      <c r="E1274">
        <v>1.89764</v>
      </c>
      <c r="F1274">
        <v>4584.87</v>
      </c>
      <c r="G1274">
        <v>55.334899999999998</v>
      </c>
    </row>
    <row r="1275" spans="1:7" x14ac:dyDescent="0.25">
      <c r="A1275">
        <v>14</v>
      </c>
      <c r="B1275">
        <v>160.61199999999999</v>
      </c>
      <c r="C1275">
        <v>202.18700000000001</v>
      </c>
      <c r="D1275">
        <v>2335.4299999999998</v>
      </c>
      <c r="E1275">
        <v>3.7873999999999999</v>
      </c>
      <c r="F1275">
        <v>3809.78</v>
      </c>
      <c r="G1275">
        <v>53.0687</v>
      </c>
    </row>
    <row r="1276" spans="1:7" x14ac:dyDescent="0.25">
      <c r="A1276">
        <v>14</v>
      </c>
      <c r="B1276">
        <v>163.761</v>
      </c>
      <c r="C1276">
        <v>200.297</v>
      </c>
      <c r="D1276">
        <v>2335.4299999999998</v>
      </c>
      <c r="E1276">
        <v>1.54331</v>
      </c>
      <c r="F1276">
        <v>4961.59</v>
      </c>
      <c r="G1276">
        <v>69.180700000000002</v>
      </c>
    </row>
    <row r="1277" spans="1:7" x14ac:dyDescent="0.25">
      <c r="A1277">
        <v>14</v>
      </c>
      <c r="B1277">
        <v>161.24199999999999</v>
      </c>
      <c r="C1277">
        <v>201.87200000000001</v>
      </c>
      <c r="D1277">
        <v>3406.3</v>
      </c>
      <c r="E1277">
        <v>1.1417299999999999</v>
      </c>
      <c r="F1277">
        <v>6860.51</v>
      </c>
      <c r="G1277">
        <v>21.440799999999999</v>
      </c>
    </row>
    <row r="1278" spans="1:7" x14ac:dyDescent="0.25">
      <c r="A1278">
        <v>14</v>
      </c>
      <c r="B1278">
        <v>163.131</v>
      </c>
      <c r="C1278">
        <v>195.887</v>
      </c>
      <c r="D1278">
        <v>3004.72</v>
      </c>
      <c r="E1278">
        <v>2.9370099999999999</v>
      </c>
      <c r="F1278">
        <v>4468.5600000000004</v>
      </c>
      <c r="G1278">
        <v>29.922799999999999</v>
      </c>
    </row>
    <row r="1279" spans="1:7" x14ac:dyDescent="0.25">
      <c r="A1279">
        <v>14</v>
      </c>
      <c r="B1279">
        <v>160.61199999999999</v>
      </c>
      <c r="C1279">
        <v>204.39099999999999</v>
      </c>
      <c r="D1279">
        <v>6083.46</v>
      </c>
      <c r="E1279">
        <v>3.8110200000000001</v>
      </c>
      <c r="F1279">
        <v>7253.7</v>
      </c>
      <c r="G1279">
        <v>27.118600000000001</v>
      </c>
    </row>
    <row r="1280" spans="1:7" x14ac:dyDescent="0.25">
      <c r="A1280">
        <v>14</v>
      </c>
      <c r="B1280">
        <v>137.935</v>
      </c>
      <c r="C1280">
        <v>195.25700000000001</v>
      </c>
      <c r="D1280">
        <v>6083.46</v>
      </c>
      <c r="E1280">
        <v>1.99213</v>
      </c>
      <c r="F1280">
        <v>8352.49</v>
      </c>
      <c r="G1280">
        <v>12.1572</v>
      </c>
    </row>
    <row r="1281" spans="1:7" x14ac:dyDescent="0.25">
      <c r="A1281">
        <v>14</v>
      </c>
      <c r="B1281">
        <v>160.61199999999999</v>
      </c>
      <c r="C1281">
        <v>210.691</v>
      </c>
      <c r="D1281">
        <v>6083.46</v>
      </c>
      <c r="E1281">
        <v>3.3385799999999999</v>
      </c>
      <c r="F1281">
        <v>7283.22</v>
      </c>
      <c r="G1281">
        <v>27.1188</v>
      </c>
    </row>
    <row r="1282" spans="1:7" x14ac:dyDescent="0.25">
      <c r="A1282">
        <v>14</v>
      </c>
      <c r="B1282">
        <v>161.24199999999999</v>
      </c>
      <c r="C1282">
        <v>204.39099999999999</v>
      </c>
      <c r="D1282">
        <v>1800</v>
      </c>
      <c r="E1282">
        <v>3.6929099999999999</v>
      </c>
      <c r="F1282">
        <v>3345.3</v>
      </c>
      <c r="G1282">
        <v>79.138000000000005</v>
      </c>
    </row>
    <row r="1283" spans="1:7" x14ac:dyDescent="0.25">
      <c r="A1283">
        <v>14</v>
      </c>
      <c r="B1283">
        <v>160.61199999999999</v>
      </c>
      <c r="C1283">
        <v>200.297</v>
      </c>
      <c r="D1283">
        <v>2335.4299999999998</v>
      </c>
      <c r="E1283">
        <v>3.8110200000000001</v>
      </c>
      <c r="F1283">
        <v>3802.87</v>
      </c>
      <c r="G1283">
        <v>53.109400000000001</v>
      </c>
    </row>
    <row r="1284" spans="1:7" x14ac:dyDescent="0.25">
      <c r="A1284">
        <v>14</v>
      </c>
      <c r="B1284">
        <v>161.24199999999999</v>
      </c>
      <c r="C1284">
        <v>202.18700000000001</v>
      </c>
      <c r="D1284">
        <v>2870.87</v>
      </c>
      <c r="E1284">
        <v>3.8110200000000001</v>
      </c>
      <c r="F1284">
        <v>4133.2700000000004</v>
      </c>
      <c r="G1284">
        <v>28.418800000000001</v>
      </c>
    </row>
    <row r="1285" spans="1:7" x14ac:dyDescent="0.25">
      <c r="A1285">
        <v>14</v>
      </c>
      <c r="B1285">
        <v>140.45400000000001</v>
      </c>
      <c r="C1285">
        <v>204.07599999999999</v>
      </c>
      <c r="D1285">
        <v>6083.46</v>
      </c>
      <c r="E1285">
        <v>3.7873999999999999</v>
      </c>
      <c r="F1285">
        <v>7535.64</v>
      </c>
      <c r="G1285">
        <v>15.052099999999999</v>
      </c>
    </row>
    <row r="1286" spans="1:7" x14ac:dyDescent="0.25">
      <c r="A1286">
        <v>14</v>
      </c>
      <c r="B1286">
        <v>160.61199999999999</v>
      </c>
      <c r="C1286">
        <v>200.92699999999999</v>
      </c>
      <c r="D1286">
        <v>2870.87</v>
      </c>
      <c r="E1286">
        <v>2.9606300000000001</v>
      </c>
      <c r="F1286">
        <v>4442.22</v>
      </c>
      <c r="G1286">
        <v>33.768599999999999</v>
      </c>
    </row>
    <row r="1287" spans="1:7" x14ac:dyDescent="0.25">
      <c r="A1287">
        <v>14</v>
      </c>
      <c r="B1287">
        <v>160.61199999999999</v>
      </c>
      <c r="C1287">
        <v>200.92699999999999</v>
      </c>
      <c r="D1287">
        <v>2335.4299999999998</v>
      </c>
      <c r="E1287">
        <v>2.9606300000000001</v>
      </c>
      <c r="F1287">
        <v>3953.79</v>
      </c>
      <c r="G1287">
        <v>30.044599999999999</v>
      </c>
    </row>
    <row r="1288" spans="1:7" x14ac:dyDescent="0.25">
      <c r="A1288">
        <v>14</v>
      </c>
      <c r="B1288">
        <v>160.61199999999999</v>
      </c>
      <c r="C1288">
        <v>200.297</v>
      </c>
      <c r="D1288">
        <v>3406.3</v>
      </c>
      <c r="E1288">
        <v>2.9606300000000001</v>
      </c>
      <c r="F1288">
        <v>4891.04</v>
      </c>
      <c r="G1288">
        <v>33.4602</v>
      </c>
    </row>
    <row r="1289" spans="1:7" x14ac:dyDescent="0.25">
      <c r="A1289">
        <v>14</v>
      </c>
      <c r="B1289">
        <v>137.935</v>
      </c>
      <c r="C1289">
        <v>200.297</v>
      </c>
      <c r="D1289">
        <v>6083.46</v>
      </c>
      <c r="E1289">
        <v>3.5039400000000001</v>
      </c>
      <c r="F1289">
        <v>7634.9</v>
      </c>
      <c r="G1289">
        <v>22.231400000000001</v>
      </c>
    </row>
    <row r="1290" spans="1:7" x14ac:dyDescent="0.25">
      <c r="A1290">
        <v>14</v>
      </c>
      <c r="B1290">
        <v>140.45400000000001</v>
      </c>
      <c r="C1290">
        <v>200.92699999999999</v>
      </c>
      <c r="D1290">
        <v>2335.4299999999998</v>
      </c>
      <c r="E1290">
        <v>3.90551</v>
      </c>
      <c r="F1290">
        <v>4063.48</v>
      </c>
      <c r="G1290">
        <v>115.96599999999999</v>
      </c>
    </row>
    <row r="1291" spans="1:7" x14ac:dyDescent="0.25">
      <c r="A1291">
        <v>14</v>
      </c>
      <c r="B1291">
        <v>173.21</v>
      </c>
      <c r="C1291">
        <v>200.92699999999999</v>
      </c>
      <c r="D1291">
        <v>6083.46</v>
      </c>
      <c r="E1291">
        <v>4</v>
      </c>
      <c r="F1291">
        <v>3577.89</v>
      </c>
      <c r="G1291">
        <v>106.288</v>
      </c>
    </row>
    <row r="1292" spans="1:7" x14ac:dyDescent="0.25">
      <c r="A1292">
        <v>14</v>
      </c>
      <c r="B1292">
        <v>161.24199999999999</v>
      </c>
      <c r="C1292">
        <v>195.887</v>
      </c>
      <c r="D1292">
        <v>3004.72</v>
      </c>
      <c r="E1292">
        <v>3.7873999999999999</v>
      </c>
      <c r="F1292">
        <v>4275.6000000000004</v>
      </c>
      <c r="G1292">
        <v>28.374600000000001</v>
      </c>
    </row>
    <row r="1293" spans="1:7" x14ac:dyDescent="0.25">
      <c r="A1293">
        <v>14</v>
      </c>
      <c r="B1293">
        <v>163.761</v>
      </c>
      <c r="C1293">
        <v>200.297</v>
      </c>
      <c r="D1293">
        <v>2335.4299999999998</v>
      </c>
      <c r="E1293">
        <v>1.54331</v>
      </c>
      <c r="F1293">
        <v>4961.59</v>
      </c>
      <c r="G1293">
        <v>69.180700000000002</v>
      </c>
    </row>
    <row r="1294" spans="1:7" x14ac:dyDescent="0.25">
      <c r="A1294">
        <v>14</v>
      </c>
      <c r="B1294">
        <v>163.761</v>
      </c>
      <c r="C1294">
        <v>195.25700000000001</v>
      </c>
      <c r="D1294">
        <v>1800</v>
      </c>
      <c r="E1294">
        <v>3.9763799999999998</v>
      </c>
      <c r="F1294">
        <v>3236.36</v>
      </c>
      <c r="G1294">
        <v>79.399299999999997</v>
      </c>
    </row>
    <row r="1295" spans="1:7" x14ac:dyDescent="0.25">
      <c r="A1295">
        <v>14</v>
      </c>
      <c r="B1295">
        <v>137.935</v>
      </c>
      <c r="C1295">
        <v>204.70599999999999</v>
      </c>
      <c r="D1295">
        <v>6083.46</v>
      </c>
      <c r="E1295">
        <v>3.7873999999999999</v>
      </c>
      <c r="F1295">
        <v>7582.75</v>
      </c>
      <c r="G1295">
        <v>21.346499999999999</v>
      </c>
    </row>
    <row r="1296" spans="1:7" x14ac:dyDescent="0.25">
      <c r="A1296">
        <v>14</v>
      </c>
      <c r="B1296">
        <v>155.572</v>
      </c>
      <c r="C1296">
        <v>195.25700000000001</v>
      </c>
      <c r="D1296">
        <v>7154.33</v>
      </c>
      <c r="E1296">
        <v>3.7165400000000002</v>
      </c>
      <c r="F1296">
        <v>8328.69</v>
      </c>
      <c r="G1296">
        <v>40.845500000000001</v>
      </c>
    </row>
    <row r="1297" spans="1:7" x14ac:dyDescent="0.25">
      <c r="A1297">
        <v>14</v>
      </c>
      <c r="B1297">
        <v>156.202</v>
      </c>
      <c r="C1297">
        <v>197.77699999999999</v>
      </c>
      <c r="D1297">
        <v>6618.9</v>
      </c>
      <c r="E1297">
        <v>4</v>
      </c>
      <c r="F1297">
        <v>7852.31</v>
      </c>
      <c r="G1297">
        <v>42.747999999999998</v>
      </c>
    </row>
    <row r="1298" spans="1:7" x14ac:dyDescent="0.25">
      <c r="A1298">
        <v>14</v>
      </c>
      <c r="B1298">
        <v>170.06100000000001</v>
      </c>
      <c r="C1298">
        <v>201.55699999999999</v>
      </c>
      <c r="D1298">
        <v>1800</v>
      </c>
      <c r="E1298">
        <v>3.7873999999999999</v>
      </c>
      <c r="F1298">
        <v>3171.67</v>
      </c>
      <c r="G1298">
        <v>95.021299999999997</v>
      </c>
    </row>
    <row r="1299" spans="1:7" x14ac:dyDescent="0.25">
      <c r="A1299">
        <v>14</v>
      </c>
      <c r="B1299">
        <v>141.084</v>
      </c>
      <c r="C1299">
        <v>200.297</v>
      </c>
      <c r="D1299">
        <v>6217.32</v>
      </c>
      <c r="E1299">
        <v>2.2755899999999998</v>
      </c>
      <c r="F1299">
        <v>8141.17</v>
      </c>
      <c r="G1299">
        <v>19.419499999999999</v>
      </c>
    </row>
    <row r="1300" spans="1:7" x14ac:dyDescent="0.25">
      <c r="A1300">
        <v>14</v>
      </c>
      <c r="B1300">
        <v>161.24199999999999</v>
      </c>
      <c r="C1300">
        <v>202.81700000000001</v>
      </c>
      <c r="D1300">
        <v>2469.29</v>
      </c>
      <c r="E1300">
        <v>3.0551200000000001</v>
      </c>
      <c r="F1300">
        <v>4014.31</v>
      </c>
      <c r="G1300">
        <v>26.6569</v>
      </c>
    </row>
    <row r="1301" spans="1:7" x14ac:dyDescent="0.25">
      <c r="A1301">
        <v>14</v>
      </c>
      <c r="B1301">
        <v>172.58</v>
      </c>
      <c r="C1301">
        <v>196.517</v>
      </c>
      <c r="D1301">
        <v>3004.72</v>
      </c>
      <c r="E1301">
        <v>2.29921</v>
      </c>
      <c r="F1301">
        <v>4187.49</v>
      </c>
      <c r="G1301">
        <v>93.374399999999994</v>
      </c>
    </row>
    <row r="1302" spans="1:7" x14ac:dyDescent="0.25">
      <c r="A1302">
        <v>14</v>
      </c>
      <c r="B1302">
        <v>140.45400000000001</v>
      </c>
      <c r="C1302">
        <v>200.61199999999999</v>
      </c>
      <c r="D1302">
        <v>7823.62</v>
      </c>
      <c r="E1302">
        <v>3.7165400000000002</v>
      </c>
      <c r="F1302">
        <v>9151.51</v>
      </c>
      <c r="G1302">
        <v>21.1099</v>
      </c>
    </row>
    <row r="1303" spans="1:7" x14ac:dyDescent="0.25">
      <c r="A1303">
        <v>14</v>
      </c>
      <c r="B1303">
        <v>143.60400000000001</v>
      </c>
      <c r="C1303">
        <v>200.61199999999999</v>
      </c>
      <c r="D1303">
        <v>1800</v>
      </c>
      <c r="E1303">
        <v>2.1102400000000001</v>
      </c>
      <c r="F1303">
        <v>4221.68</v>
      </c>
      <c r="G1303">
        <v>99.0381</v>
      </c>
    </row>
    <row r="1304" spans="1:7" x14ac:dyDescent="0.25">
      <c r="A1304">
        <v>14</v>
      </c>
      <c r="B1304">
        <v>141.084</v>
      </c>
      <c r="C1304">
        <v>195.25700000000001</v>
      </c>
      <c r="D1304">
        <v>3004.72</v>
      </c>
      <c r="E1304">
        <v>3.9763799999999998</v>
      </c>
      <c r="F1304">
        <v>4686</v>
      </c>
      <c r="G1304">
        <v>102.23699999999999</v>
      </c>
    </row>
    <row r="1305" spans="1:7" x14ac:dyDescent="0.25">
      <c r="A1305">
        <v>14</v>
      </c>
      <c r="B1305">
        <v>135.41499999999999</v>
      </c>
      <c r="C1305">
        <v>200.92699999999999</v>
      </c>
      <c r="D1305">
        <v>7154.33</v>
      </c>
      <c r="E1305">
        <v>1.99213</v>
      </c>
      <c r="F1305">
        <v>9426.48</v>
      </c>
      <c r="G1305">
        <v>14.209199999999999</v>
      </c>
    </row>
    <row r="1306" spans="1:7" x14ac:dyDescent="0.25">
      <c r="A1306">
        <v>14</v>
      </c>
      <c r="B1306">
        <v>171.32</v>
      </c>
      <c r="C1306">
        <v>202.18700000000001</v>
      </c>
      <c r="D1306">
        <v>2870.87</v>
      </c>
      <c r="E1306">
        <v>3.7873999999999999</v>
      </c>
      <c r="F1306">
        <v>3870.49</v>
      </c>
      <c r="G1306">
        <v>105.49</v>
      </c>
    </row>
    <row r="1307" spans="1:7" x14ac:dyDescent="0.25">
      <c r="A1307">
        <v>14</v>
      </c>
      <c r="B1307">
        <v>161.24199999999999</v>
      </c>
      <c r="C1307">
        <v>200.61199999999999</v>
      </c>
      <c r="D1307">
        <v>1800</v>
      </c>
      <c r="E1307">
        <v>1.1653500000000001</v>
      </c>
      <c r="F1307">
        <v>5140.91</v>
      </c>
      <c r="G1307">
        <v>20.473600000000001</v>
      </c>
    </row>
    <row r="1308" spans="1:7" x14ac:dyDescent="0.25">
      <c r="A1308">
        <v>14</v>
      </c>
      <c r="B1308">
        <v>171.32</v>
      </c>
      <c r="C1308">
        <v>195.887</v>
      </c>
      <c r="D1308">
        <v>7288.19</v>
      </c>
      <c r="E1308">
        <v>2.2755899999999998</v>
      </c>
      <c r="F1308">
        <v>4210.4399999999996</v>
      </c>
      <c r="G1308">
        <v>88.809299999999993</v>
      </c>
    </row>
    <row r="1309" spans="1:7" x14ac:dyDescent="0.25">
      <c r="A1309">
        <v>14</v>
      </c>
      <c r="B1309">
        <v>171.32</v>
      </c>
      <c r="C1309">
        <v>200.297</v>
      </c>
      <c r="D1309">
        <v>1800</v>
      </c>
      <c r="E1309">
        <v>3.7873999999999999</v>
      </c>
      <c r="F1309">
        <v>3116.93</v>
      </c>
      <c r="G1309">
        <v>103.426</v>
      </c>
    </row>
    <row r="1310" spans="1:7" x14ac:dyDescent="0.25">
      <c r="A1310">
        <v>14</v>
      </c>
      <c r="B1310">
        <v>174.47</v>
      </c>
      <c r="C1310">
        <v>203.446</v>
      </c>
      <c r="D1310">
        <v>2870.87</v>
      </c>
      <c r="E1310">
        <v>3.7873999999999999</v>
      </c>
      <c r="F1310">
        <v>3517.1</v>
      </c>
      <c r="G1310">
        <v>107.20699999999999</v>
      </c>
    </row>
    <row r="1311" spans="1:7" x14ac:dyDescent="0.25">
      <c r="A1311">
        <v>14</v>
      </c>
      <c r="B1311">
        <v>160.61199999999999</v>
      </c>
      <c r="C1311">
        <v>180.13900000000001</v>
      </c>
      <c r="D1311">
        <v>2335.4299999999998</v>
      </c>
      <c r="E1311">
        <v>2.9606300000000001</v>
      </c>
      <c r="F1311">
        <v>4301.1000000000004</v>
      </c>
      <c r="G1311">
        <v>38.466700000000003</v>
      </c>
    </row>
    <row r="1312" spans="1:7" x14ac:dyDescent="0.25">
      <c r="A1312">
        <v>14</v>
      </c>
      <c r="B1312">
        <v>140.45400000000001</v>
      </c>
      <c r="C1312">
        <v>195.887</v>
      </c>
      <c r="D1312">
        <v>6083.46</v>
      </c>
      <c r="E1312">
        <v>3.59843</v>
      </c>
      <c r="F1312">
        <v>7613.08</v>
      </c>
      <c r="G1312">
        <v>15.106299999999999</v>
      </c>
    </row>
    <row r="1313" spans="1:11" x14ac:dyDescent="0.25">
      <c r="A1313">
        <v>14</v>
      </c>
      <c r="B1313">
        <v>163.761</v>
      </c>
      <c r="C1313">
        <v>202.81700000000001</v>
      </c>
      <c r="D1313">
        <v>1800</v>
      </c>
      <c r="E1313">
        <v>3.8110200000000001</v>
      </c>
      <c r="F1313">
        <v>3250.23</v>
      </c>
      <c r="G1313">
        <v>73.559899999999999</v>
      </c>
    </row>
    <row r="1314" spans="1:11" x14ac:dyDescent="0.25">
      <c r="A1314">
        <v>14</v>
      </c>
      <c r="B1314">
        <v>141.084</v>
      </c>
      <c r="C1314">
        <v>195.887</v>
      </c>
      <c r="D1314">
        <v>6217.32</v>
      </c>
      <c r="E1314">
        <v>2.8661400000000001</v>
      </c>
      <c r="F1314">
        <v>7852.65</v>
      </c>
      <c r="G1314">
        <v>19.0441</v>
      </c>
    </row>
    <row r="1315" spans="1:11" x14ac:dyDescent="0.25">
      <c r="A1315">
        <v>14</v>
      </c>
      <c r="B1315">
        <v>156.202</v>
      </c>
      <c r="C1315">
        <v>195.887</v>
      </c>
      <c r="D1315">
        <v>3004.72</v>
      </c>
      <c r="E1315">
        <v>3.0551200000000001</v>
      </c>
      <c r="F1315">
        <v>4537.82</v>
      </c>
      <c r="G1315">
        <v>42.960299999999997</v>
      </c>
    </row>
    <row r="1316" spans="1:11" x14ac:dyDescent="0.25">
      <c r="A1316">
        <v>14</v>
      </c>
      <c r="B1316">
        <v>141.084</v>
      </c>
      <c r="C1316">
        <v>197.14699999999999</v>
      </c>
      <c r="D1316">
        <v>6083.46</v>
      </c>
      <c r="E1316">
        <v>3.6220500000000002</v>
      </c>
      <c r="F1316">
        <v>7422.02</v>
      </c>
      <c r="G1316">
        <v>16.4617</v>
      </c>
    </row>
    <row r="1317" spans="1:11" x14ac:dyDescent="0.25">
      <c r="A1317">
        <v>14</v>
      </c>
      <c r="B1317">
        <v>173.84</v>
      </c>
      <c r="C1317">
        <v>200.297</v>
      </c>
      <c r="D1317">
        <v>1800</v>
      </c>
      <c r="E1317">
        <v>4</v>
      </c>
      <c r="F1317">
        <v>3111.34</v>
      </c>
      <c r="G1317">
        <v>106.307</v>
      </c>
    </row>
    <row r="1318" spans="1:11" x14ac:dyDescent="0.25">
      <c r="A1318">
        <v>14</v>
      </c>
      <c r="B1318">
        <v>158.09200000000001</v>
      </c>
      <c r="C1318">
        <v>195.887</v>
      </c>
      <c r="D1318">
        <v>7288.19</v>
      </c>
      <c r="E1318">
        <v>1.99213</v>
      </c>
      <c r="F1318">
        <v>9378.27</v>
      </c>
      <c r="G1318">
        <v>32.864899999999999</v>
      </c>
    </row>
    <row r="1319" spans="1:11" x14ac:dyDescent="0.25">
      <c r="A1319">
        <v>14</v>
      </c>
      <c r="B1319">
        <v>156.202</v>
      </c>
      <c r="C1319">
        <v>195.887</v>
      </c>
      <c r="D1319">
        <v>3004.72</v>
      </c>
      <c r="E1319">
        <v>3.8110200000000001</v>
      </c>
      <c r="F1319">
        <v>4577.1899999999996</v>
      </c>
      <c r="G1319">
        <v>36.541600000000003</v>
      </c>
    </row>
    <row r="1320" spans="1:11" x14ac:dyDescent="0.25">
      <c r="A1320">
        <v>14</v>
      </c>
      <c r="B1320">
        <v>160.61199999999999</v>
      </c>
      <c r="C1320">
        <v>200.297</v>
      </c>
      <c r="D1320">
        <v>7154.33</v>
      </c>
      <c r="E1320">
        <v>2.6771699999999998</v>
      </c>
      <c r="F1320">
        <v>8725.61</v>
      </c>
      <c r="G1320">
        <v>37.7896</v>
      </c>
    </row>
    <row r="1321" spans="1:11" x14ac:dyDescent="0.25">
      <c r="A1321">
        <v>14</v>
      </c>
      <c r="B1321">
        <v>166.28100000000001</v>
      </c>
      <c r="C1321">
        <v>195.572</v>
      </c>
      <c r="D1321">
        <v>7288.19</v>
      </c>
      <c r="E1321">
        <v>1.02362</v>
      </c>
      <c r="F1321">
        <v>7152.81</v>
      </c>
      <c r="G1321">
        <v>19.911000000000001</v>
      </c>
      <c r="J1321">
        <v>3087.32</v>
      </c>
      <c r="K1321">
        <v>106.405</v>
      </c>
    </row>
    <row r="1322" spans="1:11" x14ac:dyDescent="0.25">
      <c r="A1322">
        <v>14</v>
      </c>
      <c r="B1322" s="2">
        <v>140.45400000000001</v>
      </c>
      <c r="C1322" s="2">
        <v>198.40700000000001</v>
      </c>
      <c r="D1322" s="2">
        <v>6083.46</v>
      </c>
      <c r="E1322" s="2">
        <v>3.8110200000000001</v>
      </c>
      <c r="F1322" s="2">
        <v>7525.89</v>
      </c>
      <c r="G1322" s="2">
        <v>15.047800000000001</v>
      </c>
      <c r="J1322">
        <v>3100.39</v>
      </c>
      <c r="K1322">
        <v>96.464200000000005</v>
      </c>
    </row>
    <row r="1323" spans="1:11" x14ac:dyDescent="0.25">
      <c r="A1323">
        <v>14</v>
      </c>
      <c r="B1323" s="1">
        <v>170.06100000000001</v>
      </c>
      <c r="C1323" s="1">
        <v>201.55699999999999</v>
      </c>
      <c r="D1323" s="1">
        <v>1800</v>
      </c>
      <c r="E1323" s="1">
        <v>3.7873999999999999</v>
      </c>
      <c r="F1323" s="1">
        <v>3171.67</v>
      </c>
      <c r="G1323" s="1">
        <v>95.021299999999997</v>
      </c>
      <c r="J1323">
        <v>3171.67</v>
      </c>
      <c r="K1323">
        <v>95.021299999999997</v>
      </c>
    </row>
    <row r="1324" spans="1:11" x14ac:dyDescent="0.25">
      <c r="A1324">
        <v>14</v>
      </c>
      <c r="B1324" s="2">
        <v>137.935</v>
      </c>
      <c r="C1324" s="2">
        <v>203.131</v>
      </c>
      <c r="D1324" s="2">
        <v>6083.46</v>
      </c>
      <c r="E1324" s="2">
        <v>2.6771699999999998</v>
      </c>
      <c r="F1324" s="2">
        <v>7860.24</v>
      </c>
      <c r="G1324" s="2">
        <v>13.7896</v>
      </c>
      <c r="J1324">
        <v>3182.38</v>
      </c>
      <c r="K1324">
        <v>74.304599999999994</v>
      </c>
    </row>
    <row r="1325" spans="1:11" x14ac:dyDescent="0.25">
      <c r="A1325">
        <v>14</v>
      </c>
      <c r="B1325">
        <v>141.084</v>
      </c>
      <c r="C1325">
        <v>198.72200000000001</v>
      </c>
      <c r="D1325">
        <v>6083.46</v>
      </c>
      <c r="E1325">
        <v>3.9763799999999998</v>
      </c>
      <c r="F1325">
        <v>7469.33</v>
      </c>
      <c r="G1325">
        <v>16.398399999999999</v>
      </c>
      <c r="J1325">
        <v>3182.38</v>
      </c>
      <c r="K1325">
        <v>74.304599999999994</v>
      </c>
    </row>
    <row r="1326" spans="1:11" x14ac:dyDescent="0.25">
      <c r="A1326">
        <v>14</v>
      </c>
      <c r="B1326">
        <v>163.761</v>
      </c>
      <c r="C1326">
        <v>202.81700000000001</v>
      </c>
      <c r="D1326">
        <v>1800</v>
      </c>
      <c r="E1326">
        <v>3.8110200000000001</v>
      </c>
      <c r="F1326">
        <v>3250.23</v>
      </c>
      <c r="G1326">
        <v>73.559899999999999</v>
      </c>
      <c r="J1326">
        <v>3250.23</v>
      </c>
      <c r="K1326">
        <v>73.559899999999999</v>
      </c>
    </row>
    <row r="1327" spans="1:11" x14ac:dyDescent="0.25">
      <c r="A1327">
        <v>14</v>
      </c>
      <c r="B1327">
        <v>161.24199999999999</v>
      </c>
      <c r="C1327">
        <v>200.92699999999999</v>
      </c>
      <c r="D1327">
        <v>2335.4299999999998</v>
      </c>
      <c r="E1327">
        <v>2.9606300000000001</v>
      </c>
      <c r="F1327">
        <v>3950.78</v>
      </c>
      <c r="G1327">
        <v>24.827000000000002</v>
      </c>
      <c r="J1327">
        <v>3294.17</v>
      </c>
      <c r="K1327">
        <v>68.730099999999993</v>
      </c>
    </row>
    <row r="1328" spans="1:11" x14ac:dyDescent="0.25">
      <c r="A1328">
        <v>14</v>
      </c>
      <c r="B1328" s="1">
        <v>174.47</v>
      </c>
      <c r="C1328" s="1">
        <v>200.92699999999999</v>
      </c>
      <c r="D1328" s="1">
        <v>1800</v>
      </c>
      <c r="E1328" s="1">
        <v>3.9763799999999998</v>
      </c>
      <c r="F1328" s="1">
        <v>3087.32</v>
      </c>
      <c r="G1328" s="1">
        <v>106.405</v>
      </c>
      <c r="J1328">
        <v>3302.26</v>
      </c>
      <c r="K1328">
        <v>57.241799999999998</v>
      </c>
    </row>
    <row r="1329" spans="1:18" x14ac:dyDescent="0.25">
      <c r="A1329">
        <v>14</v>
      </c>
      <c r="B1329">
        <v>161.24199999999999</v>
      </c>
      <c r="C1329">
        <v>200.92699999999999</v>
      </c>
      <c r="D1329">
        <v>2335.4299999999998</v>
      </c>
      <c r="E1329">
        <v>2.9606300000000001</v>
      </c>
      <c r="F1329">
        <v>3950.78</v>
      </c>
      <c r="G1329">
        <v>24.827000000000002</v>
      </c>
      <c r="J1329">
        <v>3748.22</v>
      </c>
      <c r="K1329">
        <v>49.7836</v>
      </c>
    </row>
    <row r="1330" spans="1:18" x14ac:dyDescent="0.25">
      <c r="A1330">
        <v>14</v>
      </c>
      <c r="B1330">
        <v>161.24199999999999</v>
      </c>
      <c r="C1330">
        <v>200.92699999999999</v>
      </c>
      <c r="D1330">
        <v>2335.4299999999998</v>
      </c>
      <c r="E1330">
        <v>2.9606300000000001</v>
      </c>
      <c r="F1330">
        <v>3950.78</v>
      </c>
      <c r="G1330">
        <v>24.827000000000002</v>
      </c>
      <c r="J1330">
        <v>3748.22</v>
      </c>
      <c r="K1330">
        <v>49.7836</v>
      </c>
    </row>
    <row r="1331" spans="1:18" x14ac:dyDescent="0.25">
      <c r="A1331">
        <v>14</v>
      </c>
      <c r="B1331">
        <v>165.65100000000001</v>
      </c>
      <c r="C1331">
        <v>204.70599999999999</v>
      </c>
      <c r="D1331">
        <v>1800</v>
      </c>
      <c r="E1331">
        <v>3.6929099999999999</v>
      </c>
      <c r="F1331">
        <v>3294.17</v>
      </c>
      <c r="G1331">
        <v>68.730099999999993</v>
      </c>
      <c r="J1331">
        <v>3922.51</v>
      </c>
      <c r="K1331">
        <v>29.449200000000001</v>
      </c>
    </row>
    <row r="1332" spans="1:18" x14ac:dyDescent="0.25">
      <c r="A1332">
        <v>14</v>
      </c>
      <c r="B1332">
        <v>160.61199999999999</v>
      </c>
      <c r="C1332">
        <v>200.297</v>
      </c>
      <c r="D1332">
        <v>2335.4299999999998</v>
      </c>
      <c r="E1332">
        <v>3.0551200000000001</v>
      </c>
      <c r="F1332">
        <v>3922.51</v>
      </c>
      <c r="G1332">
        <v>29.449200000000001</v>
      </c>
      <c r="J1332">
        <v>3950.78</v>
      </c>
      <c r="K1332">
        <v>24.827000000000002</v>
      </c>
    </row>
    <row r="1333" spans="1:18" x14ac:dyDescent="0.25">
      <c r="A1333">
        <v>14</v>
      </c>
      <c r="B1333" s="1">
        <v>170.691</v>
      </c>
      <c r="C1333" s="1">
        <v>195.887</v>
      </c>
      <c r="D1333" s="1">
        <v>1800</v>
      </c>
      <c r="E1333" s="1">
        <v>3.9763799999999998</v>
      </c>
      <c r="F1333" s="1">
        <v>3100.39</v>
      </c>
      <c r="G1333" s="1">
        <v>96.464200000000005</v>
      </c>
      <c r="J1333">
        <v>3950.78</v>
      </c>
      <c r="K1333">
        <v>24.827000000000002</v>
      </c>
    </row>
    <row r="1334" spans="1:18" x14ac:dyDescent="0.25">
      <c r="A1334">
        <v>14</v>
      </c>
      <c r="B1334">
        <v>161.24199999999999</v>
      </c>
      <c r="C1334">
        <v>200.61199999999999</v>
      </c>
      <c r="D1334">
        <v>1800</v>
      </c>
      <c r="E1334">
        <v>1.1653500000000001</v>
      </c>
      <c r="F1334">
        <v>5140.91</v>
      </c>
      <c r="G1334">
        <v>20.473600000000001</v>
      </c>
      <c r="J1334">
        <v>3950.78</v>
      </c>
      <c r="K1334">
        <v>24.827000000000002</v>
      </c>
    </row>
    <row r="1335" spans="1:18" x14ac:dyDescent="0.25">
      <c r="A1335">
        <v>14</v>
      </c>
      <c r="B1335" s="3">
        <v>161.24199999999999</v>
      </c>
      <c r="C1335" s="3">
        <v>200.92699999999999</v>
      </c>
      <c r="D1335" s="3">
        <v>2335.4299999999998</v>
      </c>
      <c r="E1335" s="3">
        <v>2.9606300000000001</v>
      </c>
      <c r="F1335" s="3">
        <v>3950.78</v>
      </c>
      <c r="G1335" s="3">
        <v>24.827000000000002</v>
      </c>
      <c r="J1335">
        <v>3950.78</v>
      </c>
      <c r="K1335">
        <v>24.827000000000002</v>
      </c>
    </row>
    <row r="1336" spans="1:18" x14ac:dyDescent="0.25">
      <c r="A1336">
        <v>14</v>
      </c>
      <c r="B1336">
        <v>166.28100000000001</v>
      </c>
      <c r="C1336">
        <v>201.87200000000001</v>
      </c>
      <c r="D1336">
        <v>1800</v>
      </c>
      <c r="E1336">
        <v>3.8110200000000001</v>
      </c>
      <c r="F1336">
        <v>3182.38</v>
      </c>
      <c r="G1336">
        <v>74.304599999999994</v>
      </c>
      <c r="J1336">
        <v>3950.78</v>
      </c>
      <c r="K1336">
        <v>24.827000000000002</v>
      </c>
    </row>
    <row r="1337" spans="1:18" x14ac:dyDescent="0.25">
      <c r="A1337">
        <v>14</v>
      </c>
      <c r="B1337">
        <v>165.65100000000001</v>
      </c>
      <c r="C1337">
        <v>199.982</v>
      </c>
      <c r="D1337">
        <v>1933.86</v>
      </c>
      <c r="E1337">
        <v>3.7873999999999999</v>
      </c>
      <c r="F1337">
        <v>3302.26</v>
      </c>
      <c r="G1337">
        <v>57.241799999999998</v>
      </c>
      <c r="J1337">
        <v>3950.78</v>
      </c>
      <c r="K1337">
        <v>24.827000000000002</v>
      </c>
    </row>
    <row r="1338" spans="1:18" x14ac:dyDescent="0.25">
      <c r="A1338">
        <v>14</v>
      </c>
      <c r="B1338">
        <v>161.24199999999999</v>
      </c>
      <c r="C1338">
        <v>202.81700000000001</v>
      </c>
      <c r="D1338">
        <v>2335.4299999999998</v>
      </c>
      <c r="E1338">
        <v>3.8110200000000001</v>
      </c>
      <c r="F1338">
        <v>3748.22</v>
      </c>
      <c r="G1338">
        <v>49.7836</v>
      </c>
      <c r="J1338">
        <v>5140.91</v>
      </c>
      <c r="K1338">
        <v>20.473600000000001</v>
      </c>
    </row>
    <row r="1339" spans="1:18" x14ac:dyDescent="0.25">
      <c r="A1339">
        <v>14</v>
      </c>
      <c r="B1339" s="2">
        <v>137.935</v>
      </c>
      <c r="C1339" s="2">
        <v>198.09200000000001</v>
      </c>
      <c r="D1339" s="2">
        <v>6083.46</v>
      </c>
      <c r="E1339" s="2">
        <v>2.1102400000000001</v>
      </c>
      <c r="F1339" s="2">
        <v>8238.3799999999992</v>
      </c>
      <c r="G1339" s="2">
        <v>11.8962</v>
      </c>
      <c r="J1339">
        <v>5140.91</v>
      </c>
      <c r="K1339">
        <v>20.473600000000001</v>
      </c>
      <c r="N1339" t="s">
        <v>0</v>
      </c>
      <c r="P1339" t="s">
        <v>2</v>
      </c>
      <c r="R1339">
        <v>15</v>
      </c>
    </row>
    <row r="1340" spans="1:18" x14ac:dyDescent="0.25">
      <c r="A1340">
        <v>14</v>
      </c>
      <c r="B1340">
        <v>166.28100000000001</v>
      </c>
      <c r="C1340">
        <v>201.87200000000001</v>
      </c>
      <c r="D1340">
        <v>1800</v>
      </c>
      <c r="E1340">
        <v>3.8110200000000001</v>
      </c>
      <c r="F1340">
        <v>3182.38</v>
      </c>
      <c r="G1340">
        <v>74.304599999999994</v>
      </c>
      <c r="J1340">
        <v>5140.91</v>
      </c>
      <c r="K1340">
        <v>20.473600000000001</v>
      </c>
      <c r="N1340">
        <v>55</v>
      </c>
      <c r="O1340">
        <v>8032</v>
      </c>
    </row>
    <row r="1341" spans="1:18" x14ac:dyDescent="0.25">
      <c r="A1341">
        <v>14</v>
      </c>
      <c r="B1341">
        <v>161.24199999999999</v>
      </c>
      <c r="C1341">
        <v>200.92699999999999</v>
      </c>
      <c r="D1341">
        <v>2335.4299999999998</v>
      </c>
      <c r="E1341">
        <v>2.9606300000000001</v>
      </c>
      <c r="F1341">
        <v>3950.78</v>
      </c>
      <c r="G1341">
        <v>24.827000000000002</v>
      </c>
      <c r="J1341">
        <v>5140.91</v>
      </c>
      <c r="K1341">
        <v>20.473600000000001</v>
      </c>
    </row>
    <row r="1342" spans="1:18" x14ac:dyDescent="0.25">
      <c r="A1342">
        <v>14</v>
      </c>
      <c r="B1342">
        <v>161.24199999999999</v>
      </c>
      <c r="C1342">
        <v>200.92699999999999</v>
      </c>
      <c r="D1342">
        <v>2335.4299999999998</v>
      </c>
      <c r="E1342">
        <v>2.9606300000000001</v>
      </c>
      <c r="F1342">
        <v>3950.78</v>
      </c>
      <c r="G1342">
        <v>24.827000000000002</v>
      </c>
      <c r="J1342">
        <v>7152.81</v>
      </c>
      <c r="K1342">
        <v>19.911000000000001</v>
      </c>
    </row>
    <row r="1343" spans="1:18" x14ac:dyDescent="0.25">
      <c r="A1343">
        <v>14</v>
      </c>
      <c r="B1343" s="2">
        <v>136.04499999999999</v>
      </c>
      <c r="C1343" s="2">
        <v>195.572</v>
      </c>
      <c r="D1343" s="2">
        <v>6083.46</v>
      </c>
      <c r="E1343" s="2">
        <v>1.1653500000000001</v>
      </c>
      <c r="F1343" s="2">
        <v>9446.7000000000007</v>
      </c>
      <c r="G1343" s="2">
        <v>11.3193</v>
      </c>
      <c r="J1343">
        <v>7421.91</v>
      </c>
      <c r="K1343">
        <v>16.4617</v>
      </c>
    </row>
    <row r="1344" spans="1:18" x14ac:dyDescent="0.25">
      <c r="A1344">
        <v>14</v>
      </c>
      <c r="B1344" s="2">
        <v>137.935</v>
      </c>
      <c r="C1344" s="2">
        <v>198.09200000000001</v>
      </c>
      <c r="D1344" s="2">
        <v>6083.46</v>
      </c>
      <c r="E1344" s="2">
        <v>2.1102400000000001</v>
      </c>
      <c r="F1344" s="2">
        <v>8238.3799999999992</v>
      </c>
      <c r="G1344" s="2">
        <v>11.8962</v>
      </c>
      <c r="J1344">
        <v>7469.33</v>
      </c>
      <c r="K1344">
        <v>16.398399999999999</v>
      </c>
    </row>
    <row r="1345" spans="1:11" x14ac:dyDescent="0.25">
      <c r="A1345">
        <v>14</v>
      </c>
      <c r="B1345">
        <v>161.24199999999999</v>
      </c>
      <c r="C1345">
        <v>200.61199999999999</v>
      </c>
      <c r="D1345">
        <v>1800</v>
      </c>
      <c r="E1345">
        <v>1.1653500000000001</v>
      </c>
      <c r="F1345">
        <v>5140.91</v>
      </c>
      <c r="G1345">
        <v>20.473600000000001</v>
      </c>
      <c r="J1345">
        <v>7525.89</v>
      </c>
      <c r="K1345">
        <v>15.047800000000001</v>
      </c>
    </row>
    <row r="1346" spans="1:11" x14ac:dyDescent="0.25">
      <c r="A1346">
        <v>14</v>
      </c>
      <c r="B1346" s="2">
        <v>137.935</v>
      </c>
      <c r="C1346" s="2">
        <v>198.09200000000001</v>
      </c>
      <c r="D1346" s="2">
        <v>6083.46</v>
      </c>
      <c r="E1346" s="2">
        <v>2.1102400000000001</v>
      </c>
      <c r="F1346" s="2">
        <v>8238.3799999999992</v>
      </c>
      <c r="G1346" s="2">
        <v>11.8962</v>
      </c>
      <c r="J1346">
        <v>7860.24</v>
      </c>
      <c r="K1346">
        <v>13.7896</v>
      </c>
    </row>
    <row r="1347" spans="1:11" x14ac:dyDescent="0.25">
      <c r="A1347">
        <v>14</v>
      </c>
      <c r="B1347">
        <v>161.24199999999999</v>
      </c>
      <c r="C1347">
        <v>202.81700000000001</v>
      </c>
      <c r="D1347">
        <v>2335.4299999999998</v>
      </c>
      <c r="E1347">
        <v>3.8110200000000001</v>
      </c>
      <c r="F1347">
        <v>3748.22</v>
      </c>
      <c r="G1347">
        <v>49.7836</v>
      </c>
      <c r="J1347">
        <v>8238.3799999999992</v>
      </c>
      <c r="K1347">
        <v>11.8962</v>
      </c>
    </row>
    <row r="1348" spans="1:11" x14ac:dyDescent="0.25">
      <c r="A1348">
        <v>14</v>
      </c>
      <c r="B1348">
        <v>161.24199999999999</v>
      </c>
      <c r="C1348">
        <v>200.61199999999999</v>
      </c>
      <c r="D1348">
        <v>1800</v>
      </c>
      <c r="E1348">
        <v>1.1653500000000001</v>
      </c>
      <c r="F1348">
        <v>5140.91</v>
      </c>
      <c r="G1348">
        <v>20.473600000000001</v>
      </c>
      <c r="J1348">
        <v>8238.3799999999992</v>
      </c>
      <c r="K1348">
        <v>11.8962</v>
      </c>
    </row>
    <row r="1349" spans="1:11" x14ac:dyDescent="0.25">
      <c r="A1349">
        <v>14</v>
      </c>
      <c r="B1349">
        <v>161.24199999999999</v>
      </c>
      <c r="C1349">
        <v>200.61199999999999</v>
      </c>
      <c r="D1349">
        <v>1800</v>
      </c>
      <c r="E1349">
        <v>1.1653500000000001</v>
      </c>
      <c r="F1349">
        <v>5140.91</v>
      </c>
      <c r="G1349">
        <v>20.473600000000001</v>
      </c>
      <c r="J1349">
        <v>8238.3799999999992</v>
      </c>
      <c r="K1349">
        <v>11.8962</v>
      </c>
    </row>
    <row r="1350" spans="1:11" x14ac:dyDescent="0.25">
      <c r="A1350">
        <v>14</v>
      </c>
      <c r="B1350" s="2">
        <v>141.084</v>
      </c>
      <c r="C1350" s="2">
        <v>195.887</v>
      </c>
      <c r="D1350" s="2">
        <v>6083.46</v>
      </c>
      <c r="E1350" s="2">
        <v>3.6220500000000002</v>
      </c>
      <c r="F1350" s="2">
        <v>7421.91</v>
      </c>
      <c r="G1350" s="2">
        <v>16.4617</v>
      </c>
      <c r="J1350">
        <v>9446.7000000000007</v>
      </c>
      <c r="K1350">
        <v>11.3193</v>
      </c>
    </row>
    <row r="1351" spans="1:11" x14ac:dyDescent="0.25">
      <c r="A1351">
        <v>15</v>
      </c>
      <c r="B1351">
        <v>164.39099999999999</v>
      </c>
      <c r="C1351">
        <v>201.24199999999999</v>
      </c>
      <c r="D1351">
        <v>1933.86</v>
      </c>
      <c r="E1351">
        <v>2.65354</v>
      </c>
      <c r="F1351">
        <v>3735.56</v>
      </c>
      <c r="G1351">
        <v>68.434200000000004</v>
      </c>
    </row>
    <row r="1352" spans="1:11" x14ac:dyDescent="0.25">
      <c r="A1352">
        <v>15</v>
      </c>
      <c r="B1352">
        <v>161.24199999999999</v>
      </c>
      <c r="C1352">
        <v>200.61199999999999</v>
      </c>
      <c r="D1352">
        <v>1800</v>
      </c>
      <c r="E1352">
        <v>1.1653500000000001</v>
      </c>
      <c r="F1352">
        <v>5140.91</v>
      </c>
      <c r="G1352">
        <v>20.473600000000001</v>
      </c>
    </row>
    <row r="1353" spans="1:11" x14ac:dyDescent="0.25">
      <c r="A1353">
        <v>15</v>
      </c>
      <c r="B1353">
        <v>161.24199999999999</v>
      </c>
      <c r="C1353">
        <v>200.92699999999999</v>
      </c>
      <c r="D1353">
        <v>2335.4299999999998</v>
      </c>
      <c r="E1353">
        <v>2.9606300000000001</v>
      </c>
      <c r="F1353">
        <v>3950.78</v>
      </c>
      <c r="G1353">
        <v>24.827000000000002</v>
      </c>
    </row>
    <row r="1354" spans="1:11" x14ac:dyDescent="0.25">
      <c r="A1354">
        <v>15</v>
      </c>
      <c r="B1354">
        <v>163.761</v>
      </c>
      <c r="C1354">
        <v>195.25700000000001</v>
      </c>
      <c r="D1354">
        <v>1800</v>
      </c>
      <c r="E1354">
        <v>3.9763799999999998</v>
      </c>
      <c r="F1354">
        <v>3236.36</v>
      </c>
      <c r="G1354">
        <v>79.399299999999997</v>
      </c>
    </row>
    <row r="1355" spans="1:11" x14ac:dyDescent="0.25">
      <c r="A1355">
        <v>15</v>
      </c>
      <c r="B1355">
        <v>161.87200000000001</v>
      </c>
      <c r="C1355">
        <v>201.24199999999999</v>
      </c>
      <c r="D1355">
        <v>1933.86</v>
      </c>
      <c r="E1355">
        <v>3.4094500000000001</v>
      </c>
      <c r="F1355">
        <v>3573.7</v>
      </c>
      <c r="G1355">
        <v>65.700800000000001</v>
      </c>
    </row>
    <row r="1356" spans="1:11" x14ac:dyDescent="0.25">
      <c r="A1356">
        <v>15</v>
      </c>
      <c r="B1356">
        <v>141.084</v>
      </c>
      <c r="C1356">
        <v>202.81700000000001</v>
      </c>
      <c r="D1356">
        <v>2335.4299999999998</v>
      </c>
      <c r="E1356">
        <v>3.4330699999999998</v>
      </c>
      <c r="F1356">
        <v>4169.37</v>
      </c>
      <c r="G1356">
        <v>106.64400000000001</v>
      </c>
    </row>
    <row r="1357" spans="1:11" x14ac:dyDescent="0.25">
      <c r="A1357">
        <v>15</v>
      </c>
      <c r="B1357">
        <v>140.45400000000001</v>
      </c>
      <c r="C1357">
        <v>196.517</v>
      </c>
      <c r="D1357">
        <v>6083.46</v>
      </c>
      <c r="E1357">
        <v>3.59843</v>
      </c>
      <c r="F1357">
        <v>7613.14</v>
      </c>
      <c r="G1357">
        <v>15.106299999999999</v>
      </c>
    </row>
    <row r="1358" spans="1:11" x14ac:dyDescent="0.25">
      <c r="A1358">
        <v>15</v>
      </c>
      <c r="B1358">
        <v>163.761</v>
      </c>
      <c r="C1358">
        <v>195.25700000000001</v>
      </c>
      <c r="D1358">
        <v>1800</v>
      </c>
      <c r="E1358">
        <v>3.9763799999999998</v>
      </c>
      <c r="F1358">
        <v>3236.36</v>
      </c>
      <c r="G1358">
        <v>79.399299999999997</v>
      </c>
    </row>
    <row r="1359" spans="1:11" x14ac:dyDescent="0.25">
      <c r="A1359">
        <v>15</v>
      </c>
      <c r="B1359">
        <v>161.24199999999999</v>
      </c>
      <c r="C1359">
        <v>201.87200000000001</v>
      </c>
      <c r="D1359">
        <v>3406.3</v>
      </c>
      <c r="E1359">
        <v>2.29921</v>
      </c>
      <c r="F1359">
        <v>5220.04</v>
      </c>
      <c r="G1359">
        <v>59.089799999999997</v>
      </c>
    </row>
    <row r="1360" spans="1:11" x14ac:dyDescent="0.25">
      <c r="A1360">
        <v>15</v>
      </c>
      <c r="B1360">
        <v>161.24199999999999</v>
      </c>
      <c r="C1360">
        <v>195.887</v>
      </c>
      <c r="D1360">
        <v>3406.3</v>
      </c>
      <c r="E1360">
        <v>3.7873999999999999</v>
      </c>
      <c r="F1360">
        <v>4567.9799999999996</v>
      </c>
      <c r="G1360">
        <v>28.374600000000001</v>
      </c>
    </row>
    <row r="1361" spans="1:7" x14ac:dyDescent="0.25">
      <c r="A1361">
        <v>15</v>
      </c>
      <c r="B1361">
        <v>162.50200000000001</v>
      </c>
      <c r="C1361">
        <v>204.07599999999999</v>
      </c>
      <c r="D1361">
        <v>1800</v>
      </c>
      <c r="E1361">
        <v>3.7165400000000002</v>
      </c>
      <c r="F1361">
        <v>3275.61</v>
      </c>
      <c r="G1361">
        <v>75.676500000000004</v>
      </c>
    </row>
    <row r="1362" spans="1:7" x14ac:dyDescent="0.25">
      <c r="A1362">
        <v>15</v>
      </c>
      <c r="B1362">
        <v>140.45400000000001</v>
      </c>
      <c r="C1362">
        <v>196.517</v>
      </c>
      <c r="D1362">
        <v>6083.46</v>
      </c>
      <c r="E1362">
        <v>3.59843</v>
      </c>
      <c r="F1362">
        <v>7613.14</v>
      </c>
      <c r="G1362">
        <v>15.106299999999999</v>
      </c>
    </row>
    <row r="1363" spans="1:7" x14ac:dyDescent="0.25">
      <c r="A1363">
        <v>15</v>
      </c>
      <c r="B1363">
        <v>163.761</v>
      </c>
      <c r="C1363">
        <v>200.297</v>
      </c>
      <c r="D1363">
        <v>1800</v>
      </c>
      <c r="E1363">
        <v>2.29921</v>
      </c>
      <c r="F1363">
        <v>3939.48</v>
      </c>
      <c r="G1363">
        <v>73.017300000000006</v>
      </c>
    </row>
    <row r="1364" spans="1:7" x14ac:dyDescent="0.25">
      <c r="A1364">
        <v>15</v>
      </c>
      <c r="B1364">
        <v>171.32</v>
      </c>
      <c r="C1364">
        <v>200.92699999999999</v>
      </c>
      <c r="D1364">
        <v>1800</v>
      </c>
      <c r="E1364">
        <v>3.2440899999999999</v>
      </c>
      <c r="F1364">
        <v>3338.46</v>
      </c>
      <c r="G1364">
        <v>106.53</v>
      </c>
    </row>
    <row r="1365" spans="1:7" x14ac:dyDescent="0.25">
      <c r="A1365">
        <v>15</v>
      </c>
      <c r="B1365">
        <v>161.24199999999999</v>
      </c>
      <c r="C1365">
        <v>200.61199999999999</v>
      </c>
      <c r="D1365">
        <v>1800</v>
      </c>
      <c r="E1365">
        <v>2.29921</v>
      </c>
      <c r="F1365">
        <v>3917.27</v>
      </c>
      <c r="G1365">
        <v>67.829300000000003</v>
      </c>
    </row>
    <row r="1366" spans="1:7" x14ac:dyDescent="0.25">
      <c r="A1366">
        <v>15</v>
      </c>
      <c r="B1366">
        <v>166.28100000000001</v>
      </c>
      <c r="C1366">
        <v>201.87200000000001</v>
      </c>
      <c r="D1366">
        <v>3406.3</v>
      </c>
      <c r="E1366">
        <v>3.0314999999999999</v>
      </c>
      <c r="F1366">
        <v>4764.3500000000004</v>
      </c>
      <c r="G1366">
        <v>85.084299999999999</v>
      </c>
    </row>
    <row r="1367" spans="1:7" x14ac:dyDescent="0.25">
      <c r="A1367">
        <v>15</v>
      </c>
      <c r="B1367">
        <v>175.1</v>
      </c>
      <c r="C1367">
        <v>200.297</v>
      </c>
      <c r="D1367">
        <v>2335.4299999999998</v>
      </c>
      <c r="E1367">
        <v>3.4094500000000001</v>
      </c>
      <c r="F1367">
        <v>3473.3</v>
      </c>
      <c r="G1367">
        <v>109.658</v>
      </c>
    </row>
    <row r="1368" spans="1:7" x14ac:dyDescent="0.25">
      <c r="A1368">
        <v>15</v>
      </c>
      <c r="B1368">
        <v>161.24199999999999</v>
      </c>
      <c r="C1368">
        <v>202.81700000000001</v>
      </c>
      <c r="D1368">
        <v>2335.4299999999998</v>
      </c>
      <c r="E1368">
        <v>4</v>
      </c>
      <c r="F1368">
        <v>3697.32</v>
      </c>
      <c r="G1368">
        <v>49.619300000000003</v>
      </c>
    </row>
    <row r="1369" spans="1:7" x14ac:dyDescent="0.25">
      <c r="A1369">
        <v>15</v>
      </c>
      <c r="B1369">
        <v>141.084</v>
      </c>
      <c r="C1369">
        <v>204.07599999999999</v>
      </c>
      <c r="D1369">
        <v>6618.9</v>
      </c>
      <c r="E1369">
        <v>2.9370099999999999</v>
      </c>
      <c r="F1369">
        <v>8248.59</v>
      </c>
      <c r="G1369">
        <v>19.910599999999999</v>
      </c>
    </row>
    <row r="1370" spans="1:7" x14ac:dyDescent="0.25">
      <c r="A1370">
        <v>15</v>
      </c>
      <c r="B1370">
        <v>164.39099999999999</v>
      </c>
      <c r="C1370">
        <v>201.24199999999999</v>
      </c>
      <c r="D1370">
        <v>1933.86</v>
      </c>
      <c r="E1370">
        <v>2.65354</v>
      </c>
      <c r="F1370">
        <v>3735.56</v>
      </c>
      <c r="G1370">
        <v>68.434200000000004</v>
      </c>
    </row>
    <row r="1371" spans="1:7" x14ac:dyDescent="0.25">
      <c r="A1371">
        <v>15</v>
      </c>
      <c r="B1371">
        <v>161.24199999999999</v>
      </c>
      <c r="C1371">
        <v>202.18700000000001</v>
      </c>
      <c r="D1371">
        <v>1800</v>
      </c>
      <c r="E1371">
        <v>3.8110200000000001</v>
      </c>
      <c r="F1371">
        <v>3313.06</v>
      </c>
      <c r="G1371">
        <v>80.397000000000006</v>
      </c>
    </row>
    <row r="1372" spans="1:7" x14ac:dyDescent="0.25">
      <c r="A1372">
        <v>15</v>
      </c>
      <c r="B1372">
        <v>164.39099999999999</v>
      </c>
      <c r="C1372">
        <v>201.24199999999999</v>
      </c>
      <c r="D1372">
        <v>1933.86</v>
      </c>
      <c r="E1372">
        <v>2.65354</v>
      </c>
      <c r="F1372">
        <v>3735.56</v>
      </c>
      <c r="G1372">
        <v>68.434200000000004</v>
      </c>
    </row>
    <row r="1373" spans="1:7" x14ac:dyDescent="0.25">
      <c r="A1373">
        <v>15</v>
      </c>
      <c r="B1373">
        <v>161.24199999999999</v>
      </c>
      <c r="C1373">
        <v>202.18700000000001</v>
      </c>
      <c r="D1373">
        <v>2870.87</v>
      </c>
      <c r="E1373">
        <v>3.0551200000000001</v>
      </c>
      <c r="F1373">
        <v>4319</v>
      </c>
      <c r="G1373">
        <v>26.6569</v>
      </c>
    </row>
    <row r="1374" spans="1:7" x14ac:dyDescent="0.25">
      <c r="A1374">
        <v>15</v>
      </c>
      <c r="B1374">
        <v>156.202</v>
      </c>
      <c r="C1374">
        <v>201.87200000000001</v>
      </c>
      <c r="D1374">
        <v>3406.3</v>
      </c>
      <c r="E1374">
        <v>3.7873999999999999</v>
      </c>
      <c r="F1374">
        <v>4688.67</v>
      </c>
      <c r="G1374">
        <v>30.164300000000001</v>
      </c>
    </row>
    <row r="1375" spans="1:7" x14ac:dyDescent="0.25">
      <c r="A1375">
        <v>15</v>
      </c>
      <c r="B1375">
        <v>160.61199999999999</v>
      </c>
      <c r="C1375">
        <v>202.18700000000001</v>
      </c>
      <c r="D1375">
        <v>2335.4299999999998</v>
      </c>
      <c r="E1375">
        <v>2.9370099999999999</v>
      </c>
      <c r="F1375">
        <v>3962.23</v>
      </c>
      <c r="G1375">
        <v>30.6447</v>
      </c>
    </row>
    <row r="1376" spans="1:7" x14ac:dyDescent="0.25">
      <c r="A1376">
        <v>15</v>
      </c>
      <c r="B1376">
        <v>166.28100000000001</v>
      </c>
      <c r="C1376">
        <v>200.297</v>
      </c>
      <c r="D1376">
        <v>1800</v>
      </c>
      <c r="E1376">
        <v>3.7873999999999999</v>
      </c>
      <c r="F1376">
        <v>3188.33</v>
      </c>
      <c r="G1376">
        <v>74.307199999999995</v>
      </c>
    </row>
    <row r="1377" spans="1:7" x14ac:dyDescent="0.25">
      <c r="A1377">
        <v>15</v>
      </c>
      <c r="B1377">
        <v>161.24199999999999</v>
      </c>
      <c r="C1377">
        <v>197.77699999999999</v>
      </c>
      <c r="D1377">
        <v>6618.9</v>
      </c>
      <c r="E1377">
        <v>3.7873999999999999</v>
      </c>
      <c r="F1377">
        <v>7772.02</v>
      </c>
      <c r="G1377">
        <v>28.374600000000001</v>
      </c>
    </row>
    <row r="1378" spans="1:7" x14ac:dyDescent="0.25">
      <c r="A1378">
        <v>15</v>
      </c>
      <c r="B1378">
        <v>140.45400000000001</v>
      </c>
      <c r="C1378">
        <v>204.70599999999999</v>
      </c>
      <c r="D1378">
        <v>6083.46</v>
      </c>
      <c r="E1378">
        <v>3.7873999999999999</v>
      </c>
      <c r="F1378">
        <v>7535.69</v>
      </c>
      <c r="G1378">
        <v>15.052099999999999</v>
      </c>
    </row>
    <row r="1379" spans="1:7" x14ac:dyDescent="0.25">
      <c r="A1379">
        <v>15</v>
      </c>
      <c r="B1379">
        <v>142.97399999999999</v>
      </c>
      <c r="C1379">
        <v>195.25700000000001</v>
      </c>
      <c r="D1379">
        <v>1800</v>
      </c>
      <c r="E1379">
        <v>1.1653500000000001</v>
      </c>
      <c r="F1379">
        <v>5452.58</v>
      </c>
      <c r="G1379">
        <v>71.841200000000001</v>
      </c>
    </row>
    <row r="1380" spans="1:7" x14ac:dyDescent="0.25">
      <c r="A1380">
        <v>15</v>
      </c>
      <c r="B1380">
        <v>161.87200000000001</v>
      </c>
      <c r="C1380">
        <v>195.887</v>
      </c>
      <c r="D1380">
        <v>1933.86</v>
      </c>
      <c r="E1380">
        <v>3.9763799999999998</v>
      </c>
      <c r="F1380">
        <v>3381.05</v>
      </c>
      <c r="G1380">
        <v>73.839100000000002</v>
      </c>
    </row>
    <row r="1381" spans="1:7" x14ac:dyDescent="0.25">
      <c r="A1381">
        <v>15</v>
      </c>
      <c r="B1381">
        <v>163.131</v>
      </c>
      <c r="C1381">
        <v>195.25700000000001</v>
      </c>
      <c r="D1381">
        <v>1800</v>
      </c>
      <c r="E1381">
        <v>3.7165400000000002</v>
      </c>
      <c r="F1381">
        <v>3369.81</v>
      </c>
      <c r="G1381">
        <v>82.484300000000005</v>
      </c>
    </row>
    <row r="1382" spans="1:7" x14ac:dyDescent="0.25">
      <c r="A1382">
        <v>15</v>
      </c>
      <c r="B1382">
        <v>163.131</v>
      </c>
      <c r="C1382">
        <v>181.084</v>
      </c>
      <c r="D1382">
        <v>3406.3</v>
      </c>
      <c r="E1382">
        <v>1.1417299999999999</v>
      </c>
      <c r="F1382">
        <v>6595.11</v>
      </c>
      <c r="G1382">
        <v>22.7392</v>
      </c>
    </row>
    <row r="1383" spans="1:7" x14ac:dyDescent="0.25">
      <c r="A1383">
        <v>15</v>
      </c>
      <c r="B1383">
        <v>161.24199999999999</v>
      </c>
      <c r="C1383">
        <v>200.297</v>
      </c>
      <c r="D1383">
        <v>1800</v>
      </c>
      <c r="E1383">
        <v>4</v>
      </c>
      <c r="F1383">
        <v>3288.78</v>
      </c>
      <c r="G1383">
        <v>75.977900000000005</v>
      </c>
    </row>
    <row r="1384" spans="1:7" x14ac:dyDescent="0.25">
      <c r="A1384">
        <v>15</v>
      </c>
      <c r="B1384">
        <v>140.45400000000001</v>
      </c>
      <c r="C1384">
        <v>204.07599999999999</v>
      </c>
      <c r="D1384">
        <v>6618.9</v>
      </c>
      <c r="E1384">
        <v>3.7873999999999999</v>
      </c>
      <c r="F1384">
        <v>7968.43</v>
      </c>
      <c r="G1384">
        <v>18.444900000000001</v>
      </c>
    </row>
    <row r="1385" spans="1:7" x14ac:dyDescent="0.25">
      <c r="A1385">
        <v>15</v>
      </c>
      <c r="B1385">
        <v>163.131</v>
      </c>
      <c r="C1385">
        <v>202.50200000000001</v>
      </c>
      <c r="D1385">
        <v>1933.86</v>
      </c>
      <c r="E1385">
        <v>3.4094500000000001</v>
      </c>
      <c r="F1385">
        <v>3516.54</v>
      </c>
      <c r="G1385">
        <v>68.293800000000005</v>
      </c>
    </row>
    <row r="1386" spans="1:7" x14ac:dyDescent="0.25">
      <c r="A1386">
        <v>15</v>
      </c>
      <c r="B1386">
        <v>161.24199999999999</v>
      </c>
      <c r="C1386">
        <v>200.92699999999999</v>
      </c>
      <c r="D1386">
        <v>2335.4299999999998</v>
      </c>
      <c r="E1386">
        <v>2.9606300000000001</v>
      </c>
      <c r="F1386">
        <v>3950.78</v>
      </c>
      <c r="G1386">
        <v>24.827000000000002</v>
      </c>
    </row>
    <row r="1387" spans="1:7" x14ac:dyDescent="0.25">
      <c r="A1387">
        <v>15</v>
      </c>
      <c r="B1387">
        <v>143.60400000000001</v>
      </c>
      <c r="C1387">
        <v>195.887</v>
      </c>
      <c r="D1387">
        <v>7288.19</v>
      </c>
      <c r="E1387">
        <v>3.9763799999999998</v>
      </c>
      <c r="F1387">
        <v>8626.8799999999992</v>
      </c>
      <c r="G1387">
        <v>24.3934</v>
      </c>
    </row>
    <row r="1388" spans="1:7" x14ac:dyDescent="0.25">
      <c r="A1388">
        <v>15</v>
      </c>
      <c r="B1388">
        <v>141.084</v>
      </c>
      <c r="C1388">
        <v>199.03700000000001</v>
      </c>
      <c r="D1388">
        <v>6618.9</v>
      </c>
      <c r="E1388">
        <v>4</v>
      </c>
      <c r="F1388">
        <v>8104.66</v>
      </c>
      <c r="G1388">
        <v>19.534300000000002</v>
      </c>
    </row>
    <row r="1389" spans="1:7" x14ac:dyDescent="0.25">
      <c r="A1389">
        <v>15</v>
      </c>
      <c r="B1389">
        <v>163.761</v>
      </c>
      <c r="C1389">
        <v>203.131</v>
      </c>
      <c r="D1389">
        <v>1800</v>
      </c>
      <c r="E1389">
        <v>3.4330699999999998</v>
      </c>
      <c r="F1389">
        <v>3347.44</v>
      </c>
      <c r="G1389">
        <v>73.524799999999999</v>
      </c>
    </row>
    <row r="1390" spans="1:7" x14ac:dyDescent="0.25">
      <c r="A1390">
        <v>15</v>
      </c>
      <c r="B1390">
        <v>158.72200000000001</v>
      </c>
      <c r="C1390">
        <v>201.87200000000001</v>
      </c>
      <c r="D1390">
        <v>2335.4299999999998</v>
      </c>
      <c r="E1390">
        <v>2.6771699999999998</v>
      </c>
      <c r="F1390">
        <v>4170.0200000000004</v>
      </c>
      <c r="G1390">
        <v>46.550600000000003</v>
      </c>
    </row>
    <row r="1391" spans="1:7" x14ac:dyDescent="0.25">
      <c r="A1391">
        <v>15</v>
      </c>
      <c r="B1391">
        <v>152.423</v>
      </c>
      <c r="C1391">
        <v>204.07599999999999</v>
      </c>
      <c r="D1391">
        <v>6083.46</v>
      </c>
      <c r="E1391">
        <v>3.7873999999999999</v>
      </c>
      <c r="F1391">
        <v>7207.18</v>
      </c>
      <c r="G1391">
        <v>36.863900000000001</v>
      </c>
    </row>
    <row r="1392" spans="1:7" x14ac:dyDescent="0.25">
      <c r="A1392">
        <v>15</v>
      </c>
      <c r="B1392">
        <v>161.24199999999999</v>
      </c>
      <c r="C1392">
        <v>202.81700000000001</v>
      </c>
      <c r="D1392">
        <v>2335.4299999999998</v>
      </c>
      <c r="E1392">
        <v>3.6929099999999999</v>
      </c>
      <c r="F1392">
        <v>3782.04</v>
      </c>
      <c r="G1392">
        <v>49.950499999999998</v>
      </c>
    </row>
    <row r="1393" spans="1:7" x14ac:dyDescent="0.25">
      <c r="A1393">
        <v>15</v>
      </c>
      <c r="B1393">
        <v>141.084</v>
      </c>
      <c r="C1393">
        <v>200.297</v>
      </c>
      <c r="D1393">
        <v>2469.29</v>
      </c>
      <c r="E1393">
        <v>2.8661400000000001</v>
      </c>
      <c r="F1393">
        <v>4466.53</v>
      </c>
      <c r="G1393">
        <v>97.648200000000003</v>
      </c>
    </row>
    <row r="1394" spans="1:7" x14ac:dyDescent="0.25">
      <c r="A1394">
        <v>15</v>
      </c>
      <c r="B1394">
        <v>170.06100000000001</v>
      </c>
      <c r="C1394">
        <v>201.55699999999999</v>
      </c>
      <c r="D1394">
        <v>2335.4299999999998</v>
      </c>
      <c r="E1394">
        <v>3.7873999999999999</v>
      </c>
      <c r="F1394">
        <v>3633.6</v>
      </c>
      <c r="G1394">
        <v>103.69499999999999</v>
      </c>
    </row>
    <row r="1395" spans="1:7" x14ac:dyDescent="0.25">
      <c r="A1395">
        <v>15</v>
      </c>
      <c r="B1395">
        <v>163.761</v>
      </c>
      <c r="C1395">
        <v>202.81700000000001</v>
      </c>
      <c r="D1395">
        <v>1800</v>
      </c>
      <c r="E1395">
        <v>3.9763799999999998</v>
      </c>
      <c r="F1395">
        <v>3236.36</v>
      </c>
      <c r="G1395">
        <v>77.363600000000005</v>
      </c>
    </row>
    <row r="1396" spans="1:7" x14ac:dyDescent="0.25">
      <c r="A1396">
        <v>15</v>
      </c>
      <c r="B1396">
        <v>163.761</v>
      </c>
      <c r="C1396">
        <v>202.81700000000001</v>
      </c>
      <c r="D1396">
        <v>2335.4299999999998</v>
      </c>
      <c r="E1396">
        <v>1.54331</v>
      </c>
      <c r="F1396">
        <v>4961.59</v>
      </c>
      <c r="G1396">
        <v>69.180700000000002</v>
      </c>
    </row>
    <row r="1397" spans="1:7" x14ac:dyDescent="0.25">
      <c r="A1397">
        <v>15</v>
      </c>
      <c r="B1397">
        <v>161.24199999999999</v>
      </c>
      <c r="C1397">
        <v>200.297</v>
      </c>
      <c r="D1397">
        <v>1800</v>
      </c>
      <c r="E1397">
        <v>2.9606300000000001</v>
      </c>
      <c r="F1397">
        <v>3635.92</v>
      </c>
      <c r="G1397">
        <v>73.394999999999996</v>
      </c>
    </row>
    <row r="1398" spans="1:7" x14ac:dyDescent="0.25">
      <c r="A1398">
        <v>15</v>
      </c>
      <c r="B1398">
        <v>163.761</v>
      </c>
      <c r="C1398">
        <v>200.297</v>
      </c>
      <c r="D1398">
        <v>6083.46</v>
      </c>
      <c r="E1398">
        <v>3.9763799999999998</v>
      </c>
      <c r="F1398">
        <v>7120.67</v>
      </c>
      <c r="G1398">
        <v>80.900499999999994</v>
      </c>
    </row>
    <row r="1399" spans="1:7" x14ac:dyDescent="0.25">
      <c r="A1399">
        <v>15</v>
      </c>
      <c r="B1399">
        <v>161.24199999999999</v>
      </c>
      <c r="C1399">
        <v>200.297</v>
      </c>
      <c r="D1399">
        <v>2335.4299999999998</v>
      </c>
      <c r="E1399">
        <v>2.9606300000000001</v>
      </c>
      <c r="F1399">
        <v>3950.78</v>
      </c>
      <c r="G1399">
        <v>24.827000000000002</v>
      </c>
    </row>
    <row r="1400" spans="1:7" x14ac:dyDescent="0.25">
      <c r="A1400">
        <v>15</v>
      </c>
      <c r="B1400">
        <v>163.131</v>
      </c>
      <c r="C1400">
        <v>200.92699999999999</v>
      </c>
      <c r="D1400">
        <v>1800</v>
      </c>
      <c r="E1400">
        <v>3.0551200000000001</v>
      </c>
      <c r="F1400">
        <v>3477.74</v>
      </c>
      <c r="G1400">
        <v>74.0732</v>
      </c>
    </row>
    <row r="1401" spans="1:7" x14ac:dyDescent="0.25">
      <c r="A1401">
        <v>15</v>
      </c>
      <c r="B1401">
        <v>141.084</v>
      </c>
      <c r="C1401">
        <v>199.03700000000001</v>
      </c>
      <c r="D1401">
        <v>6083.46</v>
      </c>
      <c r="E1401">
        <v>3.6220500000000002</v>
      </c>
      <c r="F1401">
        <v>7422.19</v>
      </c>
      <c r="G1401">
        <v>16.4617</v>
      </c>
    </row>
    <row r="1402" spans="1:7" x14ac:dyDescent="0.25">
      <c r="A1402">
        <v>15</v>
      </c>
      <c r="B1402">
        <v>160.61199999999999</v>
      </c>
      <c r="C1402">
        <v>200.92699999999999</v>
      </c>
      <c r="D1402">
        <v>1800</v>
      </c>
      <c r="E1402">
        <v>3.0551200000000001</v>
      </c>
      <c r="F1402">
        <v>3579.6</v>
      </c>
      <c r="G1402">
        <v>75.996300000000005</v>
      </c>
    </row>
    <row r="1403" spans="1:7" x14ac:dyDescent="0.25">
      <c r="A1403">
        <v>15</v>
      </c>
      <c r="B1403">
        <v>171.32</v>
      </c>
      <c r="C1403">
        <v>200.297</v>
      </c>
      <c r="D1403">
        <v>2870.87</v>
      </c>
      <c r="E1403">
        <v>2.6771699999999998</v>
      </c>
      <c r="F1403">
        <v>4073.83</v>
      </c>
      <c r="G1403">
        <v>53.121600000000001</v>
      </c>
    </row>
    <row r="1404" spans="1:7" x14ac:dyDescent="0.25">
      <c r="A1404">
        <v>15</v>
      </c>
      <c r="B1404">
        <v>159.982</v>
      </c>
      <c r="C1404">
        <v>200.61199999999999</v>
      </c>
      <c r="D1404">
        <v>1933.86</v>
      </c>
      <c r="E1404">
        <v>3.4094500000000001</v>
      </c>
      <c r="F1404">
        <v>3608.71</v>
      </c>
      <c r="G1404">
        <v>64.922300000000007</v>
      </c>
    </row>
    <row r="1405" spans="1:7" x14ac:dyDescent="0.25">
      <c r="A1405">
        <v>15</v>
      </c>
      <c r="B1405">
        <v>162.50200000000001</v>
      </c>
      <c r="C1405">
        <v>200.61199999999999</v>
      </c>
      <c r="D1405">
        <v>1800</v>
      </c>
      <c r="E1405">
        <v>3.8110200000000001</v>
      </c>
      <c r="F1405">
        <v>3343.81</v>
      </c>
      <c r="G1405">
        <v>76.278599999999997</v>
      </c>
    </row>
    <row r="1406" spans="1:7" x14ac:dyDescent="0.25">
      <c r="A1406">
        <v>15</v>
      </c>
      <c r="B1406">
        <v>163.761</v>
      </c>
      <c r="C1406">
        <v>200.297</v>
      </c>
      <c r="D1406">
        <v>6083.46</v>
      </c>
      <c r="E1406">
        <v>1.2598400000000001</v>
      </c>
      <c r="F1406">
        <v>9227.89</v>
      </c>
      <c r="G1406">
        <v>78.426199999999994</v>
      </c>
    </row>
    <row r="1407" spans="1:7" x14ac:dyDescent="0.25">
      <c r="A1407">
        <v>15</v>
      </c>
      <c r="B1407">
        <v>163.131</v>
      </c>
      <c r="C1407">
        <v>195.887</v>
      </c>
      <c r="D1407">
        <v>1800</v>
      </c>
      <c r="E1407">
        <v>3.9763799999999998</v>
      </c>
      <c r="F1407">
        <v>3245.8</v>
      </c>
      <c r="G1407">
        <v>80.910499999999999</v>
      </c>
    </row>
    <row r="1408" spans="1:7" x14ac:dyDescent="0.25">
      <c r="A1408">
        <v>15</v>
      </c>
      <c r="B1408">
        <v>160.61199999999999</v>
      </c>
      <c r="C1408">
        <v>202.50200000000001</v>
      </c>
      <c r="D1408">
        <v>2335.4299999999998</v>
      </c>
      <c r="E1408">
        <v>2.2755899999999998</v>
      </c>
      <c r="F1408">
        <v>4332</v>
      </c>
      <c r="G1408">
        <v>48.723199999999999</v>
      </c>
    </row>
    <row r="1409" spans="1:7" x14ac:dyDescent="0.25">
      <c r="A1409">
        <v>15</v>
      </c>
      <c r="B1409">
        <v>163.131</v>
      </c>
      <c r="C1409">
        <v>200.92699999999999</v>
      </c>
      <c r="D1409">
        <v>1800</v>
      </c>
      <c r="E1409">
        <v>2.65354</v>
      </c>
      <c r="F1409">
        <v>3633.73</v>
      </c>
      <c r="G1409">
        <v>73.628</v>
      </c>
    </row>
    <row r="1410" spans="1:7" x14ac:dyDescent="0.25">
      <c r="A1410">
        <v>15</v>
      </c>
      <c r="B1410">
        <v>171.32</v>
      </c>
      <c r="C1410">
        <v>196.517</v>
      </c>
      <c r="D1410">
        <v>1800</v>
      </c>
      <c r="E1410">
        <v>3.6220500000000002</v>
      </c>
      <c r="F1410">
        <v>3269.97</v>
      </c>
      <c r="G1410">
        <v>105.235</v>
      </c>
    </row>
    <row r="1411" spans="1:7" x14ac:dyDescent="0.25">
      <c r="A1411">
        <v>15</v>
      </c>
      <c r="B1411">
        <v>166.28100000000001</v>
      </c>
      <c r="C1411">
        <v>195.572</v>
      </c>
      <c r="D1411">
        <v>7288.19</v>
      </c>
      <c r="E1411">
        <v>1.02362</v>
      </c>
      <c r="F1411">
        <v>7152.81</v>
      </c>
      <c r="G1411">
        <v>19.911000000000001</v>
      </c>
    </row>
    <row r="1412" spans="1:7" x14ac:dyDescent="0.25">
      <c r="A1412">
        <v>15</v>
      </c>
      <c r="B1412">
        <v>140.45400000000001</v>
      </c>
      <c r="C1412">
        <v>198.40700000000001</v>
      </c>
      <c r="D1412">
        <v>6083.46</v>
      </c>
      <c r="E1412">
        <v>3.8110200000000001</v>
      </c>
      <c r="F1412">
        <v>7525.89</v>
      </c>
      <c r="G1412">
        <v>15.047800000000001</v>
      </c>
    </row>
    <row r="1413" spans="1:7" x14ac:dyDescent="0.25">
      <c r="A1413">
        <v>15</v>
      </c>
      <c r="B1413">
        <v>170.06100000000001</v>
      </c>
      <c r="C1413">
        <v>201.55699999999999</v>
      </c>
      <c r="D1413">
        <v>1800</v>
      </c>
      <c r="E1413">
        <v>3.7873999999999999</v>
      </c>
      <c r="F1413">
        <v>3171.67</v>
      </c>
      <c r="G1413">
        <v>95.021299999999997</v>
      </c>
    </row>
    <row r="1414" spans="1:7" x14ac:dyDescent="0.25">
      <c r="A1414">
        <v>15</v>
      </c>
      <c r="B1414">
        <v>137.935</v>
      </c>
      <c r="C1414">
        <v>203.131</v>
      </c>
      <c r="D1414">
        <v>6083.46</v>
      </c>
      <c r="E1414">
        <v>2.6771699999999998</v>
      </c>
      <c r="F1414">
        <v>7860.24</v>
      </c>
      <c r="G1414">
        <v>13.7896</v>
      </c>
    </row>
    <row r="1415" spans="1:7" x14ac:dyDescent="0.25">
      <c r="A1415">
        <v>15</v>
      </c>
      <c r="B1415">
        <v>141.084</v>
      </c>
      <c r="C1415">
        <v>198.72200000000001</v>
      </c>
      <c r="D1415">
        <v>6083.46</v>
      </c>
      <c r="E1415">
        <v>3.9763799999999998</v>
      </c>
      <c r="F1415">
        <v>7469.33</v>
      </c>
      <c r="G1415">
        <v>16.398399999999999</v>
      </c>
    </row>
    <row r="1416" spans="1:7" x14ac:dyDescent="0.25">
      <c r="A1416">
        <v>15</v>
      </c>
      <c r="B1416">
        <v>163.761</v>
      </c>
      <c r="C1416">
        <v>202.81700000000001</v>
      </c>
      <c r="D1416">
        <v>1800</v>
      </c>
      <c r="E1416">
        <v>3.8110200000000001</v>
      </c>
      <c r="F1416">
        <v>3250.23</v>
      </c>
      <c r="G1416">
        <v>73.559899999999999</v>
      </c>
    </row>
    <row r="1417" spans="1:7" x14ac:dyDescent="0.25">
      <c r="A1417">
        <v>15</v>
      </c>
      <c r="B1417">
        <v>141.084</v>
      </c>
      <c r="C1417">
        <v>199.03700000000001</v>
      </c>
      <c r="D1417">
        <v>6083.46</v>
      </c>
      <c r="E1417">
        <v>3.6220500000000002</v>
      </c>
      <c r="F1417">
        <v>7422.19</v>
      </c>
      <c r="G1417">
        <v>16.4617</v>
      </c>
    </row>
    <row r="1418" spans="1:7" x14ac:dyDescent="0.25">
      <c r="A1418">
        <v>15</v>
      </c>
      <c r="B1418">
        <v>174.47</v>
      </c>
      <c r="C1418">
        <v>200.92699999999999</v>
      </c>
      <c r="D1418">
        <v>1800</v>
      </c>
      <c r="E1418">
        <v>3.9763799999999998</v>
      </c>
      <c r="F1418">
        <v>3087.32</v>
      </c>
      <c r="G1418">
        <v>106.405</v>
      </c>
    </row>
    <row r="1419" spans="1:7" x14ac:dyDescent="0.25">
      <c r="A1419">
        <v>15</v>
      </c>
      <c r="B1419">
        <v>161.24199999999999</v>
      </c>
      <c r="C1419">
        <v>200.92699999999999</v>
      </c>
      <c r="D1419">
        <v>2335.4299999999998</v>
      </c>
      <c r="E1419">
        <v>2.9606300000000001</v>
      </c>
      <c r="F1419">
        <v>3950.78</v>
      </c>
      <c r="G1419">
        <v>24.827000000000002</v>
      </c>
    </row>
    <row r="1420" spans="1:7" x14ac:dyDescent="0.25">
      <c r="A1420">
        <v>15</v>
      </c>
      <c r="B1420">
        <v>161.24199999999999</v>
      </c>
      <c r="C1420">
        <v>200.92699999999999</v>
      </c>
      <c r="D1420">
        <v>2335.4299999999998</v>
      </c>
      <c r="E1420">
        <v>2.9606300000000001</v>
      </c>
      <c r="F1420">
        <v>3950.78</v>
      </c>
      <c r="G1420">
        <v>24.827000000000002</v>
      </c>
    </row>
    <row r="1421" spans="1:7" x14ac:dyDescent="0.25">
      <c r="A1421">
        <v>15</v>
      </c>
      <c r="B1421">
        <v>165.65100000000001</v>
      </c>
      <c r="C1421">
        <v>204.70599999999999</v>
      </c>
      <c r="D1421">
        <v>1800</v>
      </c>
      <c r="E1421">
        <v>3.6929099999999999</v>
      </c>
      <c r="F1421">
        <v>3294.17</v>
      </c>
      <c r="G1421">
        <v>68.730099999999993</v>
      </c>
    </row>
    <row r="1422" spans="1:7" x14ac:dyDescent="0.25">
      <c r="A1422">
        <v>15</v>
      </c>
      <c r="B1422">
        <v>160.61199999999999</v>
      </c>
      <c r="C1422">
        <v>200.297</v>
      </c>
      <c r="D1422">
        <v>2335.4299999999998</v>
      </c>
      <c r="E1422">
        <v>3.0551200000000001</v>
      </c>
      <c r="F1422">
        <v>3922.51</v>
      </c>
      <c r="G1422">
        <v>29.449200000000001</v>
      </c>
    </row>
    <row r="1423" spans="1:7" x14ac:dyDescent="0.25">
      <c r="A1423">
        <v>15</v>
      </c>
      <c r="B1423">
        <v>170.691</v>
      </c>
      <c r="C1423">
        <v>195.887</v>
      </c>
      <c r="D1423">
        <v>1800</v>
      </c>
      <c r="E1423">
        <v>3.9763799999999998</v>
      </c>
      <c r="F1423">
        <v>3100.39</v>
      </c>
      <c r="G1423">
        <v>96.464200000000005</v>
      </c>
    </row>
    <row r="1424" spans="1:7" x14ac:dyDescent="0.25">
      <c r="A1424">
        <v>15</v>
      </c>
      <c r="B1424">
        <v>161.24199999999999</v>
      </c>
      <c r="C1424">
        <v>200.61199999999999</v>
      </c>
      <c r="D1424">
        <v>1800</v>
      </c>
      <c r="E1424">
        <v>1.1653500000000001</v>
      </c>
      <c r="F1424">
        <v>5140.91</v>
      </c>
      <c r="G1424">
        <v>20.473600000000001</v>
      </c>
    </row>
    <row r="1425" spans="1:7" x14ac:dyDescent="0.25">
      <c r="A1425">
        <v>15</v>
      </c>
      <c r="B1425">
        <v>161.24199999999999</v>
      </c>
      <c r="C1425">
        <v>200.92699999999999</v>
      </c>
      <c r="D1425">
        <v>2335.4299999999998</v>
      </c>
      <c r="E1425">
        <v>2.9606300000000001</v>
      </c>
      <c r="F1425">
        <v>3950.78</v>
      </c>
      <c r="G1425">
        <v>24.827000000000002</v>
      </c>
    </row>
    <row r="1426" spans="1:7" x14ac:dyDescent="0.25">
      <c r="A1426">
        <v>15</v>
      </c>
      <c r="B1426">
        <v>166.28100000000001</v>
      </c>
      <c r="C1426">
        <v>201.87200000000001</v>
      </c>
      <c r="D1426">
        <v>1800</v>
      </c>
      <c r="E1426">
        <v>3.8110200000000001</v>
      </c>
      <c r="F1426">
        <v>3182.38</v>
      </c>
      <c r="G1426">
        <v>74.304599999999994</v>
      </c>
    </row>
    <row r="1427" spans="1:7" x14ac:dyDescent="0.25">
      <c r="A1427">
        <v>15</v>
      </c>
      <c r="B1427">
        <v>165.65100000000001</v>
      </c>
      <c r="C1427">
        <v>199.982</v>
      </c>
      <c r="D1427">
        <v>1933.86</v>
      </c>
      <c r="E1427">
        <v>3.7873999999999999</v>
      </c>
      <c r="F1427">
        <v>3302.26</v>
      </c>
      <c r="G1427">
        <v>57.241799999999998</v>
      </c>
    </row>
    <row r="1428" spans="1:7" x14ac:dyDescent="0.25">
      <c r="A1428">
        <v>15</v>
      </c>
      <c r="B1428">
        <v>161.24199999999999</v>
      </c>
      <c r="C1428">
        <v>202.81700000000001</v>
      </c>
      <c r="D1428">
        <v>2335.4299999999998</v>
      </c>
      <c r="E1428">
        <v>4</v>
      </c>
      <c r="F1428">
        <v>3697.32</v>
      </c>
      <c r="G1428">
        <v>49.619300000000003</v>
      </c>
    </row>
    <row r="1429" spans="1:7" x14ac:dyDescent="0.25">
      <c r="A1429">
        <v>15</v>
      </c>
      <c r="B1429">
        <v>137.935</v>
      </c>
      <c r="C1429">
        <v>198.09200000000001</v>
      </c>
      <c r="D1429">
        <v>6083.46</v>
      </c>
      <c r="E1429">
        <v>2.1102400000000001</v>
      </c>
      <c r="F1429">
        <v>8238.3799999999992</v>
      </c>
      <c r="G1429">
        <v>11.8962</v>
      </c>
    </row>
    <row r="1430" spans="1:7" x14ac:dyDescent="0.25">
      <c r="A1430">
        <v>15</v>
      </c>
      <c r="B1430">
        <v>166.28100000000001</v>
      </c>
      <c r="C1430">
        <v>201.87200000000001</v>
      </c>
      <c r="D1430">
        <v>1800</v>
      </c>
      <c r="E1430">
        <v>3.8110200000000001</v>
      </c>
      <c r="F1430">
        <v>3182.38</v>
      </c>
      <c r="G1430">
        <v>74.304599999999994</v>
      </c>
    </row>
    <row r="1431" spans="1:7" x14ac:dyDescent="0.25">
      <c r="A1431">
        <v>15</v>
      </c>
      <c r="B1431">
        <v>161.24199999999999</v>
      </c>
      <c r="C1431">
        <v>200.92699999999999</v>
      </c>
      <c r="D1431">
        <v>2335.4299999999998</v>
      </c>
      <c r="E1431">
        <v>2.9606300000000001</v>
      </c>
      <c r="F1431">
        <v>3950.78</v>
      </c>
      <c r="G1431">
        <v>24.827000000000002</v>
      </c>
    </row>
    <row r="1432" spans="1:7" x14ac:dyDescent="0.25">
      <c r="A1432">
        <v>15</v>
      </c>
      <c r="B1432">
        <v>161.24199999999999</v>
      </c>
      <c r="C1432">
        <v>200.92699999999999</v>
      </c>
      <c r="D1432">
        <v>2335.4299999999998</v>
      </c>
      <c r="E1432">
        <v>2.9606300000000001</v>
      </c>
      <c r="F1432">
        <v>3950.78</v>
      </c>
      <c r="G1432">
        <v>24.827000000000002</v>
      </c>
    </row>
    <row r="1433" spans="1:7" x14ac:dyDescent="0.25">
      <c r="A1433">
        <v>15</v>
      </c>
      <c r="B1433">
        <v>136.04499999999999</v>
      </c>
      <c r="C1433">
        <v>195.572</v>
      </c>
      <c r="D1433">
        <v>6083.46</v>
      </c>
      <c r="E1433">
        <v>1.1653500000000001</v>
      </c>
      <c r="F1433">
        <v>9446.7000000000007</v>
      </c>
      <c r="G1433">
        <v>11.3193</v>
      </c>
    </row>
    <row r="1434" spans="1:7" x14ac:dyDescent="0.25">
      <c r="A1434">
        <v>15</v>
      </c>
      <c r="B1434">
        <v>137.935</v>
      </c>
      <c r="C1434">
        <v>198.09200000000001</v>
      </c>
      <c r="D1434">
        <v>6083.46</v>
      </c>
      <c r="E1434">
        <v>2.1102400000000001</v>
      </c>
      <c r="F1434">
        <v>8238.3799999999992</v>
      </c>
      <c r="G1434">
        <v>11.8962</v>
      </c>
    </row>
    <row r="1435" spans="1:7" x14ac:dyDescent="0.25">
      <c r="A1435">
        <v>15</v>
      </c>
      <c r="B1435">
        <v>161.24199999999999</v>
      </c>
      <c r="C1435">
        <v>200.61199999999999</v>
      </c>
      <c r="D1435">
        <v>1800</v>
      </c>
      <c r="E1435">
        <v>1.1653500000000001</v>
      </c>
      <c r="F1435">
        <v>5140.91</v>
      </c>
      <c r="G1435">
        <v>20.473600000000001</v>
      </c>
    </row>
    <row r="1436" spans="1:7" x14ac:dyDescent="0.25">
      <c r="A1436">
        <v>15</v>
      </c>
      <c r="B1436">
        <v>137.935</v>
      </c>
      <c r="C1436">
        <v>198.09200000000001</v>
      </c>
      <c r="D1436">
        <v>6083.46</v>
      </c>
      <c r="E1436">
        <v>2.1102400000000001</v>
      </c>
      <c r="F1436">
        <v>8238.3799999999992</v>
      </c>
      <c r="G1436">
        <v>11.8962</v>
      </c>
    </row>
    <row r="1437" spans="1:7" x14ac:dyDescent="0.25">
      <c r="A1437">
        <v>15</v>
      </c>
      <c r="B1437">
        <v>161.24199999999999</v>
      </c>
      <c r="C1437">
        <v>202.81700000000001</v>
      </c>
      <c r="D1437">
        <v>2335.4299999999998</v>
      </c>
      <c r="E1437">
        <v>4</v>
      </c>
      <c r="F1437">
        <v>3697.32</v>
      </c>
      <c r="G1437">
        <v>49.619300000000003</v>
      </c>
    </row>
    <row r="1438" spans="1:7" x14ac:dyDescent="0.25">
      <c r="A1438">
        <v>15</v>
      </c>
      <c r="B1438">
        <v>161.24199999999999</v>
      </c>
      <c r="C1438">
        <v>200.61199999999999</v>
      </c>
      <c r="D1438">
        <v>1800</v>
      </c>
      <c r="E1438">
        <v>1.1653500000000001</v>
      </c>
      <c r="F1438">
        <v>5140.91</v>
      </c>
      <c r="G1438">
        <v>20.473600000000001</v>
      </c>
    </row>
    <row r="1439" spans="1:7" x14ac:dyDescent="0.25">
      <c r="A1439">
        <v>15</v>
      </c>
      <c r="B1439">
        <v>161.24199999999999</v>
      </c>
      <c r="C1439">
        <v>200.61199999999999</v>
      </c>
      <c r="D1439">
        <v>1800</v>
      </c>
      <c r="E1439">
        <v>1.1653500000000001</v>
      </c>
      <c r="F1439">
        <v>5140.91</v>
      </c>
      <c r="G1439">
        <v>20.473600000000001</v>
      </c>
    </row>
    <row r="1440" spans="1:7" x14ac:dyDescent="0.25">
      <c r="A1440">
        <v>15</v>
      </c>
      <c r="B1440">
        <v>141.084</v>
      </c>
      <c r="C1440">
        <v>195.887</v>
      </c>
      <c r="D1440">
        <v>6083.46</v>
      </c>
      <c r="E1440">
        <v>3.6220500000000002</v>
      </c>
      <c r="F1440">
        <v>7421.91</v>
      </c>
      <c r="G1440">
        <v>16.4617</v>
      </c>
    </row>
    <row r="1441" spans="1:7" x14ac:dyDescent="0.25">
      <c r="A1441">
        <v>16</v>
      </c>
      <c r="B1441">
        <v>161.24199999999999</v>
      </c>
      <c r="C1441">
        <v>200.61199999999999</v>
      </c>
      <c r="D1441">
        <v>1800</v>
      </c>
      <c r="E1441">
        <v>1.1653500000000001</v>
      </c>
      <c r="F1441">
        <v>5140.91</v>
      </c>
      <c r="G1441">
        <v>20.473600000000001</v>
      </c>
    </row>
    <row r="1442" spans="1:7" x14ac:dyDescent="0.25">
      <c r="A1442">
        <v>16</v>
      </c>
      <c r="B1442">
        <v>161.24199999999999</v>
      </c>
      <c r="C1442">
        <v>202.81700000000001</v>
      </c>
      <c r="D1442">
        <v>2335.4299999999998</v>
      </c>
      <c r="E1442">
        <v>4</v>
      </c>
      <c r="F1442">
        <v>3697.32</v>
      </c>
      <c r="G1442">
        <v>49.619300000000003</v>
      </c>
    </row>
    <row r="1443" spans="1:7" x14ac:dyDescent="0.25">
      <c r="A1443">
        <v>16</v>
      </c>
      <c r="B1443">
        <v>140.45400000000001</v>
      </c>
      <c r="C1443">
        <v>204.70599999999999</v>
      </c>
      <c r="D1443">
        <v>6083.46</v>
      </c>
      <c r="E1443">
        <v>3.7873999999999999</v>
      </c>
      <c r="F1443">
        <v>7535.69</v>
      </c>
      <c r="G1443">
        <v>15.052099999999999</v>
      </c>
    </row>
    <row r="1444" spans="1:7" x14ac:dyDescent="0.25">
      <c r="A1444">
        <v>16</v>
      </c>
      <c r="B1444">
        <v>141.084</v>
      </c>
      <c r="C1444">
        <v>199.03700000000001</v>
      </c>
      <c r="D1444">
        <v>6083.46</v>
      </c>
      <c r="E1444">
        <v>3.6220500000000002</v>
      </c>
      <c r="F1444">
        <v>7422.19</v>
      </c>
      <c r="G1444">
        <v>16.4617</v>
      </c>
    </row>
    <row r="1445" spans="1:7" x14ac:dyDescent="0.25">
      <c r="A1445">
        <v>16</v>
      </c>
      <c r="B1445">
        <v>140.45400000000001</v>
      </c>
      <c r="C1445">
        <v>195.887</v>
      </c>
      <c r="D1445">
        <v>6217.32</v>
      </c>
      <c r="E1445">
        <v>3.4330699999999998</v>
      </c>
      <c r="F1445">
        <v>7694.53</v>
      </c>
      <c r="G1445">
        <v>17.672599999999999</v>
      </c>
    </row>
    <row r="1446" spans="1:7" x14ac:dyDescent="0.25">
      <c r="A1446">
        <v>16</v>
      </c>
      <c r="B1446">
        <v>140.45400000000001</v>
      </c>
      <c r="C1446">
        <v>196.517</v>
      </c>
      <c r="D1446">
        <v>6083.46</v>
      </c>
      <c r="E1446">
        <v>3.6220500000000002</v>
      </c>
      <c r="F1446">
        <v>7602.99</v>
      </c>
      <c r="G1446">
        <v>15.0975</v>
      </c>
    </row>
    <row r="1447" spans="1:7" x14ac:dyDescent="0.25">
      <c r="A1447">
        <v>16</v>
      </c>
      <c r="B1447">
        <v>140.45400000000001</v>
      </c>
      <c r="C1447">
        <v>202.18700000000001</v>
      </c>
      <c r="D1447">
        <v>1800</v>
      </c>
      <c r="E1447">
        <v>3.2204700000000002</v>
      </c>
      <c r="F1447">
        <v>3734.72</v>
      </c>
      <c r="G1447">
        <v>118.526</v>
      </c>
    </row>
    <row r="1448" spans="1:7" x14ac:dyDescent="0.25">
      <c r="A1448">
        <v>16</v>
      </c>
      <c r="B1448">
        <v>161.24199999999999</v>
      </c>
      <c r="C1448">
        <v>200.92699999999999</v>
      </c>
      <c r="D1448">
        <v>2335.4299999999998</v>
      </c>
      <c r="E1448">
        <v>2.9606300000000001</v>
      </c>
      <c r="F1448">
        <v>3950.78</v>
      </c>
      <c r="G1448">
        <v>24.827000000000002</v>
      </c>
    </row>
    <row r="1449" spans="1:7" x14ac:dyDescent="0.25">
      <c r="A1449">
        <v>16</v>
      </c>
      <c r="B1449">
        <v>157.46199999999999</v>
      </c>
      <c r="C1449">
        <v>202.81700000000001</v>
      </c>
      <c r="D1449">
        <v>2335.4299999999998</v>
      </c>
      <c r="E1449">
        <v>3.6929099999999999</v>
      </c>
      <c r="F1449">
        <v>3846.62</v>
      </c>
      <c r="G1449">
        <v>56.591999999999999</v>
      </c>
    </row>
    <row r="1450" spans="1:7" x14ac:dyDescent="0.25">
      <c r="A1450">
        <v>16</v>
      </c>
      <c r="B1450">
        <v>160.61199999999999</v>
      </c>
      <c r="C1450">
        <v>200.92699999999999</v>
      </c>
      <c r="D1450">
        <v>2870.87</v>
      </c>
      <c r="E1450">
        <v>3.7873999999999999</v>
      </c>
      <c r="F1450">
        <v>4144.8</v>
      </c>
      <c r="G1450">
        <v>28.241499999999998</v>
      </c>
    </row>
    <row r="1451" spans="1:7" x14ac:dyDescent="0.25">
      <c r="A1451">
        <v>16</v>
      </c>
      <c r="B1451">
        <v>160.61199999999999</v>
      </c>
      <c r="C1451">
        <v>199.03700000000001</v>
      </c>
      <c r="D1451">
        <v>1800</v>
      </c>
      <c r="E1451">
        <v>3.6220500000000002</v>
      </c>
      <c r="F1451">
        <v>3364.28</v>
      </c>
      <c r="G1451">
        <v>82.766599999999997</v>
      </c>
    </row>
    <row r="1452" spans="1:7" x14ac:dyDescent="0.25">
      <c r="A1452">
        <v>16</v>
      </c>
      <c r="B1452">
        <v>161.24199999999999</v>
      </c>
      <c r="C1452">
        <v>200.61199999999999</v>
      </c>
      <c r="D1452">
        <v>1800</v>
      </c>
      <c r="E1452">
        <v>2.6771699999999998</v>
      </c>
      <c r="F1452">
        <v>3676.54</v>
      </c>
      <c r="G1452">
        <v>70.4084</v>
      </c>
    </row>
    <row r="1453" spans="1:7" x14ac:dyDescent="0.25">
      <c r="A1453">
        <v>16</v>
      </c>
      <c r="B1453">
        <v>160.61199999999999</v>
      </c>
      <c r="C1453">
        <v>203.761</v>
      </c>
      <c r="D1453">
        <v>1800</v>
      </c>
      <c r="E1453">
        <v>2.6771699999999998</v>
      </c>
      <c r="F1453">
        <v>3673.29</v>
      </c>
      <c r="G1453">
        <v>70.905799999999999</v>
      </c>
    </row>
    <row r="1454" spans="1:7" x14ac:dyDescent="0.25">
      <c r="A1454">
        <v>16</v>
      </c>
      <c r="B1454">
        <v>160.61199999999999</v>
      </c>
      <c r="C1454">
        <v>195.25700000000001</v>
      </c>
      <c r="D1454">
        <v>1933.86</v>
      </c>
      <c r="E1454">
        <v>2.4881899999999999</v>
      </c>
      <c r="F1454">
        <v>3913.7</v>
      </c>
      <c r="G1454">
        <v>68.998500000000007</v>
      </c>
    </row>
    <row r="1455" spans="1:7" x14ac:dyDescent="0.25">
      <c r="A1455">
        <v>16</v>
      </c>
      <c r="B1455">
        <v>161.24199999999999</v>
      </c>
      <c r="C1455">
        <v>200.92699999999999</v>
      </c>
      <c r="D1455">
        <v>2335.4299999999998</v>
      </c>
      <c r="E1455">
        <v>2.9606300000000001</v>
      </c>
      <c r="F1455">
        <v>3950.78</v>
      </c>
      <c r="G1455">
        <v>24.827000000000002</v>
      </c>
    </row>
    <row r="1456" spans="1:7" x14ac:dyDescent="0.25">
      <c r="A1456">
        <v>16</v>
      </c>
      <c r="B1456">
        <v>161.87200000000001</v>
      </c>
      <c r="C1456">
        <v>205.02099999999999</v>
      </c>
      <c r="D1456">
        <v>6083.46</v>
      </c>
      <c r="E1456">
        <v>3.7873999999999999</v>
      </c>
      <c r="F1456">
        <v>7243.65</v>
      </c>
      <c r="G1456">
        <v>29.734500000000001</v>
      </c>
    </row>
    <row r="1457" spans="1:7" x14ac:dyDescent="0.25">
      <c r="A1457">
        <v>16</v>
      </c>
      <c r="B1457">
        <v>161.24199999999999</v>
      </c>
      <c r="C1457">
        <v>200.61199999999999</v>
      </c>
      <c r="D1457">
        <v>1800</v>
      </c>
      <c r="E1457">
        <v>2.6771699999999998</v>
      </c>
      <c r="F1457">
        <v>3676.54</v>
      </c>
      <c r="G1457">
        <v>70.4084</v>
      </c>
    </row>
    <row r="1458" spans="1:7" x14ac:dyDescent="0.25">
      <c r="A1458">
        <v>16</v>
      </c>
      <c r="B1458">
        <v>161.87200000000001</v>
      </c>
      <c r="C1458">
        <v>196.517</v>
      </c>
      <c r="D1458">
        <v>1800</v>
      </c>
      <c r="E1458">
        <v>3.59843</v>
      </c>
      <c r="F1458">
        <v>3387.89</v>
      </c>
      <c r="G1458">
        <v>79.614000000000004</v>
      </c>
    </row>
    <row r="1459" spans="1:7" x14ac:dyDescent="0.25">
      <c r="A1459">
        <v>16</v>
      </c>
      <c r="B1459">
        <v>162.50200000000001</v>
      </c>
      <c r="C1459">
        <v>201.24199999999999</v>
      </c>
      <c r="D1459">
        <v>1800</v>
      </c>
      <c r="E1459">
        <v>1.92126</v>
      </c>
      <c r="F1459">
        <v>4086.59</v>
      </c>
      <c r="G1459">
        <v>68.185199999999995</v>
      </c>
    </row>
    <row r="1460" spans="1:7" x14ac:dyDescent="0.25">
      <c r="A1460">
        <v>16</v>
      </c>
      <c r="B1460">
        <v>163.131</v>
      </c>
      <c r="C1460">
        <v>176.04499999999999</v>
      </c>
      <c r="D1460">
        <v>2335.4299999999998</v>
      </c>
      <c r="E1460">
        <v>2.2755899999999998</v>
      </c>
      <c r="F1460">
        <v>4414.8900000000003</v>
      </c>
      <c r="G1460">
        <v>25.876200000000001</v>
      </c>
    </row>
    <row r="1461" spans="1:7" x14ac:dyDescent="0.25">
      <c r="A1461">
        <v>16</v>
      </c>
      <c r="B1461">
        <v>171.32</v>
      </c>
      <c r="C1461">
        <v>200.297</v>
      </c>
      <c r="D1461">
        <v>3406.3</v>
      </c>
      <c r="E1461">
        <v>3.0551200000000001</v>
      </c>
      <c r="F1461">
        <v>4138.99</v>
      </c>
      <c r="G1461">
        <v>111.164</v>
      </c>
    </row>
    <row r="1462" spans="1:7" x14ac:dyDescent="0.25">
      <c r="A1462">
        <v>16</v>
      </c>
      <c r="B1462">
        <v>163.131</v>
      </c>
      <c r="C1462">
        <v>200.92699999999999</v>
      </c>
      <c r="D1462">
        <v>3406.3</v>
      </c>
      <c r="E1462">
        <v>3.0314999999999999</v>
      </c>
      <c r="F1462">
        <v>4786.3100000000004</v>
      </c>
      <c r="G1462">
        <v>82.405299999999997</v>
      </c>
    </row>
    <row r="1463" spans="1:7" x14ac:dyDescent="0.25">
      <c r="A1463">
        <v>16</v>
      </c>
      <c r="B1463">
        <v>150.53299999999999</v>
      </c>
      <c r="C1463">
        <v>196.517</v>
      </c>
      <c r="D1463">
        <v>6083.46</v>
      </c>
      <c r="E1463">
        <v>3.4094500000000001</v>
      </c>
      <c r="F1463">
        <v>7488.24</v>
      </c>
      <c r="G1463">
        <v>34.482599999999998</v>
      </c>
    </row>
    <row r="1464" spans="1:7" x14ac:dyDescent="0.25">
      <c r="A1464">
        <v>16</v>
      </c>
      <c r="B1464">
        <v>140.45400000000001</v>
      </c>
      <c r="C1464">
        <v>196.517</v>
      </c>
      <c r="D1464">
        <v>6083.46</v>
      </c>
      <c r="E1464">
        <v>3.59843</v>
      </c>
      <c r="F1464">
        <v>7613.14</v>
      </c>
      <c r="G1464">
        <v>15.106299999999999</v>
      </c>
    </row>
    <row r="1465" spans="1:7" x14ac:dyDescent="0.25">
      <c r="A1465">
        <v>16</v>
      </c>
      <c r="B1465">
        <v>163.761</v>
      </c>
      <c r="C1465">
        <v>201.24199999999999</v>
      </c>
      <c r="D1465">
        <v>3004.72</v>
      </c>
      <c r="E1465">
        <v>1.1417299999999999</v>
      </c>
      <c r="F1465">
        <v>6094.82</v>
      </c>
      <c r="G1465">
        <v>23.189599999999999</v>
      </c>
    </row>
    <row r="1466" spans="1:7" x14ac:dyDescent="0.25">
      <c r="A1466">
        <v>16</v>
      </c>
      <c r="B1466">
        <v>163.761</v>
      </c>
      <c r="C1466">
        <v>202.81700000000001</v>
      </c>
      <c r="D1466">
        <v>2335.4299999999998</v>
      </c>
      <c r="E1466">
        <v>4</v>
      </c>
      <c r="F1466">
        <v>3742.33</v>
      </c>
      <c r="G1466">
        <v>70.3797</v>
      </c>
    </row>
    <row r="1467" spans="1:7" x14ac:dyDescent="0.25">
      <c r="A1467">
        <v>16</v>
      </c>
      <c r="B1467">
        <v>140.45400000000001</v>
      </c>
      <c r="C1467">
        <v>204.70599999999999</v>
      </c>
      <c r="D1467">
        <v>6083.46</v>
      </c>
      <c r="E1467">
        <v>3.7873999999999999</v>
      </c>
      <c r="F1467">
        <v>7535.69</v>
      </c>
      <c r="G1467">
        <v>15.052099999999999</v>
      </c>
    </row>
    <row r="1468" spans="1:7" x14ac:dyDescent="0.25">
      <c r="A1468">
        <v>16</v>
      </c>
      <c r="B1468">
        <v>171.32</v>
      </c>
      <c r="C1468">
        <v>201.55699999999999</v>
      </c>
      <c r="D1468">
        <v>1800</v>
      </c>
      <c r="E1468">
        <v>3.7873999999999999</v>
      </c>
      <c r="F1468">
        <v>3116.93</v>
      </c>
      <c r="G1468">
        <v>103.426</v>
      </c>
    </row>
    <row r="1469" spans="1:7" x14ac:dyDescent="0.25">
      <c r="A1469">
        <v>16</v>
      </c>
      <c r="B1469">
        <v>141.084</v>
      </c>
      <c r="C1469">
        <v>199.03700000000001</v>
      </c>
      <c r="D1469">
        <v>6083.46</v>
      </c>
      <c r="E1469">
        <v>3.59843</v>
      </c>
      <c r="F1469">
        <v>7431.12</v>
      </c>
      <c r="G1469">
        <v>16.470400000000001</v>
      </c>
    </row>
    <row r="1470" spans="1:7" x14ac:dyDescent="0.25">
      <c r="A1470">
        <v>16</v>
      </c>
      <c r="B1470">
        <v>146.124</v>
      </c>
      <c r="C1470">
        <v>196.517</v>
      </c>
      <c r="D1470">
        <v>1800</v>
      </c>
      <c r="E1470">
        <v>3.4094500000000001</v>
      </c>
      <c r="F1470">
        <v>3690.8</v>
      </c>
      <c r="G1470">
        <v>114.00700000000001</v>
      </c>
    </row>
    <row r="1471" spans="1:7" x14ac:dyDescent="0.25">
      <c r="A1471">
        <v>16</v>
      </c>
      <c r="B1471">
        <v>156.202</v>
      </c>
      <c r="C1471">
        <v>200.61199999999999</v>
      </c>
      <c r="D1471">
        <v>1800</v>
      </c>
      <c r="E1471">
        <v>1.54331</v>
      </c>
      <c r="F1471">
        <v>4611.82</v>
      </c>
      <c r="G1471">
        <v>66.862899999999996</v>
      </c>
    </row>
    <row r="1472" spans="1:7" x14ac:dyDescent="0.25">
      <c r="A1472">
        <v>16</v>
      </c>
      <c r="B1472">
        <v>161.24199999999999</v>
      </c>
      <c r="C1472">
        <v>202.81700000000001</v>
      </c>
      <c r="D1472">
        <v>2335.4299999999998</v>
      </c>
      <c r="E1472">
        <v>3.7165400000000002</v>
      </c>
      <c r="F1472">
        <v>3775</v>
      </c>
      <c r="G1472">
        <v>49.923200000000001</v>
      </c>
    </row>
    <row r="1473" spans="1:7" x14ac:dyDescent="0.25">
      <c r="A1473">
        <v>16</v>
      </c>
      <c r="B1473">
        <v>141.084</v>
      </c>
      <c r="C1473">
        <v>205.02099999999999</v>
      </c>
      <c r="D1473">
        <v>6083.46</v>
      </c>
      <c r="E1473">
        <v>3.4094500000000001</v>
      </c>
      <c r="F1473">
        <v>7506.6</v>
      </c>
      <c r="G1473">
        <v>16.5473</v>
      </c>
    </row>
    <row r="1474" spans="1:7" x14ac:dyDescent="0.25">
      <c r="A1474">
        <v>16</v>
      </c>
      <c r="B1474">
        <v>162.50200000000001</v>
      </c>
      <c r="C1474">
        <v>200.61199999999999</v>
      </c>
      <c r="D1474">
        <v>1933.86</v>
      </c>
      <c r="E1474">
        <v>2.65354</v>
      </c>
      <c r="F1474">
        <v>3777.29</v>
      </c>
      <c r="G1474">
        <v>68.855900000000005</v>
      </c>
    </row>
    <row r="1475" spans="1:7" x14ac:dyDescent="0.25">
      <c r="A1475">
        <v>16</v>
      </c>
      <c r="B1475">
        <v>166.28100000000001</v>
      </c>
      <c r="C1475">
        <v>200.297</v>
      </c>
      <c r="D1475">
        <v>1800</v>
      </c>
      <c r="E1475">
        <v>3.6929099999999999</v>
      </c>
      <c r="F1475">
        <v>3213.92</v>
      </c>
      <c r="G1475">
        <v>74.245400000000004</v>
      </c>
    </row>
    <row r="1476" spans="1:7" x14ac:dyDescent="0.25">
      <c r="A1476">
        <v>16</v>
      </c>
      <c r="B1476">
        <v>161.87200000000001</v>
      </c>
      <c r="C1476">
        <v>204.70599999999999</v>
      </c>
      <c r="D1476">
        <v>6217.32</v>
      </c>
      <c r="E1476">
        <v>3.7873999999999999</v>
      </c>
      <c r="F1476">
        <v>7312.91</v>
      </c>
      <c r="G1476">
        <v>29.734500000000001</v>
      </c>
    </row>
    <row r="1477" spans="1:7" x14ac:dyDescent="0.25">
      <c r="A1477">
        <v>16</v>
      </c>
      <c r="B1477">
        <v>142.97399999999999</v>
      </c>
      <c r="C1477">
        <v>201.87200000000001</v>
      </c>
      <c r="D1477">
        <v>6083.46</v>
      </c>
      <c r="E1477">
        <v>3.59843</v>
      </c>
      <c r="F1477">
        <v>7436.77</v>
      </c>
      <c r="G1477">
        <v>20.6678</v>
      </c>
    </row>
    <row r="1478" spans="1:7" x14ac:dyDescent="0.25">
      <c r="A1478">
        <v>16</v>
      </c>
      <c r="B1478">
        <v>160.61199999999999</v>
      </c>
      <c r="C1478">
        <v>200.297</v>
      </c>
      <c r="D1478">
        <v>1800</v>
      </c>
      <c r="E1478">
        <v>3.4094500000000001</v>
      </c>
      <c r="F1478">
        <v>3434.07</v>
      </c>
      <c r="G1478">
        <v>78.837999999999994</v>
      </c>
    </row>
    <row r="1479" spans="1:7" x14ac:dyDescent="0.25">
      <c r="A1479">
        <v>16</v>
      </c>
      <c r="B1479">
        <v>137.935</v>
      </c>
      <c r="C1479">
        <v>203.446</v>
      </c>
      <c r="D1479">
        <v>1933.86</v>
      </c>
      <c r="E1479">
        <v>3.4094500000000001</v>
      </c>
      <c r="F1479">
        <v>3785.29</v>
      </c>
      <c r="G1479">
        <v>123.402</v>
      </c>
    </row>
    <row r="1480" spans="1:7" x14ac:dyDescent="0.25">
      <c r="A1480">
        <v>16</v>
      </c>
      <c r="B1480">
        <v>142.97399999999999</v>
      </c>
      <c r="C1480">
        <v>202.81700000000001</v>
      </c>
      <c r="D1480">
        <v>2335.4299999999998</v>
      </c>
      <c r="E1480">
        <v>3.9763799999999998</v>
      </c>
      <c r="F1480">
        <v>3988.81</v>
      </c>
      <c r="G1480">
        <v>107.791</v>
      </c>
    </row>
    <row r="1481" spans="1:7" x14ac:dyDescent="0.25">
      <c r="A1481">
        <v>16</v>
      </c>
      <c r="B1481">
        <v>141.084</v>
      </c>
      <c r="C1481">
        <v>184.54900000000001</v>
      </c>
      <c r="D1481">
        <v>1800</v>
      </c>
      <c r="E1481">
        <v>3.7873999999999999</v>
      </c>
      <c r="F1481">
        <v>4047.77</v>
      </c>
      <c r="G1481">
        <v>121.00700000000001</v>
      </c>
    </row>
    <row r="1482" spans="1:7" x14ac:dyDescent="0.25">
      <c r="A1482">
        <v>16</v>
      </c>
      <c r="B1482">
        <v>161.87200000000001</v>
      </c>
      <c r="C1482">
        <v>204.70599999999999</v>
      </c>
      <c r="D1482">
        <v>6217.32</v>
      </c>
      <c r="E1482">
        <v>3.7873999999999999</v>
      </c>
      <c r="F1482">
        <v>7312.91</v>
      </c>
      <c r="G1482">
        <v>29.734500000000001</v>
      </c>
    </row>
    <row r="1483" spans="1:7" x14ac:dyDescent="0.25">
      <c r="A1483">
        <v>16</v>
      </c>
      <c r="B1483">
        <v>163.131</v>
      </c>
      <c r="C1483">
        <v>202.50200000000001</v>
      </c>
      <c r="D1483">
        <v>1933.86</v>
      </c>
      <c r="E1483">
        <v>3.7873999999999999</v>
      </c>
      <c r="F1483">
        <v>3414.27</v>
      </c>
      <c r="G1483">
        <v>68.519599999999997</v>
      </c>
    </row>
    <row r="1484" spans="1:7" x14ac:dyDescent="0.25">
      <c r="A1484">
        <v>16</v>
      </c>
      <c r="B1484">
        <v>161.24199999999999</v>
      </c>
      <c r="C1484">
        <v>199.352</v>
      </c>
      <c r="D1484">
        <v>6083.46</v>
      </c>
      <c r="E1484">
        <v>1.1653500000000001</v>
      </c>
      <c r="F1484">
        <v>9225.4599999999991</v>
      </c>
      <c r="G1484">
        <v>22.039200000000001</v>
      </c>
    </row>
    <row r="1485" spans="1:7" x14ac:dyDescent="0.25">
      <c r="A1485">
        <v>16</v>
      </c>
      <c r="B1485">
        <v>160.61199999999999</v>
      </c>
      <c r="C1485">
        <v>200.92699999999999</v>
      </c>
      <c r="D1485">
        <v>1800</v>
      </c>
      <c r="E1485">
        <v>3.9763799999999998</v>
      </c>
      <c r="F1485">
        <v>3324</v>
      </c>
      <c r="G1485">
        <v>82.290099999999995</v>
      </c>
    </row>
    <row r="1486" spans="1:7" x14ac:dyDescent="0.25">
      <c r="A1486">
        <v>16</v>
      </c>
      <c r="B1486">
        <v>160.61199999999999</v>
      </c>
      <c r="C1486">
        <v>200.61199999999999</v>
      </c>
      <c r="D1486">
        <v>2335.4299999999998</v>
      </c>
      <c r="E1486">
        <v>3.59843</v>
      </c>
      <c r="F1486">
        <v>3870.59</v>
      </c>
      <c r="G1486">
        <v>52.698099999999997</v>
      </c>
    </row>
    <row r="1487" spans="1:7" x14ac:dyDescent="0.25">
      <c r="A1487">
        <v>16</v>
      </c>
      <c r="B1487">
        <v>141.084</v>
      </c>
      <c r="C1487">
        <v>197.77699999999999</v>
      </c>
      <c r="D1487">
        <v>1800</v>
      </c>
      <c r="E1487">
        <v>3.6220500000000002</v>
      </c>
      <c r="F1487">
        <v>3672.21</v>
      </c>
      <c r="G1487">
        <v>124.64400000000001</v>
      </c>
    </row>
    <row r="1488" spans="1:7" x14ac:dyDescent="0.25">
      <c r="A1488">
        <v>16</v>
      </c>
      <c r="B1488">
        <v>141.084</v>
      </c>
      <c r="C1488">
        <v>200.92699999999999</v>
      </c>
      <c r="D1488">
        <v>2335.4299999999998</v>
      </c>
      <c r="E1488">
        <v>2.8661400000000001</v>
      </c>
      <c r="F1488">
        <v>4316.55</v>
      </c>
      <c r="G1488">
        <v>101.16500000000001</v>
      </c>
    </row>
    <row r="1489" spans="1:7" x14ac:dyDescent="0.25">
      <c r="A1489">
        <v>16</v>
      </c>
      <c r="B1489">
        <v>160.61199999999999</v>
      </c>
      <c r="C1489">
        <v>202.18700000000001</v>
      </c>
      <c r="D1489">
        <v>6351.18</v>
      </c>
      <c r="E1489">
        <v>3.7165400000000002</v>
      </c>
      <c r="F1489">
        <v>7479.26</v>
      </c>
      <c r="G1489">
        <v>26.9511</v>
      </c>
    </row>
    <row r="1490" spans="1:7" x14ac:dyDescent="0.25">
      <c r="A1490">
        <v>16</v>
      </c>
      <c r="B1490">
        <v>138.565</v>
      </c>
      <c r="C1490">
        <v>196.83199999999999</v>
      </c>
      <c r="D1490">
        <v>1800</v>
      </c>
      <c r="E1490">
        <v>2.8661400000000001</v>
      </c>
      <c r="F1490">
        <v>3996.4</v>
      </c>
      <c r="G1490">
        <v>124.611</v>
      </c>
    </row>
    <row r="1491" spans="1:7" x14ac:dyDescent="0.25">
      <c r="A1491">
        <v>16</v>
      </c>
      <c r="B1491">
        <v>163.131</v>
      </c>
      <c r="C1491">
        <v>200.297</v>
      </c>
      <c r="D1491">
        <v>1800</v>
      </c>
      <c r="E1491">
        <v>2.65354</v>
      </c>
      <c r="F1491">
        <v>3633.73</v>
      </c>
      <c r="G1491">
        <v>73.628</v>
      </c>
    </row>
    <row r="1492" spans="1:7" x14ac:dyDescent="0.25">
      <c r="A1492">
        <v>16</v>
      </c>
      <c r="B1492">
        <v>157.46199999999999</v>
      </c>
      <c r="C1492">
        <v>200.297</v>
      </c>
      <c r="D1492">
        <v>1933.86</v>
      </c>
      <c r="E1492">
        <v>3.59843</v>
      </c>
      <c r="F1492">
        <v>3564.46</v>
      </c>
      <c r="G1492">
        <v>79.389899999999997</v>
      </c>
    </row>
    <row r="1493" spans="1:7" x14ac:dyDescent="0.25">
      <c r="A1493">
        <v>16</v>
      </c>
      <c r="B1493">
        <v>165.02099999999999</v>
      </c>
      <c r="C1493">
        <v>201.24199999999999</v>
      </c>
      <c r="D1493">
        <v>1933.86</v>
      </c>
      <c r="E1493">
        <v>3.4094500000000001</v>
      </c>
      <c r="F1493">
        <v>3472.4</v>
      </c>
      <c r="G1493">
        <v>65.9803</v>
      </c>
    </row>
    <row r="1494" spans="1:7" x14ac:dyDescent="0.25">
      <c r="A1494">
        <v>16</v>
      </c>
      <c r="B1494">
        <v>161.24199999999999</v>
      </c>
      <c r="C1494">
        <v>203.131</v>
      </c>
      <c r="D1494">
        <v>1800</v>
      </c>
      <c r="E1494">
        <v>2.1102400000000001</v>
      </c>
      <c r="F1494">
        <v>3980.92</v>
      </c>
      <c r="G1494">
        <v>71.676599999999993</v>
      </c>
    </row>
    <row r="1495" spans="1:7" x14ac:dyDescent="0.25">
      <c r="A1495">
        <v>16</v>
      </c>
      <c r="B1495">
        <v>161.24199999999999</v>
      </c>
      <c r="C1495">
        <v>200.297</v>
      </c>
      <c r="D1495">
        <v>2335.4299999999998</v>
      </c>
      <c r="E1495">
        <v>2.9606300000000001</v>
      </c>
      <c r="F1495">
        <v>3950.78</v>
      </c>
      <c r="G1495">
        <v>24.827000000000002</v>
      </c>
    </row>
    <row r="1496" spans="1:7" x14ac:dyDescent="0.25">
      <c r="A1496">
        <v>16</v>
      </c>
      <c r="B1496">
        <v>162.50200000000001</v>
      </c>
      <c r="C1496">
        <v>202.18700000000001</v>
      </c>
      <c r="D1496">
        <v>2870.87</v>
      </c>
      <c r="E1496">
        <v>2.65354</v>
      </c>
      <c r="F1496">
        <v>4432.3100000000004</v>
      </c>
      <c r="G1496">
        <v>27.2622</v>
      </c>
    </row>
    <row r="1497" spans="1:7" x14ac:dyDescent="0.25">
      <c r="A1497">
        <v>16</v>
      </c>
      <c r="B1497">
        <v>163.761</v>
      </c>
      <c r="C1497">
        <v>204.07599999999999</v>
      </c>
      <c r="D1497">
        <v>1800</v>
      </c>
      <c r="E1497">
        <v>3.4094500000000001</v>
      </c>
      <c r="F1497">
        <v>3353.48</v>
      </c>
      <c r="G1497">
        <v>73.637799999999999</v>
      </c>
    </row>
    <row r="1498" spans="1:7" x14ac:dyDescent="0.25">
      <c r="A1498">
        <v>16</v>
      </c>
      <c r="B1498">
        <v>161.24199999999999</v>
      </c>
      <c r="C1498">
        <v>203.131</v>
      </c>
      <c r="D1498">
        <v>2335.4299999999998</v>
      </c>
      <c r="E1498">
        <v>3.3385799999999999</v>
      </c>
      <c r="F1498">
        <v>3952.93</v>
      </c>
      <c r="G1498">
        <v>63.411099999999998</v>
      </c>
    </row>
    <row r="1499" spans="1:7" x14ac:dyDescent="0.25">
      <c r="A1499">
        <v>16</v>
      </c>
      <c r="B1499">
        <v>161.24199999999999</v>
      </c>
      <c r="C1499">
        <v>199.03700000000001</v>
      </c>
      <c r="D1499">
        <v>6083.46</v>
      </c>
      <c r="E1499">
        <v>3.5039400000000001</v>
      </c>
      <c r="F1499">
        <v>7324.77</v>
      </c>
      <c r="G1499">
        <v>27.869800000000001</v>
      </c>
    </row>
    <row r="1500" spans="1:7" x14ac:dyDescent="0.25">
      <c r="A1500">
        <v>16</v>
      </c>
      <c r="B1500">
        <v>163.761</v>
      </c>
      <c r="C1500">
        <v>202.81700000000001</v>
      </c>
      <c r="D1500">
        <v>1800</v>
      </c>
      <c r="E1500">
        <v>1.51969</v>
      </c>
      <c r="F1500">
        <v>4623.83</v>
      </c>
      <c r="G1500">
        <v>65.362700000000004</v>
      </c>
    </row>
    <row r="1501" spans="1:7" x14ac:dyDescent="0.25">
      <c r="A1501">
        <v>16</v>
      </c>
      <c r="B1501">
        <v>166.28100000000001</v>
      </c>
      <c r="C1501">
        <v>195.572</v>
      </c>
      <c r="D1501">
        <v>7288.19</v>
      </c>
      <c r="E1501">
        <v>1.02362</v>
      </c>
      <c r="F1501">
        <v>7152.81</v>
      </c>
      <c r="G1501">
        <v>19.911000000000001</v>
      </c>
    </row>
    <row r="1502" spans="1:7" x14ac:dyDescent="0.25">
      <c r="A1502">
        <v>16</v>
      </c>
      <c r="B1502">
        <v>140.45400000000001</v>
      </c>
      <c r="C1502">
        <v>198.40700000000001</v>
      </c>
      <c r="D1502">
        <v>6083.46</v>
      </c>
      <c r="E1502">
        <v>3.8110200000000001</v>
      </c>
      <c r="F1502">
        <v>7525.89</v>
      </c>
      <c r="G1502">
        <v>15.047800000000001</v>
      </c>
    </row>
    <row r="1503" spans="1:7" x14ac:dyDescent="0.25">
      <c r="A1503">
        <v>16</v>
      </c>
      <c r="B1503">
        <v>170.06100000000001</v>
      </c>
      <c r="C1503">
        <v>201.55699999999999</v>
      </c>
      <c r="D1503">
        <v>1800</v>
      </c>
      <c r="E1503">
        <v>3.7873999999999999</v>
      </c>
      <c r="F1503">
        <v>3171.67</v>
      </c>
      <c r="G1503">
        <v>95.021299999999997</v>
      </c>
    </row>
    <row r="1504" spans="1:7" x14ac:dyDescent="0.25">
      <c r="A1504">
        <v>16</v>
      </c>
      <c r="B1504">
        <v>137.935</v>
      </c>
      <c r="C1504">
        <v>203.131</v>
      </c>
      <c r="D1504">
        <v>6083.46</v>
      </c>
      <c r="E1504">
        <v>2.6771699999999998</v>
      </c>
      <c r="F1504">
        <v>7860.24</v>
      </c>
      <c r="G1504">
        <v>13.7896</v>
      </c>
    </row>
    <row r="1505" spans="1:7" x14ac:dyDescent="0.25">
      <c r="A1505">
        <v>16</v>
      </c>
      <c r="B1505">
        <v>141.084</v>
      </c>
      <c r="C1505">
        <v>198.72200000000001</v>
      </c>
      <c r="D1505">
        <v>6083.46</v>
      </c>
      <c r="E1505">
        <v>3.9763799999999998</v>
      </c>
      <c r="F1505">
        <v>7469.33</v>
      </c>
      <c r="G1505">
        <v>16.398399999999999</v>
      </c>
    </row>
    <row r="1506" spans="1:7" x14ac:dyDescent="0.25">
      <c r="A1506">
        <v>16</v>
      </c>
      <c r="B1506">
        <v>163.761</v>
      </c>
      <c r="C1506">
        <v>202.81700000000001</v>
      </c>
      <c r="D1506">
        <v>1800</v>
      </c>
      <c r="E1506">
        <v>3.8110200000000001</v>
      </c>
      <c r="F1506">
        <v>3250.23</v>
      </c>
      <c r="G1506">
        <v>73.559899999999999</v>
      </c>
    </row>
    <row r="1507" spans="1:7" x14ac:dyDescent="0.25">
      <c r="A1507">
        <v>16</v>
      </c>
      <c r="B1507">
        <v>141.084</v>
      </c>
      <c r="C1507">
        <v>199.03700000000001</v>
      </c>
      <c r="D1507">
        <v>6083.46</v>
      </c>
      <c r="E1507">
        <v>3.6220500000000002</v>
      </c>
      <c r="F1507">
        <v>7422.19</v>
      </c>
      <c r="G1507">
        <v>16.4617</v>
      </c>
    </row>
    <row r="1508" spans="1:7" x14ac:dyDescent="0.25">
      <c r="A1508">
        <v>16</v>
      </c>
      <c r="B1508">
        <v>174.47</v>
      </c>
      <c r="C1508">
        <v>200.92699999999999</v>
      </c>
      <c r="D1508">
        <v>1800</v>
      </c>
      <c r="E1508">
        <v>3.9763799999999998</v>
      </c>
      <c r="F1508">
        <v>3087.32</v>
      </c>
      <c r="G1508">
        <v>106.405</v>
      </c>
    </row>
    <row r="1509" spans="1:7" x14ac:dyDescent="0.25">
      <c r="A1509">
        <v>16</v>
      </c>
      <c r="B1509">
        <v>166.28100000000001</v>
      </c>
      <c r="C1509">
        <v>200.297</v>
      </c>
      <c r="D1509">
        <v>1800</v>
      </c>
      <c r="E1509">
        <v>3.6929099999999999</v>
      </c>
      <c r="F1509">
        <v>3213.92</v>
      </c>
      <c r="G1509">
        <v>74.245400000000004</v>
      </c>
    </row>
    <row r="1510" spans="1:7" x14ac:dyDescent="0.25">
      <c r="A1510">
        <v>16</v>
      </c>
      <c r="B1510">
        <v>161.24199999999999</v>
      </c>
      <c r="C1510">
        <v>200.92699999999999</v>
      </c>
      <c r="D1510">
        <v>2335.4299999999998</v>
      </c>
      <c r="E1510">
        <v>2.9606300000000001</v>
      </c>
      <c r="F1510">
        <v>3950.78</v>
      </c>
      <c r="G1510">
        <v>24.827000000000002</v>
      </c>
    </row>
    <row r="1511" spans="1:7" x14ac:dyDescent="0.25">
      <c r="A1511">
        <v>16</v>
      </c>
      <c r="B1511">
        <v>165.65100000000001</v>
      </c>
      <c r="C1511">
        <v>204.70599999999999</v>
      </c>
      <c r="D1511">
        <v>1800</v>
      </c>
      <c r="E1511">
        <v>3.6929099999999999</v>
      </c>
      <c r="F1511">
        <v>3294.17</v>
      </c>
      <c r="G1511">
        <v>68.730099999999993</v>
      </c>
    </row>
    <row r="1512" spans="1:7" x14ac:dyDescent="0.25">
      <c r="A1512">
        <v>16</v>
      </c>
      <c r="B1512">
        <v>160.61199999999999</v>
      </c>
      <c r="C1512">
        <v>200.297</v>
      </c>
      <c r="D1512">
        <v>2335.4299999999998</v>
      </c>
      <c r="E1512">
        <v>3.0551200000000001</v>
      </c>
      <c r="F1512">
        <v>3922.51</v>
      </c>
      <c r="G1512">
        <v>29.449200000000001</v>
      </c>
    </row>
    <row r="1513" spans="1:7" x14ac:dyDescent="0.25">
      <c r="A1513">
        <v>16</v>
      </c>
      <c r="B1513">
        <v>170.691</v>
      </c>
      <c r="C1513">
        <v>195.887</v>
      </c>
      <c r="D1513">
        <v>1800</v>
      </c>
      <c r="E1513">
        <v>3.9763799999999998</v>
      </c>
      <c r="F1513">
        <v>3100.39</v>
      </c>
      <c r="G1513">
        <v>96.464200000000005</v>
      </c>
    </row>
    <row r="1514" spans="1:7" x14ac:dyDescent="0.25">
      <c r="A1514">
        <v>16</v>
      </c>
      <c r="B1514">
        <v>161.24199999999999</v>
      </c>
      <c r="C1514">
        <v>200.61199999999999</v>
      </c>
      <c r="D1514">
        <v>1800</v>
      </c>
      <c r="E1514">
        <v>1.1653500000000001</v>
      </c>
      <c r="F1514">
        <v>5140.91</v>
      </c>
      <c r="G1514">
        <v>20.473600000000001</v>
      </c>
    </row>
    <row r="1515" spans="1:7" x14ac:dyDescent="0.25">
      <c r="A1515">
        <v>16</v>
      </c>
      <c r="B1515">
        <v>161.24199999999999</v>
      </c>
      <c r="C1515">
        <v>200.92699999999999</v>
      </c>
      <c r="D1515">
        <v>2335.4299999999998</v>
      </c>
      <c r="E1515">
        <v>2.9606300000000001</v>
      </c>
      <c r="F1515">
        <v>3950.78</v>
      </c>
      <c r="G1515">
        <v>24.827000000000002</v>
      </c>
    </row>
    <row r="1516" spans="1:7" x14ac:dyDescent="0.25">
      <c r="A1516">
        <v>16</v>
      </c>
      <c r="B1516">
        <v>166.28100000000001</v>
      </c>
      <c r="C1516">
        <v>201.87200000000001</v>
      </c>
      <c r="D1516">
        <v>1800</v>
      </c>
      <c r="E1516">
        <v>3.8110200000000001</v>
      </c>
      <c r="F1516">
        <v>3182.38</v>
      </c>
      <c r="G1516">
        <v>74.304599999999994</v>
      </c>
    </row>
    <row r="1517" spans="1:7" x14ac:dyDescent="0.25">
      <c r="A1517">
        <v>16</v>
      </c>
      <c r="B1517">
        <v>165.65100000000001</v>
      </c>
      <c r="C1517">
        <v>199.982</v>
      </c>
      <c r="D1517">
        <v>1933.86</v>
      </c>
      <c r="E1517">
        <v>3.7873999999999999</v>
      </c>
      <c r="F1517">
        <v>3302.26</v>
      </c>
      <c r="G1517">
        <v>57.241799999999998</v>
      </c>
    </row>
    <row r="1518" spans="1:7" x14ac:dyDescent="0.25">
      <c r="A1518">
        <v>16</v>
      </c>
      <c r="B1518">
        <v>161.24199999999999</v>
      </c>
      <c r="C1518">
        <v>202.81700000000001</v>
      </c>
      <c r="D1518">
        <v>2335.4299999999998</v>
      </c>
      <c r="E1518">
        <v>4</v>
      </c>
      <c r="F1518">
        <v>3697.32</v>
      </c>
      <c r="G1518">
        <v>49.619300000000003</v>
      </c>
    </row>
    <row r="1519" spans="1:7" x14ac:dyDescent="0.25">
      <c r="A1519">
        <v>16</v>
      </c>
      <c r="B1519">
        <v>137.935</v>
      </c>
      <c r="C1519">
        <v>198.09200000000001</v>
      </c>
      <c r="D1519">
        <v>6083.46</v>
      </c>
      <c r="E1519">
        <v>2.1102400000000001</v>
      </c>
      <c r="F1519">
        <v>8238.3799999999992</v>
      </c>
      <c r="G1519">
        <v>11.8962</v>
      </c>
    </row>
    <row r="1520" spans="1:7" x14ac:dyDescent="0.25">
      <c r="A1520">
        <v>16</v>
      </c>
      <c r="B1520">
        <v>166.28100000000001</v>
      </c>
      <c r="C1520">
        <v>201.87200000000001</v>
      </c>
      <c r="D1520">
        <v>1800</v>
      </c>
      <c r="E1520">
        <v>3.8110200000000001</v>
      </c>
      <c r="F1520">
        <v>3182.38</v>
      </c>
      <c r="G1520">
        <v>74.304599999999994</v>
      </c>
    </row>
    <row r="1521" spans="1:7" x14ac:dyDescent="0.25">
      <c r="A1521">
        <v>16</v>
      </c>
      <c r="B1521">
        <v>161.24199999999999</v>
      </c>
      <c r="C1521">
        <v>200.92699999999999</v>
      </c>
      <c r="D1521">
        <v>2335.4299999999998</v>
      </c>
      <c r="E1521">
        <v>2.9606300000000001</v>
      </c>
      <c r="F1521">
        <v>3950.78</v>
      </c>
      <c r="G1521">
        <v>24.827000000000002</v>
      </c>
    </row>
    <row r="1522" spans="1:7" x14ac:dyDescent="0.25">
      <c r="A1522">
        <v>16</v>
      </c>
      <c r="B1522">
        <v>161.24199999999999</v>
      </c>
      <c r="C1522">
        <v>200.92699999999999</v>
      </c>
      <c r="D1522">
        <v>2335.4299999999998</v>
      </c>
      <c r="E1522">
        <v>2.9606300000000001</v>
      </c>
      <c r="F1522">
        <v>3950.78</v>
      </c>
      <c r="G1522">
        <v>24.827000000000002</v>
      </c>
    </row>
    <row r="1523" spans="1:7" x14ac:dyDescent="0.25">
      <c r="A1523">
        <v>16</v>
      </c>
      <c r="B1523">
        <v>136.04499999999999</v>
      </c>
      <c r="C1523">
        <v>195.572</v>
      </c>
      <c r="D1523">
        <v>6083.46</v>
      </c>
      <c r="E1523">
        <v>1.1653500000000001</v>
      </c>
      <c r="F1523">
        <v>9446.7000000000007</v>
      </c>
      <c r="G1523">
        <v>11.3193</v>
      </c>
    </row>
    <row r="1524" spans="1:7" x14ac:dyDescent="0.25">
      <c r="A1524">
        <v>16</v>
      </c>
      <c r="B1524">
        <v>137.935</v>
      </c>
      <c r="C1524">
        <v>198.09200000000001</v>
      </c>
      <c r="D1524">
        <v>6083.46</v>
      </c>
      <c r="E1524">
        <v>2.1102400000000001</v>
      </c>
      <c r="F1524">
        <v>8238.3799999999992</v>
      </c>
      <c r="G1524">
        <v>11.8962</v>
      </c>
    </row>
    <row r="1525" spans="1:7" x14ac:dyDescent="0.25">
      <c r="A1525">
        <v>16</v>
      </c>
      <c r="B1525">
        <v>161.24199999999999</v>
      </c>
      <c r="C1525">
        <v>200.61199999999999</v>
      </c>
      <c r="D1525">
        <v>1800</v>
      </c>
      <c r="E1525">
        <v>1.1653500000000001</v>
      </c>
      <c r="F1525">
        <v>5140.91</v>
      </c>
      <c r="G1525">
        <v>20.473600000000001</v>
      </c>
    </row>
    <row r="1526" spans="1:7" x14ac:dyDescent="0.25">
      <c r="A1526">
        <v>16</v>
      </c>
      <c r="B1526">
        <v>137.935</v>
      </c>
      <c r="C1526">
        <v>198.09200000000001</v>
      </c>
      <c r="D1526">
        <v>6083.46</v>
      </c>
      <c r="E1526">
        <v>2.1102400000000001</v>
      </c>
      <c r="F1526">
        <v>8238.3799999999992</v>
      </c>
      <c r="G1526">
        <v>11.8962</v>
      </c>
    </row>
    <row r="1527" spans="1:7" x14ac:dyDescent="0.25">
      <c r="A1527">
        <v>16</v>
      </c>
      <c r="B1527">
        <v>161.24199999999999</v>
      </c>
      <c r="C1527">
        <v>202.81700000000001</v>
      </c>
      <c r="D1527">
        <v>2335.4299999999998</v>
      </c>
      <c r="E1527">
        <v>4</v>
      </c>
      <c r="F1527">
        <v>3697.32</v>
      </c>
      <c r="G1527">
        <v>49.619300000000003</v>
      </c>
    </row>
    <row r="1528" spans="1:7" x14ac:dyDescent="0.25">
      <c r="A1528">
        <v>16</v>
      </c>
      <c r="B1528">
        <v>161.24199999999999</v>
      </c>
      <c r="C1528">
        <v>200.61199999999999</v>
      </c>
      <c r="D1528">
        <v>1800</v>
      </c>
      <c r="E1528">
        <v>1.1653500000000001</v>
      </c>
      <c r="F1528">
        <v>5140.91</v>
      </c>
      <c r="G1528">
        <v>20.473600000000001</v>
      </c>
    </row>
    <row r="1529" spans="1:7" x14ac:dyDescent="0.25">
      <c r="A1529">
        <v>16</v>
      </c>
      <c r="B1529">
        <v>161.24199999999999</v>
      </c>
      <c r="C1529">
        <v>200.61199999999999</v>
      </c>
      <c r="D1529">
        <v>1800</v>
      </c>
      <c r="E1529">
        <v>1.1653500000000001</v>
      </c>
      <c r="F1529">
        <v>5140.91</v>
      </c>
      <c r="G1529">
        <v>20.473600000000001</v>
      </c>
    </row>
    <row r="1530" spans="1:7" x14ac:dyDescent="0.25">
      <c r="A1530">
        <v>16</v>
      </c>
      <c r="B1530">
        <v>141.084</v>
      </c>
      <c r="C1530">
        <v>195.887</v>
      </c>
      <c r="D1530">
        <v>6083.46</v>
      </c>
      <c r="E1530">
        <v>3.6220500000000002</v>
      </c>
      <c r="F1530">
        <v>7421.91</v>
      </c>
      <c r="G1530">
        <v>16.4617</v>
      </c>
    </row>
    <row r="3930" spans="2:7" x14ac:dyDescent="0.25">
      <c r="B3930" s="1"/>
      <c r="C3930" s="1"/>
      <c r="D3930" s="1"/>
      <c r="E3930" s="1"/>
      <c r="F3930" s="1"/>
      <c r="G3930" s="1"/>
    </row>
    <row r="3931" spans="2:7" x14ac:dyDescent="0.25">
      <c r="B3931" s="1"/>
      <c r="C3931" s="1"/>
      <c r="D3931" s="1"/>
      <c r="E3931" s="1"/>
      <c r="F3931" s="1"/>
      <c r="G3931" s="1"/>
    </row>
    <row r="3932" spans="2:7" x14ac:dyDescent="0.25">
      <c r="B3932" s="2"/>
      <c r="C3932" s="2"/>
      <c r="D3932" s="2"/>
      <c r="E3932" s="2"/>
      <c r="F3932" s="2"/>
      <c r="G3932" s="2"/>
    </row>
    <row r="3933" spans="2:7" x14ac:dyDescent="0.25">
      <c r="B3933" s="1"/>
      <c r="C3933" s="1"/>
      <c r="D3933" s="1"/>
      <c r="E3933" s="1"/>
      <c r="F3933" s="1"/>
      <c r="G3933" s="1"/>
    </row>
    <row r="3934" spans="2:7" x14ac:dyDescent="0.25">
      <c r="B3934" s="1"/>
      <c r="C3934" s="1"/>
      <c r="D3934" s="1"/>
      <c r="E3934" s="1"/>
      <c r="F3934" s="1"/>
      <c r="G3934" s="1"/>
    </row>
    <row r="3935" spans="2:7" x14ac:dyDescent="0.25">
      <c r="B3935" s="1"/>
      <c r="C3935" s="1"/>
      <c r="D3935" s="1"/>
      <c r="E3935" s="1"/>
      <c r="F3935" s="1"/>
      <c r="G3935" s="1"/>
    </row>
    <row r="3936" spans="2:7" x14ac:dyDescent="0.25">
      <c r="B3936" s="1"/>
      <c r="C3936" s="1"/>
      <c r="D3936" s="1"/>
      <c r="E3936" s="1"/>
      <c r="F3936" s="1"/>
      <c r="G3936" s="1"/>
    </row>
    <row r="3937" spans="2:7" x14ac:dyDescent="0.25">
      <c r="B3937" s="1"/>
      <c r="C3937" s="1"/>
      <c r="D3937" s="1"/>
      <c r="E3937" s="1"/>
      <c r="F3937" s="1"/>
      <c r="G3937" s="1"/>
    </row>
    <row r="3938" spans="2:7" x14ac:dyDescent="0.25">
      <c r="B3938" s="2"/>
      <c r="C3938" s="2"/>
      <c r="D3938" s="2"/>
      <c r="E3938" s="2"/>
      <c r="F3938" s="2"/>
      <c r="G3938" s="2"/>
    </row>
    <row r="3939" spans="2:7" x14ac:dyDescent="0.25">
      <c r="B3939" s="2"/>
      <c r="C3939" s="2"/>
      <c r="D3939" s="2"/>
      <c r="E3939" s="2"/>
      <c r="F3939" s="2"/>
      <c r="G3939" s="2"/>
    </row>
    <row r="3940" spans="2:7" x14ac:dyDescent="0.25">
      <c r="B3940" s="2"/>
      <c r="C3940" s="2"/>
      <c r="D3940" s="2"/>
      <c r="E3940" s="2"/>
      <c r="F3940" s="2"/>
      <c r="G3940" s="2"/>
    </row>
    <row r="3943" spans="2:7" x14ac:dyDescent="0.25">
      <c r="B3943" s="2"/>
      <c r="C3943" s="2"/>
      <c r="D3943" s="2"/>
      <c r="E3943" s="2"/>
      <c r="F3943" s="2"/>
      <c r="G3943" s="2"/>
    </row>
    <row r="3946" spans="2:7" x14ac:dyDescent="0.25">
      <c r="B3946" s="2"/>
      <c r="C3946" s="2"/>
      <c r="D3946" s="2"/>
      <c r="E3946" s="2"/>
      <c r="F3946" s="2"/>
      <c r="G3946" s="2"/>
    </row>
    <row r="3947" spans="2:7" x14ac:dyDescent="0.25">
      <c r="B3947" s="1"/>
      <c r="C3947" s="1"/>
      <c r="D3947" s="1"/>
      <c r="E3947" s="1"/>
      <c r="F3947" s="1"/>
      <c r="G3947" s="1"/>
    </row>
    <row r="3948" spans="2:7" x14ac:dyDescent="0.25">
      <c r="B3948" s="1"/>
      <c r="C3948" s="1"/>
      <c r="D3948" s="1"/>
      <c r="E3948" s="1"/>
      <c r="F3948" s="1"/>
      <c r="G3948" s="1"/>
    </row>
    <row r="3949" spans="2:7" x14ac:dyDescent="0.25">
      <c r="B3949" s="2"/>
      <c r="C3949" s="2"/>
      <c r="D3949" s="2"/>
      <c r="E3949" s="2"/>
      <c r="F3949" s="2"/>
      <c r="G3949" s="2"/>
    </row>
    <row r="3950" spans="2:7" x14ac:dyDescent="0.25">
      <c r="B3950" s="2"/>
      <c r="C3950" s="2"/>
      <c r="D3950" s="2"/>
      <c r="E3950" s="2"/>
      <c r="F3950" s="2"/>
      <c r="G3950" s="2"/>
    </row>
    <row r="3951" spans="2:7" x14ac:dyDescent="0.25">
      <c r="B3951" s="1"/>
      <c r="C3951" s="1"/>
      <c r="D3951" s="1"/>
      <c r="E3951" s="1"/>
      <c r="F3951" s="1"/>
      <c r="G3951" s="1"/>
    </row>
    <row r="3952" spans="2:7" x14ac:dyDescent="0.25">
      <c r="B3952" s="1"/>
      <c r="C3952" s="1"/>
      <c r="D3952" s="1"/>
      <c r="E3952" s="1"/>
      <c r="F3952" s="1"/>
      <c r="G3952" s="1"/>
    </row>
    <row r="3953" spans="2:7" x14ac:dyDescent="0.25">
      <c r="B3953" s="2"/>
      <c r="C3953" s="2"/>
      <c r="D3953" s="2"/>
      <c r="E3953" s="2"/>
      <c r="F3953" s="2"/>
      <c r="G3953" s="2"/>
    </row>
    <row r="3954" spans="2:7" x14ac:dyDescent="0.25">
      <c r="B3954" s="1"/>
      <c r="C3954" s="1"/>
      <c r="D3954" s="1"/>
      <c r="E3954" s="1"/>
      <c r="F3954" s="1"/>
      <c r="G3954" s="1"/>
    </row>
    <row r="3955" spans="2:7" x14ac:dyDescent="0.25">
      <c r="B3955" s="1"/>
      <c r="C3955" s="1"/>
      <c r="D3955" s="1"/>
      <c r="E3955" s="1"/>
      <c r="F3955" s="1"/>
      <c r="G3955" s="1"/>
    </row>
    <row r="3956" spans="2:7" x14ac:dyDescent="0.25">
      <c r="B3956" s="1"/>
      <c r="C3956" s="1"/>
      <c r="D3956" s="1"/>
      <c r="E3956" s="1"/>
      <c r="F3956" s="1"/>
      <c r="G3956" s="1"/>
    </row>
    <row r="3957" spans="2:7" x14ac:dyDescent="0.25">
      <c r="B3957" s="1"/>
      <c r="C3957" s="1"/>
      <c r="D3957" s="1"/>
      <c r="E3957" s="1"/>
      <c r="F3957" s="1"/>
      <c r="G3957" s="1"/>
    </row>
    <row r="3958" spans="2:7" x14ac:dyDescent="0.25">
      <c r="B3958" s="1"/>
      <c r="C3958" s="1"/>
      <c r="D3958" s="1"/>
      <c r="E3958" s="1"/>
      <c r="F3958" s="1"/>
      <c r="G3958" s="1"/>
    </row>
    <row r="3959" spans="2:7" x14ac:dyDescent="0.25">
      <c r="B3959" s="1"/>
      <c r="C3959" s="1"/>
      <c r="D3959" s="1"/>
      <c r="E3959" s="1"/>
      <c r="F3959" s="1"/>
      <c r="G3959" s="1"/>
    </row>
    <row r="3960" spans="2:7" x14ac:dyDescent="0.25">
      <c r="B3960" s="1"/>
      <c r="C3960" s="1"/>
      <c r="D3960" s="1"/>
      <c r="E3960" s="1"/>
      <c r="F3960" s="1"/>
      <c r="G3960" s="1"/>
    </row>
  </sheetData>
  <sortState ref="J1321:K1350">
    <sortCondition ref="J1321"/>
  </sortState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T3780"/>
  <sheetViews>
    <sheetView topLeftCell="A3481" workbookViewId="0">
      <selection activeCell="P3494" sqref="P3494"/>
    </sheetView>
  </sheetViews>
  <sheetFormatPr defaultRowHeight="15" x14ac:dyDescent="0.25"/>
  <cols>
    <col min="1" max="1" width="3" bestFit="1" customWidth="1"/>
    <col min="2" max="10" width="8" bestFit="1" customWidth="1"/>
  </cols>
  <sheetData>
    <row r="1" spans="1:10" x14ac:dyDescent="0.25">
      <c r="A1">
        <v>0</v>
      </c>
      <c r="B1">
        <v>87.422799999999995</v>
      </c>
      <c r="C1">
        <v>132.82</v>
      </c>
      <c r="D1">
        <v>163.36199999999999</v>
      </c>
      <c r="E1">
        <v>18000</v>
      </c>
      <c r="F1">
        <v>12840.9</v>
      </c>
      <c r="G1">
        <v>24888.2</v>
      </c>
      <c r="H1">
        <v>3.4094500000000001</v>
      </c>
      <c r="I1">
        <v>38414.800000000003</v>
      </c>
      <c r="J1">
        <v>133.83500000000001</v>
      </c>
    </row>
    <row r="2" spans="1:10" x14ac:dyDescent="0.25">
      <c r="A2">
        <v>0</v>
      </c>
      <c r="B2">
        <v>109.39100000000001</v>
      </c>
      <c r="C2">
        <v>123.081</v>
      </c>
      <c r="D2">
        <v>187.49299999999999</v>
      </c>
      <c r="E2">
        <v>12897.6</v>
      </c>
      <c r="F2">
        <v>34270.9</v>
      </c>
      <c r="G2">
        <v>9751.18</v>
      </c>
      <c r="H2">
        <v>1.92126</v>
      </c>
      <c r="I2">
        <v>52381.9</v>
      </c>
      <c r="J2">
        <v>70.793400000000005</v>
      </c>
    </row>
    <row r="3" spans="1:10" x14ac:dyDescent="0.25">
      <c r="A3">
        <v>0</v>
      </c>
      <c r="B3">
        <v>98.052800000000005</v>
      </c>
      <c r="C3">
        <v>139.732</v>
      </c>
      <c r="D3">
        <v>173.39099999999999</v>
      </c>
      <c r="E3">
        <v>10516.5</v>
      </c>
      <c r="F3">
        <v>23555.9</v>
      </c>
      <c r="G3">
        <v>10601.6</v>
      </c>
      <c r="H3">
        <v>1.47244</v>
      </c>
      <c r="I3">
        <v>39801.5</v>
      </c>
      <c r="J3">
        <v>146.50800000000001</v>
      </c>
    </row>
    <row r="4" spans="1:10" x14ac:dyDescent="0.25">
      <c r="A4">
        <v>0</v>
      </c>
      <c r="B4">
        <v>90.493700000000004</v>
      </c>
      <c r="C4">
        <v>121.196</v>
      </c>
      <c r="D4">
        <v>180.285</v>
      </c>
      <c r="E4">
        <v>7285.04</v>
      </c>
      <c r="F4">
        <v>26872.400000000001</v>
      </c>
      <c r="G4">
        <v>28119.7</v>
      </c>
      <c r="H4">
        <v>2.9133900000000001</v>
      </c>
      <c r="I4">
        <v>38035.1</v>
      </c>
      <c r="J4">
        <v>83.512900000000002</v>
      </c>
    </row>
    <row r="5" spans="1:10" x14ac:dyDescent="0.25">
      <c r="A5">
        <v>0</v>
      </c>
      <c r="B5">
        <v>106.79300000000001</v>
      </c>
      <c r="C5">
        <v>147.58699999999999</v>
      </c>
      <c r="D5">
        <v>181.53899999999999</v>
      </c>
      <c r="E5">
        <v>13067.7</v>
      </c>
      <c r="F5">
        <v>21259.8</v>
      </c>
      <c r="G5">
        <v>16214.2</v>
      </c>
      <c r="H5">
        <v>2.8425199999999999</v>
      </c>
      <c r="I5">
        <v>36883.699999999997</v>
      </c>
      <c r="J5">
        <v>144.505</v>
      </c>
    </row>
    <row r="6" spans="1:10" x14ac:dyDescent="0.25">
      <c r="A6">
        <v>0</v>
      </c>
      <c r="B6">
        <v>88.131500000000003</v>
      </c>
      <c r="C6">
        <v>118.054</v>
      </c>
      <c r="D6">
        <v>183.41900000000001</v>
      </c>
      <c r="E6">
        <v>12387.4</v>
      </c>
      <c r="F6">
        <v>21515</v>
      </c>
      <c r="G6">
        <v>28459.8</v>
      </c>
      <c r="H6">
        <v>1.02362</v>
      </c>
      <c r="I6">
        <v>43238.2</v>
      </c>
      <c r="J6">
        <v>47.376199999999997</v>
      </c>
    </row>
    <row r="7" spans="1:10" x14ac:dyDescent="0.25">
      <c r="A7">
        <v>0</v>
      </c>
      <c r="B7">
        <v>90.021299999999997</v>
      </c>
      <c r="C7">
        <v>137.84700000000001</v>
      </c>
      <c r="D7">
        <v>183.41900000000001</v>
      </c>
      <c r="E7">
        <v>13152.8</v>
      </c>
      <c r="F7">
        <v>21004.7</v>
      </c>
      <c r="G7">
        <v>25398.400000000001</v>
      </c>
      <c r="H7">
        <v>3.45669</v>
      </c>
      <c r="I7">
        <v>36795.1</v>
      </c>
      <c r="J7">
        <v>139.876</v>
      </c>
    </row>
    <row r="8" spans="1:10" x14ac:dyDescent="0.25">
      <c r="A8">
        <v>0</v>
      </c>
      <c r="B8">
        <v>82.225999999999999</v>
      </c>
      <c r="C8">
        <v>142.24600000000001</v>
      </c>
      <c r="D8">
        <v>175.27099999999999</v>
      </c>
      <c r="E8">
        <v>13152.8</v>
      </c>
      <c r="F8">
        <v>14116.5</v>
      </c>
      <c r="G8">
        <v>16554.3</v>
      </c>
      <c r="H8">
        <v>2.34646</v>
      </c>
      <c r="I8">
        <v>30748.7</v>
      </c>
      <c r="J8">
        <v>148.779</v>
      </c>
    </row>
    <row r="9" spans="1:10" x14ac:dyDescent="0.25">
      <c r="A9">
        <v>0</v>
      </c>
      <c r="B9">
        <v>95.9268</v>
      </c>
      <c r="C9">
        <v>114.913</v>
      </c>
      <c r="D9">
        <v>189.06</v>
      </c>
      <c r="E9">
        <v>10431.5</v>
      </c>
      <c r="F9">
        <v>25086.6</v>
      </c>
      <c r="G9">
        <v>25228.3</v>
      </c>
      <c r="H9">
        <v>3.10236</v>
      </c>
      <c r="I9">
        <v>39743.599999999999</v>
      </c>
      <c r="J9">
        <v>47.341900000000003</v>
      </c>
    </row>
    <row r="10" spans="1:10" x14ac:dyDescent="0.25">
      <c r="A10">
        <v>0</v>
      </c>
      <c r="B10">
        <v>84.824399999999997</v>
      </c>
      <c r="C10">
        <v>131.25</v>
      </c>
      <c r="D10">
        <v>156.46799999999999</v>
      </c>
      <c r="E10">
        <v>11111.8</v>
      </c>
      <c r="F10">
        <v>17688.2</v>
      </c>
      <c r="G10">
        <v>17404.7</v>
      </c>
      <c r="H10">
        <v>2.7244100000000002</v>
      </c>
      <c r="I10">
        <v>49078.8</v>
      </c>
      <c r="J10">
        <v>124.68600000000001</v>
      </c>
    </row>
    <row r="11" spans="1:10" x14ac:dyDescent="0.25">
      <c r="A11">
        <v>0</v>
      </c>
      <c r="B11">
        <v>100.887</v>
      </c>
      <c r="C11">
        <v>137.21899999999999</v>
      </c>
      <c r="D11">
        <v>183.41900000000001</v>
      </c>
      <c r="E11">
        <v>17829.900000000001</v>
      </c>
      <c r="F11">
        <v>17178</v>
      </c>
      <c r="G11">
        <v>19785.8</v>
      </c>
      <c r="H11">
        <v>3.4094500000000001</v>
      </c>
      <c r="I11">
        <v>37546</v>
      </c>
      <c r="J11">
        <v>132.46299999999999</v>
      </c>
    </row>
    <row r="12" spans="1:10" x14ac:dyDescent="0.25">
      <c r="A12">
        <v>0</v>
      </c>
      <c r="B12">
        <v>108.446</v>
      </c>
      <c r="C12">
        <v>147.27199999999999</v>
      </c>
      <c r="D12">
        <v>188.43299999999999</v>
      </c>
      <c r="E12">
        <v>10941.7</v>
      </c>
      <c r="F12">
        <v>11055.1</v>
      </c>
      <c r="G12">
        <v>15193.7</v>
      </c>
      <c r="H12">
        <v>3.1259800000000002</v>
      </c>
      <c r="I12">
        <v>24313.1</v>
      </c>
      <c r="J12">
        <v>148.14400000000001</v>
      </c>
    </row>
    <row r="13" spans="1:10" x14ac:dyDescent="0.25">
      <c r="A13">
        <v>0</v>
      </c>
      <c r="B13">
        <v>91.438599999999994</v>
      </c>
      <c r="C13">
        <v>127.16500000000001</v>
      </c>
      <c r="D13">
        <v>165.869</v>
      </c>
      <c r="E13">
        <v>16299.2</v>
      </c>
      <c r="F13">
        <v>37587.4</v>
      </c>
      <c r="G13">
        <v>19105.5</v>
      </c>
      <c r="H13">
        <v>1.1889799999999999</v>
      </c>
      <c r="I13">
        <v>64218.400000000001</v>
      </c>
      <c r="J13">
        <v>118.819</v>
      </c>
    </row>
    <row r="14" spans="1:10" x14ac:dyDescent="0.25">
      <c r="A14">
        <v>0</v>
      </c>
      <c r="B14">
        <v>108.21</v>
      </c>
      <c r="C14">
        <v>133.44900000000001</v>
      </c>
      <c r="D14">
        <v>153.96100000000001</v>
      </c>
      <c r="E14">
        <v>7455.12</v>
      </c>
      <c r="F14">
        <v>11820.5</v>
      </c>
      <c r="G14">
        <v>20636.2</v>
      </c>
      <c r="H14">
        <v>2.0629900000000001</v>
      </c>
      <c r="I14">
        <v>43419</v>
      </c>
      <c r="J14">
        <v>122.08499999999999</v>
      </c>
    </row>
    <row r="15" spans="1:10" x14ac:dyDescent="0.25">
      <c r="A15">
        <v>0</v>
      </c>
      <c r="B15">
        <v>102.069</v>
      </c>
      <c r="C15">
        <v>147.58699999999999</v>
      </c>
      <c r="D15">
        <v>151.767</v>
      </c>
      <c r="E15">
        <v>16809.400000000001</v>
      </c>
      <c r="F15">
        <v>11310.2</v>
      </c>
      <c r="G15">
        <v>22166.9</v>
      </c>
      <c r="H15">
        <v>1.4960599999999999</v>
      </c>
      <c r="I15">
        <v>54681.3</v>
      </c>
      <c r="J15">
        <v>135.31100000000001</v>
      </c>
    </row>
    <row r="16" spans="1:10" x14ac:dyDescent="0.25">
      <c r="A16">
        <v>0</v>
      </c>
      <c r="B16">
        <v>103.958</v>
      </c>
      <c r="C16">
        <v>128.73599999999999</v>
      </c>
      <c r="D16">
        <v>166.18299999999999</v>
      </c>
      <c r="E16">
        <v>15023.6</v>
      </c>
      <c r="F16">
        <v>32995.300000000003</v>
      </c>
      <c r="G16">
        <v>12302.4</v>
      </c>
      <c r="H16">
        <v>2.74803</v>
      </c>
      <c r="I16">
        <v>55536.2</v>
      </c>
      <c r="J16">
        <v>112.93600000000001</v>
      </c>
    </row>
    <row r="17" spans="1:10" x14ac:dyDescent="0.25">
      <c r="A17">
        <v>0</v>
      </c>
      <c r="B17">
        <v>88.367699999999999</v>
      </c>
      <c r="C17">
        <v>144.75899999999999</v>
      </c>
      <c r="D17">
        <v>187.80600000000001</v>
      </c>
      <c r="E17">
        <v>11026.8</v>
      </c>
      <c r="F17">
        <v>31209.4</v>
      </c>
      <c r="G17">
        <v>7370.08</v>
      </c>
      <c r="H17">
        <v>3.7165400000000002</v>
      </c>
      <c r="I17">
        <v>44419.1</v>
      </c>
      <c r="J17">
        <v>158.048</v>
      </c>
    </row>
    <row r="18" spans="1:10" x14ac:dyDescent="0.25">
      <c r="A18">
        <v>0</v>
      </c>
      <c r="B18">
        <v>91.674800000000005</v>
      </c>
      <c r="C18">
        <v>149.786</v>
      </c>
      <c r="D18">
        <v>178.405</v>
      </c>
      <c r="E18">
        <v>11111.8</v>
      </c>
      <c r="F18">
        <v>15647.2</v>
      </c>
      <c r="G18">
        <v>17234.599999999999</v>
      </c>
      <c r="H18">
        <v>2.7244100000000002</v>
      </c>
      <c r="I18">
        <v>29473.599999999999</v>
      </c>
      <c r="J18">
        <v>160.50200000000001</v>
      </c>
    </row>
    <row r="19" spans="1:10" x14ac:dyDescent="0.25">
      <c r="A19">
        <v>0</v>
      </c>
      <c r="B19">
        <v>109.39100000000001</v>
      </c>
      <c r="C19">
        <v>110.2</v>
      </c>
      <c r="D19">
        <v>158.661</v>
      </c>
      <c r="E19">
        <v>12387.4</v>
      </c>
      <c r="F19">
        <v>23300.799999999999</v>
      </c>
      <c r="G19">
        <v>12472.4</v>
      </c>
      <c r="H19">
        <v>3.14961</v>
      </c>
      <c r="I19">
        <v>50369.1</v>
      </c>
      <c r="J19">
        <v>27.046600000000002</v>
      </c>
    </row>
    <row r="20" spans="1:10" x14ac:dyDescent="0.25">
      <c r="A20">
        <v>0</v>
      </c>
      <c r="B20">
        <v>106.084</v>
      </c>
      <c r="C20">
        <v>142.24600000000001</v>
      </c>
      <c r="D20">
        <v>178.09100000000001</v>
      </c>
      <c r="E20">
        <v>16979.5</v>
      </c>
      <c r="F20">
        <v>32229.9</v>
      </c>
      <c r="G20">
        <v>14003.1</v>
      </c>
      <c r="H20">
        <v>3.6929099999999999</v>
      </c>
      <c r="I20">
        <v>51827</v>
      </c>
      <c r="J20">
        <v>126.48399999999999</v>
      </c>
    </row>
    <row r="21" spans="1:10" x14ac:dyDescent="0.25">
      <c r="A21">
        <v>0</v>
      </c>
      <c r="B21">
        <v>101.83199999999999</v>
      </c>
      <c r="C21">
        <v>140.36099999999999</v>
      </c>
      <c r="D21">
        <v>185.29900000000001</v>
      </c>
      <c r="E21">
        <v>8390.5499999999993</v>
      </c>
      <c r="F21">
        <v>34270.9</v>
      </c>
      <c r="G21">
        <v>24548</v>
      </c>
      <c r="H21">
        <v>1.6614199999999999</v>
      </c>
      <c r="I21">
        <v>47283.9</v>
      </c>
      <c r="J21">
        <v>149.911</v>
      </c>
    </row>
    <row r="22" spans="1:10" x14ac:dyDescent="0.25">
      <c r="A22">
        <v>0</v>
      </c>
      <c r="B22">
        <v>81.989800000000002</v>
      </c>
      <c r="C22">
        <v>116.798</v>
      </c>
      <c r="D22">
        <v>150.19999999999999</v>
      </c>
      <c r="E22">
        <v>13492.9</v>
      </c>
      <c r="F22">
        <v>39373.199999999997</v>
      </c>
      <c r="G22">
        <v>23017.3</v>
      </c>
      <c r="H22">
        <v>3.3622000000000001</v>
      </c>
      <c r="I22">
        <v>81022.600000000006</v>
      </c>
      <c r="J22">
        <v>45.588900000000002</v>
      </c>
    </row>
    <row r="23" spans="1:10" x14ac:dyDescent="0.25">
      <c r="A23">
        <v>0</v>
      </c>
      <c r="B23">
        <v>103.01300000000001</v>
      </c>
      <c r="C23">
        <v>141.93100000000001</v>
      </c>
      <c r="D23">
        <v>167.75</v>
      </c>
      <c r="E23">
        <v>17064.599999999999</v>
      </c>
      <c r="F23">
        <v>15647.2</v>
      </c>
      <c r="G23">
        <v>9070.8700000000008</v>
      </c>
      <c r="H23">
        <v>2.5826799999999999</v>
      </c>
      <c r="I23">
        <v>37121.300000000003</v>
      </c>
      <c r="J23">
        <v>133.95099999999999</v>
      </c>
    </row>
    <row r="24" spans="1:10" x14ac:dyDescent="0.25">
      <c r="A24">
        <v>0</v>
      </c>
      <c r="B24">
        <v>98.052800000000005</v>
      </c>
      <c r="C24">
        <v>130.62100000000001</v>
      </c>
      <c r="D24">
        <v>150.51300000000001</v>
      </c>
      <c r="E24">
        <v>14258.3</v>
      </c>
      <c r="F24">
        <v>20749.599999999999</v>
      </c>
      <c r="G24">
        <v>15533.9</v>
      </c>
      <c r="H24">
        <v>3.8346499999999999</v>
      </c>
      <c r="I24">
        <v>53115.4</v>
      </c>
      <c r="J24">
        <v>125.602</v>
      </c>
    </row>
    <row r="25" spans="1:10" x14ac:dyDescent="0.25">
      <c r="A25">
        <v>0</v>
      </c>
      <c r="B25">
        <v>106.32</v>
      </c>
      <c r="C25">
        <v>127.48</v>
      </c>
      <c r="D25">
        <v>187.49299999999999</v>
      </c>
      <c r="E25">
        <v>16129.1</v>
      </c>
      <c r="F25">
        <v>17943.3</v>
      </c>
      <c r="G25">
        <v>25058.3</v>
      </c>
      <c r="H25">
        <v>3.0314999999999999</v>
      </c>
      <c r="I25">
        <v>37101.599999999999</v>
      </c>
      <c r="J25">
        <v>95.921300000000002</v>
      </c>
    </row>
    <row r="26" spans="1:10" x14ac:dyDescent="0.25">
      <c r="A26">
        <v>0</v>
      </c>
      <c r="B26">
        <v>89.5488</v>
      </c>
      <c r="C26">
        <v>122.139</v>
      </c>
      <c r="D26">
        <v>154.274</v>
      </c>
      <c r="E26">
        <v>14088.2</v>
      </c>
      <c r="F26">
        <v>18198.400000000001</v>
      </c>
      <c r="G26">
        <v>28629.9</v>
      </c>
      <c r="H26">
        <v>1.6614199999999999</v>
      </c>
      <c r="I26">
        <v>66201</v>
      </c>
      <c r="J26">
        <v>71.668099999999995</v>
      </c>
    </row>
    <row r="27" spans="1:10" x14ac:dyDescent="0.25">
      <c r="A27">
        <v>0</v>
      </c>
      <c r="B27">
        <v>84.352000000000004</v>
      </c>
      <c r="C27">
        <v>122.139</v>
      </c>
      <c r="D27">
        <v>180.285</v>
      </c>
      <c r="E27">
        <v>16554.3</v>
      </c>
      <c r="F27">
        <v>37842.5</v>
      </c>
      <c r="G27">
        <v>9581.1</v>
      </c>
      <c r="H27">
        <v>2.8661400000000001</v>
      </c>
      <c r="I27">
        <v>58458.3</v>
      </c>
      <c r="J27">
        <v>85.046599999999998</v>
      </c>
    </row>
    <row r="28" spans="1:10" x14ac:dyDescent="0.25">
      <c r="A28">
        <v>0</v>
      </c>
      <c r="B28">
        <v>86.005499999999998</v>
      </c>
      <c r="C28">
        <v>133.13499999999999</v>
      </c>
      <c r="D28">
        <v>152.08000000000001</v>
      </c>
      <c r="E28">
        <v>13578</v>
      </c>
      <c r="F28">
        <v>21770.1</v>
      </c>
      <c r="G28">
        <v>27949.599999999999</v>
      </c>
      <c r="H28">
        <v>2.4881899999999999</v>
      </c>
      <c r="I28">
        <v>66370.600000000006</v>
      </c>
      <c r="J28">
        <v>131.05199999999999</v>
      </c>
    </row>
    <row r="29" spans="1:10" x14ac:dyDescent="0.25">
      <c r="A29">
        <v>0</v>
      </c>
      <c r="B29">
        <v>98.761399999999995</v>
      </c>
      <c r="C29">
        <v>135.334</v>
      </c>
      <c r="D29">
        <v>164.929</v>
      </c>
      <c r="E29">
        <v>10516.5</v>
      </c>
      <c r="F29">
        <v>25596.9</v>
      </c>
      <c r="G29">
        <v>19445.7</v>
      </c>
      <c r="H29">
        <v>1.92126</v>
      </c>
      <c r="I29">
        <v>43468.3</v>
      </c>
      <c r="J29">
        <v>136.422</v>
      </c>
    </row>
    <row r="30" spans="1:10" x14ac:dyDescent="0.25">
      <c r="A30">
        <v>0</v>
      </c>
      <c r="B30">
        <v>86.241699999999994</v>
      </c>
      <c r="C30">
        <v>128.73599999999999</v>
      </c>
      <c r="D30">
        <v>176.21100000000001</v>
      </c>
      <c r="E30">
        <v>10601.6</v>
      </c>
      <c r="F30">
        <v>31974.799999999999</v>
      </c>
      <c r="G30">
        <v>18255.099999999999</v>
      </c>
      <c r="H30">
        <v>3.9527600000000001</v>
      </c>
      <c r="I30">
        <v>45685.5</v>
      </c>
      <c r="J30">
        <v>118.744</v>
      </c>
    </row>
    <row r="31" spans="1:10" x14ac:dyDescent="0.25">
      <c r="A31">
        <v>0</v>
      </c>
      <c r="B31">
        <v>80.572400000000002</v>
      </c>
      <c r="C31">
        <v>122.767</v>
      </c>
      <c r="D31">
        <v>183.41900000000001</v>
      </c>
      <c r="E31">
        <v>14428.3</v>
      </c>
      <c r="F31">
        <v>19474</v>
      </c>
      <c r="G31">
        <v>27269.3</v>
      </c>
      <c r="H31">
        <v>2.5354299999999999</v>
      </c>
      <c r="I31">
        <v>37912.699999999997</v>
      </c>
      <c r="J31">
        <v>81.503699999999995</v>
      </c>
    </row>
    <row r="32" spans="1:10" x14ac:dyDescent="0.25">
      <c r="A32">
        <v>0</v>
      </c>
      <c r="B32">
        <v>97.816500000000005</v>
      </c>
      <c r="C32">
        <v>142.56</v>
      </c>
      <c r="D32">
        <v>157.40799999999999</v>
      </c>
      <c r="E32">
        <v>12897.6</v>
      </c>
      <c r="F32">
        <v>21515</v>
      </c>
      <c r="G32">
        <v>9581.1</v>
      </c>
      <c r="H32">
        <v>2.5118100000000001</v>
      </c>
      <c r="I32">
        <v>47302.6</v>
      </c>
      <c r="J32">
        <v>150.24299999999999</v>
      </c>
    </row>
    <row r="33" spans="1:10" x14ac:dyDescent="0.25">
      <c r="A33">
        <v>0</v>
      </c>
      <c r="B33">
        <v>96.871700000000004</v>
      </c>
      <c r="C33">
        <v>124.33799999999999</v>
      </c>
      <c r="D33">
        <v>171.51</v>
      </c>
      <c r="E33">
        <v>11452</v>
      </c>
      <c r="F33">
        <v>28148</v>
      </c>
      <c r="G33">
        <v>25738.6</v>
      </c>
      <c r="H33">
        <v>2.5354299999999999</v>
      </c>
      <c r="I33">
        <v>45048.4</v>
      </c>
      <c r="J33">
        <v>95.390900000000002</v>
      </c>
    </row>
    <row r="34" spans="1:10" x14ac:dyDescent="0.25">
      <c r="A34">
        <v>0</v>
      </c>
      <c r="B34">
        <v>107.502</v>
      </c>
      <c r="C34">
        <v>134.70599999999999</v>
      </c>
      <c r="D34">
        <v>178.09100000000001</v>
      </c>
      <c r="E34">
        <v>9411.02</v>
      </c>
      <c r="F34">
        <v>38607.9</v>
      </c>
      <c r="G34">
        <v>20296.099999999999</v>
      </c>
      <c r="H34">
        <v>2.8189000000000002</v>
      </c>
      <c r="I34">
        <v>51265.9</v>
      </c>
      <c r="J34">
        <v>135.16</v>
      </c>
    </row>
    <row r="35" spans="1:10" x14ac:dyDescent="0.25">
      <c r="A35">
        <v>0</v>
      </c>
      <c r="B35">
        <v>109.628</v>
      </c>
      <c r="C35">
        <v>118.68300000000001</v>
      </c>
      <c r="D35">
        <v>170.25700000000001</v>
      </c>
      <c r="E35">
        <v>10686.6</v>
      </c>
      <c r="F35">
        <v>19218.900000000001</v>
      </c>
      <c r="G35">
        <v>15874</v>
      </c>
      <c r="H35">
        <v>1.2598400000000001</v>
      </c>
      <c r="I35">
        <v>39469.4</v>
      </c>
      <c r="J35">
        <v>28.443899999999999</v>
      </c>
    </row>
    <row r="36" spans="1:10" x14ac:dyDescent="0.25">
      <c r="A36">
        <v>0</v>
      </c>
      <c r="B36">
        <v>104.431</v>
      </c>
      <c r="C36">
        <v>134.39099999999999</v>
      </c>
      <c r="D36">
        <v>170.25700000000001</v>
      </c>
      <c r="E36">
        <v>9411.02</v>
      </c>
      <c r="F36">
        <v>17433.099999999999</v>
      </c>
      <c r="G36">
        <v>10941.7</v>
      </c>
      <c r="H36">
        <v>1.1417299999999999</v>
      </c>
      <c r="I36">
        <v>33880.800000000003</v>
      </c>
      <c r="J36">
        <v>134.09100000000001</v>
      </c>
    </row>
    <row r="37" spans="1:10" x14ac:dyDescent="0.25">
      <c r="A37">
        <v>0</v>
      </c>
      <c r="B37">
        <v>105.848</v>
      </c>
      <c r="C37">
        <v>130.935</v>
      </c>
      <c r="D37">
        <v>184.672</v>
      </c>
      <c r="E37">
        <v>17319.7</v>
      </c>
      <c r="F37">
        <v>34526</v>
      </c>
      <c r="G37">
        <v>27949.599999999999</v>
      </c>
      <c r="H37">
        <v>2.3936999999999999</v>
      </c>
      <c r="I37">
        <v>55268.2</v>
      </c>
      <c r="J37">
        <v>108.15900000000001</v>
      </c>
    </row>
    <row r="38" spans="1:10" x14ac:dyDescent="0.25">
      <c r="A38">
        <v>0</v>
      </c>
      <c r="B38">
        <v>91.202399999999997</v>
      </c>
      <c r="C38">
        <v>112.71299999999999</v>
      </c>
      <c r="D38">
        <v>182.16499999999999</v>
      </c>
      <c r="E38">
        <v>15618.9</v>
      </c>
      <c r="F38">
        <v>23300.799999999999</v>
      </c>
      <c r="G38">
        <v>17234.599999999999</v>
      </c>
      <c r="H38">
        <v>1.6377999999999999</v>
      </c>
      <c r="I38">
        <v>45824.6</v>
      </c>
      <c r="J38">
        <v>34.789400000000001</v>
      </c>
    </row>
    <row r="39" spans="1:10" x14ac:dyDescent="0.25">
      <c r="A39">
        <v>0</v>
      </c>
      <c r="B39">
        <v>102.777</v>
      </c>
      <c r="C39">
        <v>113.65600000000001</v>
      </c>
      <c r="D39">
        <v>169.94300000000001</v>
      </c>
      <c r="E39">
        <v>7455.12</v>
      </c>
      <c r="F39">
        <v>28148</v>
      </c>
      <c r="G39">
        <v>9751.18</v>
      </c>
      <c r="H39">
        <v>1.7795300000000001</v>
      </c>
      <c r="I39">
        <v>43531.5</v>
      </c>
      <c r="J39">
        <v>28.704000000000001</v>
      </c>
    </row>
    <row r="40" spans="1:10" x14ac:dyDescent="0.25">
      <c r="A40">
        <v>0</v>
      </c>
      <c r="B40">
        <v>93.092100000000002</v>
      </c>
      <c r="C40">
        <v>124.024</v>
      </c>
      <c r="D40">
        <v>169.94300000000001</v>
      </c>
      <c r="E40">
        <v>11366.9</v>
      </c>
      <c r="F40">
        <v>11565.4</v>
      </c>
      <c r="G40">
        <v>21146.5</v>
      </c>
      <c r="H40">
        <v>3.7637800000000001</v>
      </c>
      <c r="I40">
        <v>26296.3</v>
      </c>
      <c r="J40">
        <v>40.541800000000002</v>
      </c>
    </row>
    <row r="41" spans="1:10" x14ac:dyDescent="0.25">
      <c r="A41">
        <v>0</v>
      </c>
      <c r="B41">
        <v>105.139</v>
      </c>
      <c r="C41">
        <v>119.93899999999999</v>
      </c>
      <c r="D41">
        <v>176.83799999999999</v>
      </c>
      <c r="E41">
        <v>17574.8</v>
      </c>
      <c r="F41">
        <v>32485</v>
      </c>
      <c r="G41">
        <v>20806.3</v>
      </c>
      <c r="H41">
        <v>1.4252</v>
      </c>
      <c r="I41">
        <v>57209.2</v>
      </c>
      <c r="J41">
        <v>62.3155</v>
      </c>
    </row>
    <row r="42" spans="1:10" x14ac:dyDescent="0.25">
      <c r="A42">
        <v>0</v>
      </c>
      <c r="B42">
        <v>103.25</v>
      </c>
      <c r="C42">
        <v>114.28400000000001</v>
      </c>
      <c r="D42">
        <v>165.869</v>
      </c>
      <c r="E42">
        <v>15959.1</v>
      </c>
      <c r="F42">
        <v>26107.1</v>
      </c>
      <c r="G42">
        <v>14513.4</v>
      </c>
      <c r="H42">
        <v>1.7086600000000001</v>
      </c>
      <c r="I42">
        <v>52010</v>
      </c>
      <c r="J42">
        <v>28.701000000000001</v>
      </c>
    </row>
    <row r="43" spans="1:10" x14ac:dyDescent="0.25">
      <c r="A43">
        <v>0</v>
      </c>
      <c r="B43">
        <v>99.233900000000006</v>
      </c>
      <c r="C43">
        <v>142.874</v>
      </c>
      <c r="D43">
        <v>170.88300000000001</v>
      </c>
      <c r="E43">
        <v>16384.3</v>
      </c>
      <c r="F43">
        <v>18453.5</v>
      </c>
      <c r="G43">
        <v>27609.4</v>
      </c>
      <c r="H43">
        <v>2.0157500000000002</v>
      </c>
      <c r="I43">
        <v>38948.6</v>
      </c>
      <c r="J43">
        <v>145.649</v>
      </c>
    </row>
    <row r="44" spans="1:10" x14ac:dyDescent="0.25">
      <c r="A44">
        <v>0</v>
      </c>
      <c r="B44">
        <v>108.446</v>
      </c>
      <c r="C44">
        <v>141.61699999999999</v>
      </c>
      <c r="D44">
        <v>165.24299999999999</v>
      </c>
      <c r="E44">
        <v>12557.5</v>
      </c>
      <c r="F44">
        <v>24066.1</v>
      </c>
      <c r="G44">
        <v>11281.9</v>
      </c>
      <c r="H44">
        <v>3.0787399999999998</v>
      </c>
      <c r="I44">
        <v>42270.5</v>
      </c>
      <c r="J44">
        <v>139.16</v>
      </c>
    </row>
    <row r="45" spans="1:10" x14ac:dyDescent="0.25">
      <c r="A45">
        <v>0</v>
      </c>
      <c r="B45">
        <v>88.840199999999996</v>
      </c>
      <c r="C45">
        <v>124.96599999999999</v>
      </c>
      <c r="D45">
        <v>189.37299999999999</v>
      </c>
      <c r="E45">
        <v>7880.31</v>
      </c>
      <c r="F45">
        <v>21004.7</v>
      </c>
      <c r="G45">
        <v>25228.3</v>
      </c>
      <c r="H45">
        <v>4</v>
      </c>
      <c r="I45">
        <v>31492.400000000001</v>
      </c>
      <c r="J45">
        <v>108.46299999999999</v>
      </c>
    </row>
    <row r="46" spans="1:10" x14ac:dyDescent="0.25">
      <c r="A46">
        <v>0</v>
      </c>
      <c r="B46">
        <v>103.25</v>
      </c>
      <c r="C46">
        <v>132.19200000000001</v>
      </c>
      <c r="D46">
        <v>153.96100000000001</v>
      </c>
      <c r="E46">
        <v>8390.5499999999993</v>
      </c>
      <c r="F46">
        <v>34015.699999999997</v>
      </c>
      <c r="G46">
        <v>25058.3</v>
      </c>
      <c r="H46">
        <v>3.9291299999999998</v>
      </c>
      <c r="I46">
        <v>69766</v>
      </c>
      <c r="J46">
        <v>129.886</v>
      </c>
    </row>
    <row r="47" spans="1:10" x14ac:dyDescent="0.25">
      <c r="A47">
        <v>0</v>
      </c>
      <c r="B47">
        <v>91.674800000000005</v>
      </c>
      <c r="C47">
        <v>137.53299999999999</v>
      </c>
      <c r="D47">
        <v>174.33099999999999</v>
      </c>
      <c r="E47">
        <v>9836.2199999999993</v>
      </c>
      <c r="F47">
        <v>14371.7</v>
      </c>
      <c r="G47">
        <v>8390.5499999999993</v>
      </c>
      <c r="H47">
        <v>2.5354299999999999</v>
      </c>
      <c r="I47">
        <v>27732.9</v>
      </c>
      <c r="J47">
        <v>145.03399999999999</v>
      </c>
    </row>
    <row r="48" spans="1:10" x14ac:dyDescent="0.25">
      <c r="A48">
        <v>0</v>
      </c>
      <c r="B48">
        <v>107.974</v>
      </c>
      <c r="C48">
        <v>141.303</v>
      </c>
      <c r="D48">
        <v>165.869</v>
      </c>
      <c r="E48">
        <v>9325.98</v>
      </c>
      <c r="F48">
        <v>23300.799999999999</v>
      </c>
      <c r="G48">
        <v>16894.5</v>
      </c>
      <c r="H48">
        <v>3.1732300000000002</v>
      </c>
      <c r="I48">
        <v>38651.699999999997</v>
      </c>
      <c r="J48">
        <v>146.09800000000001</v>
      </c>
    </row>
    <row r="49" spans="1:10" x14ac:dyDescent="0.25">
      <c r="A49">
        <v>0</v>
      </c>
      <c r="B49">
        <v>98.289000000000001</v>
      </c>
      <c r="C49">
        <v>119.93899999999999</v>
      </c>
      <c r="D49">
        <v>151.13999999999999</v>
      </c>
      <c r="E49">
        <v>8050.39</v>
      </c>
      <c r="F49">
        <v>14626.8</v>
      </c>
      <c r="G49">
        <v>24037.8</v>
      </c>
      <c r="H49">
        <v>2.2283499999999998</v>
      </c>
      <c r="I49">
        <v>51292.2</v>
      </c>
      <c r="J49">
        <v>81.0959</v>
      </c>
    </row>
    <row r="50" spans="1:10" x14ac:dyDescent="0.25">
      <c r="A50">
        <v>0</v>
      </c>
      <c r="B50">
        <v>82.462199999999996</v>
      </c>
      <c r="C50">
        <v>122.767</v>
      </c>
      <c r="D50">
        <v>153.96100000000001</v>
      </c>
      <c r="E50">
        <v>15789</v>
      </c>
      <c r="F50">
        <v>38352.800000000003</v>
      </c>
      <c r="G50">
        <v>23357.5</v>
      </c>
      <c r="H50">
        <v>3.8110200000000001</v>
      </c>
      <c r="I50">
        <v>80137.600000000006</v>
      </c>
      <c r="J50">
        <v>103.40600000000001</v>
      </c>
    </row>
    <row r="51" spans="1:10" x14ac:dyDescent="0.25">
      <c r="A51">
        <v>0</v>
      </c>
      <c r="B51">
        <v>83.4071</v>
      </c>
      <c r="C51">
        <v>114.598</v>
      </c>
      <c r="D51">
        <v>184.35900000000001</v>
      </c>
      <c r="E51">
        <v>10091.299999999999</v>
      </c>
      <c r="F51">
        <v>16922.8</v>
      </c>
      <c r="G51">
        <v>21826.799999999999</v>
      </c>
      <c r="H51">
        <v>1.1417299999999999</v>
      </c>
      <c r="I51">
        <v>32390.7</v>
      </c>
      <c r="J51">
        <v>24.8825</v>
      </c>
    </row>
    <row r="52" spans="1:10" x14ac:dyDescent="0.25">
      <c r="A52">
        <v>0</v>
      </c>
      <c r="B52">
        <v>86.241699999999994</v>
      </c>
      <c r="C52">
        <v>123.709</v>
      </c>
      <c r="D52">
        <v>158.661</v>
      </c>
      <c r="E52">
        <v>7710.24</v>
      </c>
      <c r="F52">
        <v>32485</v>
      </c>
      <c r="G52">
        <v>17744.900000000001</v>
      </c>
      <c r="H52">
        <v>1.3307100000000001</v>
      </c>
      <c r="I52">
        <v>63280.800000000003</v>
      </c>
      <c r="J52">
        <v>34.704300000000003</v>
      </c>
    </row>
    <row r="53" spans="1:10" x14ac:dyDescent="0.25">
      <c r="A53">
        <v>0</v>
      </c>
      <c r="B53">
        <v>82.698400000000007</v>
      </c>
      <c r="C53">
        <v>142.56</v>
      </c>
      <c r="D53">
        <v>152.70699999999999</v>
      </c>
      <c r="E53">
        <v>13492.9</v>
      </c>
      <c r="F53">
        <v>31209.4</v>
      </c>
      <c r="G53">
        <v>10601.6</v>
      </c>
      <c r="H53">
        <v>3.2913399999999999</v>
      </c>
      <c r="I53">
        <v>57643.199999999997</v>
      </c>
      <c r="J53">
        <v>153.41800000000001</v>
      </c>
    </row>
    <row r="54" spans="1:10" x14ac:dyDescent="0.25">
      <c r="A54">
        <v>0</v>
      </c>
      <c r="B54">
        <v>107.029</v>
      </c>
      <c r="C54">
        <v>119.93899999999999</v>
      </c>
      <c r="D54">
        <v>180.285</v>
      </c>
      <c r="E54">
        <v>14683.5</v>
      </c>
      <c r="F54">
        <v>35801.599999999999</v>
      </c>
      <c r="G54">
        <v>21146.5</v>
      </c>
      <c r="H54">
        <v>2.8661400000000001</v>
      </c>
      <c r="I54">
        <v>54014.7</v>
      </c>
      <c r="J54">
        <v>31.738800000000001</v>
      </c>
    </row>
    <row r="55" spans="1:10" x14ac:dyDescent="0.25">
      <c r="A55">
        <v>0</v>
      </c>
      <c r="B55">
        <v>93.328299999999999</v>
      </c>
      <c r="C55">
        <v>134.39099999999999</v>
      </c>
      <c r="D55">
        <v>170.25700000000001</v>
      </c>
      <c r="E55">
        <v>14258.3</v>
      </c>
      <c r="F55">
        <v>38607.9</v>
      </c>
      <c r="G55">
        <v>18425.2</v>
      </c>
      <c r="H55">
        <v>2.0393699999999999</v>
      </c>
      <c r="I55">
        <v>58001.5</v>
      </c>
      <c r="J55">
        <v>135.97</v>
      </c>
    </row>
    <row r="56" spans="1:10" x14ac:dyDescent="0.25">
      <c r="A56">
        <v>0</v>
      </c>
      <c r="B56">
        <v>99.233900000000006</v>
      </c>
      <c r="C56">
        <v>146.958</v>
      </c>
      <c r="D56">
        <v>152.39400000000001</v>
      </c>
      <c r="E56">
        <v>18000</v>
      </c>
      <c r="F56">
        <v>15392.1</v>
      </c>
      <c r="G56">
        <v>19955.900000000001</v>
      </c>
      <c r="H56">
        <v>2.0866099999999999</v>
      </c>
      <c r="I56">
        <v>56762.9</v>
      </c>
      <c r="J56">
        <v>147.702</v>
      </c>
    </row>
    <row r="57" spans="1:10" x14ac:dyDescent="0.25">
      <c r="A57">
        <v>0</v>
      </c>
      <c r="B57">
        <v>108.68300000000001</v>
      </c>
      <c r="C57">
        <v>135.02000000000001</v>
      </c>
      <c r="D57">
        <v>182.792</v>
      </c>
      <c r="E57">
        <v>11452</v>
      </c>
      <c r="F57">
        <v>29168.5</v>
      </c>
      <c r="G57">
        <v>11792.1</v>
      </c>
      <c r="H57">
        <v>1.07087</v>
      </c>
      <c r="I57">
        <v>46844.4</v>
      </c>
      <c r="J57">
        <v>119.511</v>
      </c>
    </row>
    <row r="58" spans="1:10" x14ac:dyDescent="0.25">
      <c r="A58">
        <v>0</v>
      </c>
      <c r="B58">
        <v>92.619699999999995</v>
      </c>
      <c r="C58">
        <v>129.36500000000001</v>
      </c>
      <c r="D58">
        <v>184.98599999999999</v>
      </c>
      <c r="E58">
        <v>16894.5</v>
      </c>
      <c r="F58">
        <v>26362.2</v>
      </c>
      <c r="G58">
        <v>15193.7</v>
      </c>
      <c r="H58">
        <v>2.1810999999999998</v>
      </c>
      <c r="I58">
        <v>47342.9</v>
      </c>
      <c r="J58">
        <v>120.47499999999999</v>
      </c>
    </row>
    <row r="59" spans="1:10" x14ac:dyDescent="0.25">
      <c r="A59">
        <v>0</v>
      </c>
      <c r="B59">
        <v>83.4071</v>
      </c>
      <c r="C59">
        <v>122.453</v>
      </c>
      <c r="D59">
        <v>163.67599999999999</v>
      </c>
      <c r="E59">
        <v>7965.35</v>
      </c>
      <c r="F59">
        <v>14116.5</v>
      </c>
      <c r="G59">
        <v>8900.7900000000009</v>
      </c>
      <c r="H59">
        <v>3.4803099999999998</v>
      </c>
      <c r="I59">
        <v>28030.400000000001</v>
      </c>
      <c r="J59">
        <v>96.162599999999998</v>
      </c>
    </row>
    <row r="60" spans="1:10" x14ac:dyDescent="0.25">
      <c r="A60">
        <v>0</v>
      </c>
      <c r="B60">
        <v>109.864</v>
      </c>
      <c r="C60">
        <v>123.395</v>
      </c>
      <c r="D60">
        <v>162.10900000000001</v>
      </c>
      <c r="E60">
        <v>16639.400000000001</v>
      </c>
      <c r="F60">
        <v>27637.8</v>
      </c>
      <c r="G60">
        <v>25228.3</v>
      </c>
      <c r="H60">
        <v>2.25197</v>
      </c>
      <c r="I60">
        <v>54963.199999999997</v>
      </c>
      <c r="J60">
        <v>18.724399999999999</v>
      </c>
    </row>
    <row r="61" spans="1:10" x14ac:dyDescent="0.25">
      <c r="A61">
        <v>0</v>
      </c>
      <c r="B61">
        <v>91.911000000000001</v>
      </c>
      <c r="C61">
        <v>140.04599999999999</v>
      </c>
      <c r="D61">
        <v>155.52799999999999</v>
      </c>
      <c r="E61">
        <v>8390.5499999999993</v>
      </c>
      <c r="F61">
        <v>40648.800000000003</v>
      </c>
      <c r="G61">
        <v>21656.7</v>
      </c>
      <c r="H61">
        <v>3.8346499999999999</v>
      </c>
      <c r="I61">
        <v>72847.8</v>
      </c>
      <c r="J61">
        <v>146.19999999999999</v>
      </c>
    </row>
    <row r="62" spans="1:10" x14ac:dyDescent="0.25">
      <c r="A62">
        <v>0</v>
      </c>
      <c r="B62">
        <v>90.966099999999997</v>
      </c>
      <c r="C62">
        <v>137.53299999999999</v>
      </c>
      <c r="D62">
        <v>154.58699999999999</v>
      </c>
      <c r="E62">
        <v>11281.9</v>
      </c>
      <c r="F62">
        <v>31209.4</v>
      </c>
      <c r="G62">
        <v>10261.4</v>
      </c>
      <c r="H62">
        <v>3.7637800000000001</v>
      </c>
      <c r="I62">
        <v>54833.1</v>
      </c>
      <c r="J62">
        <v>146.946</v>
      </c>
    </row>
    <row r="63" spans="1:10" x14ac:dyDescent="0.25">
      <c r="A63">
        <v>0</v>
      </c>
      <c r="B63">
        <v>88.367699999999999</v>
      </c>
      <c r="C63">
        <v>143.50200000000001</v>
      </c>
      <c r="D63">
        <v>169.94300000000001</v>
      </c>
      <c r="E63">
        <v>8390.5499999999993</v>
      </c>
      <c r="F63">
        <v>12840.9</v>
      </c>
      <c r="G63">
        <v>28800</v>
      </c>
      <c r="H63">
        <v>2.5590600000000001</v>
      </c>
      <c r="I63">
        <v>25311.599999999999</v>
      </c>
      <c r="J63">
        <v>151.26599999999999</v>
      </c>
    </row>
    <row r="64" spans="1:10" x14ac:dyDescent="0.25">
      <c r="A64">
        <v>0</v>
      </c>
      <c r="B64">
        <v>95.9268</v>
      </c>
      <c r="C64">
        <v>125.28</v>
      </c>
      <c r="D64">
        <v>160.85499999999999</v>
      </c>
      <c r="E64">
        <v>17234.599999999999</v>
      </c>
      <c r="F64">
        <v>10800</v>
      </c>
      <c r="G64">
        <v>25908.7</v>
      </c>
      <c r="H64">
        <v>3.2677200000000002</v>
      </c>
      <c r="I64">
        <v>40740</v>
      </c>
      <c r="J64">
        <v>98.692899999999995</v>
      </c>
    </row>
    <row r="65" spans="1:10" x14ac:dyDescent="0.25">
      <c r="A65">
        <v>0</v>
      </c>
      <c r="B65">
        <v>87.895300000000006</v>
      </c>
      <c r="C65">
        <v>133.76300000000001</v>
      </c>
      <c r="D65">
        <v>178.405</v>
      </c>
      <c r="E65">
        <v>9325.98</v>
      </c>
      <c r="F65">
        <v>39373.199999999997</v>
      </c>
      <c r="G65">
        <v>11281.9</v>
      </c>
      <c r="H65">
        <v>2.1338599999999999</v>
      </c>
      <c r="I65">
        <v>52524.800000000003</v>
      </c>
      <c r="J65">
        <v>137.24299999999999</v>
      </c>
    </row>
    <row r="66" spans="1:10" x14ac:dyDescent="0.25">
      <c r="A66">
        <v>0</v>
      </c>
      <c r="B66">
        <v>98.525199999999998</v>
      </c>
      <c r="C66">
        <v>117.426</v>
      </c>
      <c r="D66">
        <v>166.49600000000001</v>
      </c>
      <c r="E66">
        <v>9411.02</v>
      </c>
      <c r="F66">
        <v>19474</v>
      </c>
      <c r="G66">
        <v>15023.6</v>
      </c>
      <c r="H66">
        <v>3.7401599999999999</v>
      </c>
      <c r="I66">
        <v>36574.300000000003</v>
      </c>
      <c r="J66">
        <v>40.584600000000002</v>
      </c>
    </row>
    <row r="67" spans="1:10" x14ac:dyDescent="0.25">
      <c r="A67">
        <v>0</v>
      </c>
      <c r="B67">
        <v>99.706299999999999</v>
      </c>
      <c r="C67">
        <v>129.05000000000001</v>
      </c>
      <c r="D67">
        <v>188.74600000000001</v>
      </c>
      <c r="E67">
        <v>7540.16</v>
      </c>
      <c r="F67">
        <v>25086.6</v>
      </c>
      <c r="G67">
        <v>25738.6</v>
      </c>
      <c r="H67">
        <v>1.80315</v>
      </c>
      <c r="I67">
        <v>37215.4</v>
      </c>
      <c r="J67">
        <v>114.64</v>
      </c>
    </row>
    <row r="68" spans="1:10" x14ac:dyDescent="0.25">
      <c r="A68">
        <v>0</v>
      </c>
      <c r="B68">
        <v>86.241699999999994</v>
      </c>
      <c r="C68">
        <v>119.93899999999999</v>
      </c>
      <c r="D68">
        <v>188.12</v>
      </c>
      <c r="E68">
        <v>14343.3</v>
      </c>
      <c r="F68">
        <v>34015.699999999997</v>
      </c>
      <c r="G68">
        <v>20976.400000000001</v>
      </c>
      <c r="H68">
        <v>3.4803099999999998</v>
      </c>
      <c r="I68">
        <v>52292.6</v>
      </c>
      <c r="J68">
        <v>35.747599999999998</v>
      </c>
    </row>
    <row r="69" spans="1:10" x14ac:dyDescent="0.25">
      <c r="A69">
        <v>0</v>
      </c>
      <c r="B69">
        <v>85.296899999999994</v>
      </c>
      <c r="C69">
        <v>118.997</v>
      </c>
      <c r="D69">
        <v>153.334</v>
      </c>
      <c r="E69">
        <v>8475.59</v>
      </c>
      <c r="F69">
        <v>41414.199999999997</v>
      </c>
      <c r="G69">
        <v>14513.4</v>
      </c>
      <c r="H69">
        <v>3.7637800000000001</v>
      </c>
      <c r="I69">
        <v>67893.7</v>
      </c>
      <c r="J69">
        <v>71.495999999999995</v>
      </c>
    </row>
    <row r="70" spans="1:10" x14ac:dyDescent="0.25">
      <c r="A70">
        <v>0</v>
      </c>
      <c r="B70">
        <v>98.525199999999998</v>
      </c>
      <c r="C70">
        <v>141.61699999999999</v>
      </c>
      <c r="D70">
        <v>158.34800000000001</v>
      </c>
      <c r="E70">
        <v>12557.5</v>
      </c>
      <c r="F70">
        <v>25086.6</v>
      </c>
      <c r="G70">
        <v>26248.799999999999</v>
      </c>
      <c r="H70">
        <v>1.4252</v>
      </c>
      <c r="I70">
        <v>66851.100000000006</v>
      </c>
      <c r="J70">
        <v>140.69</v>
      </c>
    </row>
    <row r="71" spans="1:10" x14ac:dyDescent="0.25">
      <c r="A71">
        <v>0</v>
      </c>
      <c r="B71">
        <v>92.855900000000005</v>
      </c>
      <c r="C71">
        <v>135.334</v>
      </c>
      <c r="D71">
        <v>162.73500000000001</v>
      </c>
      <c r="E71">
        <v>12217.3</v>
      </c>
      <c r="F71">
        <v>32995.300000000003</v>
      </c>
      <c r="G71">
        <v>17744.900000000001</v>
      </c>
      <c r="H71">
        <v>1.3307100000000001</v>
      </c>
      <c r="I71">
        <v>56121.4</v>
      </c>
      <c r="J71">
        <v>134.71799999999999</v>
      </c>
    </row>
    <row r="72" spans="1:10" x14ac:dyDescent="0.25">
      <c r="A72">
        <v>0</v>
      </c>
      <c r="B72">
        <v>100.179</v>
      </c>
      <c r="C72">
        <v>119.625</v>
      </c>
      <c r="D72">
        <v>178.71799999999999</v>
      </c>
      <c r="E72">
        <v>14598.4</v>
      </c>
      <c r="F72">
        <v>18453.5</v>
      </c>
      <c r="G72">
        <v>16214.2</v>
      </c>
      <c r="H72">
        <v>1.80315</v>
      </c>
      <c r="I72">
        <v>39229.699999999997</v>
      </c>
      <c r="J72">
        <v>70.5655</v>
      </c>
    </row>
    <row r="73" spans="1:10" x14ac:dyDescent="0.25">
      <c r="A73">
        <v>0</v>
      </c>
      <c r="B73">
        <v>91.438599999999994</v>
      </c>
      <c r="C73">
        <v>118.054</v>
      </c>
      <c r="D73">
        <v>151.45400000000001</v>
      </c>
      <c r="E73">
        <v>9836.2199999999993</v>
      </c>
      <c r="F73">
        <v>30699.200000000001</v>
      </c>
      <c r="G73">
        <v>25568.5</v>
      </c>
      <c r="H73">
        <v>1.85039</v>
      </c>
      <c r="I73">
        <v>71532.100000000006</v>
      </c>
      <c r="J73">
        <v>31.955500000000001</v>
      </c>
    </row>
    <row r="74" spans="1:10" x14ac:dyDescent="0.25">
      <c r="A74">
        <v>0</v>
      </c>
      <c r="B74">
        <v>109.39100000000001</v>
      </c>
      <c r="C74">
        <v>146.64400000000001</v>
      </c>
      <c r="D74">
        <v>188.12</v>
      </c>
      <c r="E74">
        <v>16639.400000000001</v>
      </c>
      <c r="F74">
        <v>33760.6</v>
      </c>
      <c r="G74">
        <v>12642.5</v>
      </c>
      <c r="H74">
        <v>3.00787</v>
      </c>
      <c r="I74">
        <v>52754.8</v>
      </c>
      <c r="J74">
        <v>110.523</v>
      </c>
    </row>
    <row r="75" spans="1:10" x14ac:dyDescent="0.25">
      <c r="A75">
        <v>0</v>
      </c>
      <c r="B75">
        <v>88.367699999999999</v>
      </c>
      <c r="C75">
        <v>147.58699999999999</v>
      </c>
      <c r="D75">
        <v>165.869</v>
      </c>
      <c r="E75">
        <v>11622</v>
      </c>
      <c r="F75">
        <v>38863</v>
      </c>
      <c r="G75">
        <v>28289.8</v>
      </c>
      <c r="H75">
        <v>1.9448799999999999</v>
      </c>
      <c r="I75">
        <v>56189.1</v>
      </c>
      <c r="J75">
        <v>164.94800000000001</v>
      </c>
    </row>
    <row r="76" spans="1:10" x14ac:dyDescent="0.25">
      <c r="A76">
        <v>0</v>
      </c>
      <c r="B76">
        <v>90.966099999999997</v>
      </c>
      <c r="C76">
        <v>132.19200000000001</v>
      </c>
      <c r="D76">
        <v>160.22800000000001</v>
      </c>
      <c r="E76">
        <v>11366.9</v>
      </c>
      <c r="F76">
        <v>16667.7</v>
      </c>
      <c r="G76">
        <v>12982.7</v>
      </c>
      <c r="H76">
        <v>2.9133900000000001</v>
      </c>
      <c r="I76">
        <v>43389.4</v>
      </c>
      <c r="J76">
        <v>125.55800000000001</v>
      </c>
    </row>
    <row r="77" spans="1:10" x14ac:dyDescent="0.25">
      <c r="A77">
        <v>0</v>
      </c>
      <c r="B77">
        <v>107.029</v>
      </c>
      <c r="C77">
        <v>122.767</v>
      </c>
      <c r="D77">
        <v>167.43600000000001</v>
      </c>
      <c r="E77">
        <v>10856.7</v>
      </c>
      <c r="F77">
        <v>29168.5</v>
      </c>
      <c r="G77">
        <v>21826.799999999999</v>
      </c>
      <c r="H77">
        <v>3.1732300000000002</v>
      </c>
      <c r="I77">
        <v>46605.4</v>
      </c>
      <c r="J77">
        <v>90.865399999999994</v>
      </c>
    </row>
    <row r="78" spans="1:10" x14ac:dyDescent="0.25">
      <c r="A78">
        <v>0</v>
      </c>
      <c r="B78">
        <v>102.069</v>
      </c>
      <c r="C78">
        <v>135.02000000000001</v>
      </c>
      <c r="D78">
        <v>189.06</v>
      </c>
      <c r="E78">
        <v>17489.8</v>
      </c>
      <c r="F78">
        <v>41924.400000000001</v>
      </c>
      <c r="G78">
        <v>11962.2</v>
      </c>
      <c r="H78">
        <v>3.2440899999999999</v>
      </c>
      <c r="I78">
        <v>61948.5</v>
      </c>
      <c r="J78">
        <v>132.447</v>
      </c>
    </row>
    <row r="79" spans="1:10" x14ac:dyDescent="0.25">
      <c r="A79">
        <v>0</v>
      </c>
      <c r="B79">
        <v>96.635400000000004</v>
      </c>
      <c r="C79">
        <v>139.732</v>
      </c>
      <c r="D79">
        <v>187.49299999999999</v>
      </c>
      <c r="E79">
        <v>8305.51</v>
      </c>
      <c r="F79">
        <v>19984.3</v>
      </c>
      <c r="G79">
        <v>21656.7</v>
      </c>
      <c r="H79">
        <v>2.9370099999999999</v>
      </c>
      <c r="I79">
        <v>31027.7</v>
      </c>
      <c r="J79">
        <v>141.024</v>
      </c>
    </row>
    <row r="80" spans="1:10" x14ac:dyDescent="0.25">
      <c r="A80">
        <v>0</v>
      </c>
      <c r="B80">
        <v>108.21</v>
      </c>
      <c r="C80">
        <v>116.798</v>
      </c>
      <c r="D80">
        <v>151.13999999999999</v>
      </c>
      <c r="E80">
        <v>12472.4</v>
      </c>
      <c r="F80">
        <v>30954.3</v>
      </c>
      <c r="G80">
        <v>12302.4</v>
      </c>
      <c r="H80">
        <v>3.90551</v>
      </c>
      <c r="I80">
        <v>59227.3</v>
      </c>
      <c r="J80">
        <v>37.125700000000002</v>
      </c>
    </row>
    <row r="81" spans="1:10" x14ac:dyDescent="0.25">
      <c r="A81">
        <v>0</v>
      </c>
      <c r="B81">
        <v>93.092100000000002</v>
      </c>
      <c r="C81">
        <v>140.989</v>
      </c>
      <c r="D81">
        <v>165.24299999999999</v>
      </c>
      <c r="E81">
        <v>10091.299999999999</v>
      </c>
      <c r="F81">
        <v>39883.5</v>
      </c>
      <c r="G81">
        <v>12132.3</v>
      </c>
      <c r="H81">
        <v>3.10236</v>
      </c>
      <c r="I81">
        <v>56521.599999999999</v>
      </c>
      <c r="J81">
        <v>146.75700000000001</v>
      </c>
    </row>
    <row r="82" spans="1:10" x14ac:dyDescent="0.25">
      <c r="A82">
        <v>0</v>
      </c>
      <c r="B82">
        <v>94.745699999999999</v>
      </c>
      <c r="C82">
        <v>127.48</v>
      </c>
      <c r="D82">
        <v>158.035</v>
      </c>
      <c r="E82">
        <v>15193.7</v>
      </c>
      <c r="F82">
        <v>31464.6</v>
      </c>
      <c r="G82">
        <v>19615.7</v>
      </c>
      <c r="H82">
        <v>3.19685</v>
      </c>
      <c r="I82">
        <v>68827.3</v>
      </c>
      <c r="J82">
        <v>111.61499999999999</v>
      </c>
    </row>
    <row r="83" spans="1:10" x14ac:dyDescent="0.25">
      <c r="A83">
        <v>0</v>
      </c>
      <c r="B83">
        <v>102.777</v>
      </c>
      <c r="C83">
        <v>136.905</v>
      </c>
      <c r="D83">
        <v>170.88300000000001</v>
      </c>
      <c r="E83">
        <v>12132.3</v>
      </c>
      <c r="F83">
        <v>41414.199999999997</v>
      </c>
      <c r="G83">
        <v>25228.3</v>
      </c>
      <c r="H83">
        <v>3.4094500000000001</v>
      </c>
      <c r="I83">
        <v>56958.5</v>
      </c>
      <c r="J83">
        <v>138.672</v>
      </c>
    </row>
    <row r="84" spans="1:10" x14ac:dyDescent="0.25">
      <c r="A84">
        <v>0</v>
      </c>
      <c r="B84">
        <v>91.911000000000001</v>
      </c>
      <c r="C84">
        <v>142.56</v>
      </c>
      <c r="D84">
        <v>157.721</v>
      </c>
      <c r="E84">
        <v>11537</v>
      </c>
      <c r="F84">
        <v>27127.599999999999</v>
      </c>
      <c r="G84">
        <v>24718.1</v>
      </c>
      <c r="H84">
        <v>1.1889799999999999</v>
      </c>
      <c r="I84">
        <v>67669.100000000006</v>
      </c>
      <c r="J84">
        <v>150.06800000000001</v>
      </c>
    </row>
    <row r="85" spans="1:10" x14ac:dyDescent="0.25">
      <c r="A85">
        <v>0</v>
      </c>
      <c r="B85">
        <v>109.155</v>
      </c>
      <c r="C85">
        <v>148.215</v>
      </c>
      <c r="D85">
        <v>175.27099999999999</v>
      </c>
      <c r="E85">
        <v>15533.9</v>
      </c>
      <c r="F85">
        <v>11820.5</v>
      </c>
      <c r="G85">
        <v>21146.5</v>
      </c>
      <c r="H85">
        <v>3.1732300000000002</v>
      </c>
      <c r="I85">
        <v>29962.6</v>
      </c>
      <c r="J85">
        <v>119.32899999999999</v>
      </c>
    </row>
    <row r="86" spans="1:10" x14ac:dyDescent="0.25">
      <c r="A86">
        <v>0</v>
      </c>
      <c r="B86">
        <v>87.186599999999999</v>
      </c>
      <c r="C86">
        <v>144.131</v>
      </c>
      <c r="D86">
        <v>164.929</v>
      </c>
      <c r="E86">
        <v>7455.12</v>
      </c>
      <c r="F86">
        <v>23045.7</v>
      </c>
      <c r="G86">
        <v>20976.400000000001</v>
      </c>
      <c r="H86">
        <v>1.28346</v>
      </c>
      <c r="I86">
        <v>38505.800000000003</v>
      </c>
      <c r="J86">
        <v>153.98500000000001</v>
      </c>
    </row>
    <row r="87" spans="1:10" x14ac:dyDescent="0.25">
      <c r="A87">
        <v>0</v>
      </c>
      <c r="B87">
        <v>82.934600000000003</v>
      </c>
      <c r="C87">
        <v>134.39099999999999</v>
      </c>
      <c r="D87">
        <v>176.21100000000001</v>
      </c>
      <c r="E87">
        <v>7285.04</v>
      </c>
      <c r="F87">
        <v>36056.699999999997</v>
      </c>
      <c r="G87">
        <v>12302.4</v>
      </c>
      <c r="H87">
        <v>2.1102400000000001</v>
      </c>
      <c r="I87">
        <v>47486</v>
      </c>
      <c r="J87">
        <v>134.095</v>
      </c>
    </row>
    <row r="88" spans="1:10" x14ac:dyDescent="0.25">
      <c r="A88">
        <v>0</v>
      </c>
      <c r="B88">
        <v>86.477999999999994</v>
      </c>
      <c r="C88">
        <v>133.13499999999999</v>
      </c>
      <c r="D88">
        <v>165.869</v>
      </c>
      <c r="E88">
        <v>15533.9</v>
      </c>
      <c r="F88">
        <v>14626.8</v>
      </c>
      <c r="G88">
        <v>14513.4</v>
      </c>
      <c r="H88">
        <v>3.2913399999999999</v>
      </c>
      <c r="I88">
        <v>36476.6</v>
      </c>
      <c r="J88">
        <v>133.054</v>
      </c>
    </row>
    <row r="89" spans="1:10" x14ac:dyDescent="0.25">
      <c r="A89">
        <v>0</v>
      </c>
      <c r="B89">
        <v>89.312600000000003</v>
      </c>
      <c r="C89">
        <v>137.21899999999999</v>
      </c>
      <c r="D89">
        <v>167.12299999999999</v>
      </c>
      <c r="E89">
        <v>9325.98</v>
      </c>
      <c r="F89">
        <v>26107.1</v>
      </c>
      <c r="G89">
        <v>14513.4</v>
      </c>
      <c r="H89">
        <v>1.7086600000000001</v>
      </c>
      <c r="I89">
        <v>42040.1</v>
      </c>
      <c r="J89">
        <v>139.613</v>
      </c>
    </row>
    <row r="90" spans="1:10" x14ac:dyDescent="0.25">
      <c r="A90">
        <v>0</v>
      </c>
      <c r="B90">
        <v>89.312600000000003</v>
      </c>
      <c r="C90">
        <v>135.96199999999999</v>
      </c>
      <c r="D90">
        <v>164.61600000000001</v>
      </c>
      <c r="E90">
        <v>9325.98</v>
      </c>
      <c r="F90">
        <v>24066.1</v>
      </c>
      <c r="G90">
        <v>26759.1</v>
      </c>
      <c r="H90">
        <v>2.74803</v>
      </c>
      <c r="I90">
        <v>41055.599999999999</v>
      </c>
      <c r="J90">
        <v>142.03200000000001</v>
      </c>
    </row>
    <row r="91" spans="1:10" x14ac:dyDescent="0.25">
      <c r="A91">
        <v>0</v>
      </c>
      <c r="B91">
        <v>95.9268</v>
      </c>
      <c r="C91">
        <v>138.161</v>
      </c>
      <c r="D91">
        <v>159.28800000000001</v>
      </c>
      <c r="E91">
        <v>14938.6</v>
      </c>
      <c r="F91">
        <v>20494.5</v>
      </c>
      <c r="G91">
        <v>22507.1</v>
      </c>
      <c r="H91">
        <v>1.07087</v>
      </c>
      <c r="I91">
        <v>55932.2</v>
      </c>
      <c r="J91">
        <v>137.809</v>
      </c>
    </row>
    <row r="92" spans="1:10" x14ac:dyDescent="0.25">
      <c r="A92">
        <v>0</v>
      </c>
      <c r="B92">
        <v>104.194</v>
      </c>
      <c r="C92">
        <v>137.21899999999999</v>
      </c>
      <c r="D92">
        <v>175.584</v>
      </c>
      <c r="E92">
        <v>8730.7099999999991</v>
      </c>
      <c r="F92">
        <v>35801.599999999999</v>
      </c>
      <c r="G92">
        <v>15874</v>
      </c>
      <c r="H92">
        <v>3.90551</v>
      </c>
      <c r="I92">
        <v>47273.8</v>
      </c>
      <c r="J92">
        <v>142.97200000000001</v>
      </c>
    </row>
    <row r="93" spans="1:10" x14ac:dyDescent="0.25">
      <c r="A93">
        <v>0</v>
      </c>
      <c r="B93">
        <v>101.596</v>
      </c>
      <c r="C93">
        <v>136.905</v>
      </c>
      <c r="D93">
        <v>167.12299999999999</v>
      </c>
      <c r="E93">
        <v>13322.8</v>
      </c>
      <c r="F93">
        <v>27637.8</v>
      </c>
      <c r="G93">
        <v>21826.799999999999</v>
      </c>
      <c r="H93">
        <v>2.4409399999999999</v>
      </c>
      <c r="I93">
        <v>46301.2</v>
      </c>
      <c r="J93">
        <v>138.74700000000001</v>
      </c>
    </row>
    <row r="94" spans="1:10" x14ac:dyDescent="0.25">
      <c r="A94">
        <v>0</v>
      </c>
      <c r="B94">
        <v>99.706299999999999</v>
      </c>
      <c r="C94">
        <v>126.53700000000001</v>
      </c>
      <c r="D94">
        <v>186.86600000000001</v>
      </c>
      <c r="E94">
        <v>15703.9</v>
      </c>
      <c r="F94">
        <v>25341.7</v>
      </c>
      <c r="G94">
        <v>16894.5</v>
      </c>
      <c r="H94">
        <v>2.4409399999999999</v>
      </c>
      <c r="I94">
        <v>44764.7</v>
      </c>
      <c r="J94">
        <v>105.318</v>
      </c>
    </row>
    <row r="95" spans="1:10" x14ac:dyDescent="0.25">
      <c r="A95">
        <v>0</v>
      </c>
      <c r="B95">
        <v>87.895300000000006</v>
      </c>
      <c r="C95">
        <v>145.387</v>
      </c>
      <c r="D95">
        <v>164.929</v>
      </c>
      <c r="E95">
        <v>12727.6</v>
      </c>
      <c r="F95">
        <v>21004.7</v>
      </c>
      <c r="G95">
        <v>17404.7</v>
      </c>
      <c r="H95">
        <v>1.2125999999999999</v>
      </c>
      <c r="I95">
        <v>41597.599999999999</v>
      </c>
      <c r="J95">
        <v>151.66800000000001</v>
      </c>
    </row>
    <row r="96" spans="1:10" x14ac:dyDescent="0.25">
      <c r="A96">
        <v>0</v>
      </c>
      <c r="B96">
        <v>92.619699999999995</v>
      </c>
      <c r="C96">
        <v>138.161</v>
      </c>
      <c r="D96">
        <v>174.64400000000001</v>
      </c>
      <c r="E96">
        <v>11111.8</v>
      </c>
      <c r="F96">
        <v>27637.8</v>
      </c>
      <c r="G96">
        <v>17064.599999999999</v>
      </c>
      <c r="H96">
        <v>1.09449</v>
      </c>
      <c r="I96">
        <v>44991.5</v>
      </c>
      <c r="J96">
        <v>142.61600000000001</v>
      </c>
    </row>
    <row r="97" spans="1:10" x14ac:dyDescent="0.25">
      <c r="A97">
        <v>0</v>
      </c>
      <c r="B97">
        <v>86.714200000000005</v>
      </c>
      <c r="C97">
        <v>125.28</v>
      </c>
      <c r="D97">
        <v>153.96100000000001</v>
      </c>
      <c r="E97">
        <v>7710.24</v>
      </c>
      <c r="F97">
        <v>24576.400000000001</v>
      </c>
      <c r="G97">
        <v>10261.4</v>
      </c>
      <c r="H97">
        <v>1.92126</v>
      </c>
      <c r="I97">
        <v>46795.8</v>
      </c>
      <c r="J97">
        <v>97.723200000000006</v>
      </c>
    </row>
    <row r="98" spans="1:10" x14ac:dyDescent="0.25">
      <c r="A98">
        <v>0</v>
      </c>
      <c r="B98">
        <v>91.202399999999997</v>
      </c>
      <c r="C98">
        <v>113.97</v>
      </c>
      <c r="D98">
        <v>158.34800000000001</v>
      </c>
      <c r="E98">
        <v>10261.4</v>
      </c>
      <c r="F98">
        <v>17433.099999999999</v>
      </c>
      <c r="G98">
        <v>20976.400000000001</v>
      </c>
      <c r="H98">
        <v>1.6377999999999999</v>
      </c>
      <c r="I98">
        <v>52316.2</v>
      </c>
      <c r="J98">
        <v>58.003999999999998</v>
      </c>
    </row>
    <row r="99" spans="1:10" x14ac:dyDescent="0.25">
      <c r="A99">
        <v>0</v>
      </c>
      <c r="B99">
        <v>82.698400000000007</v>
      </c>
      <c r="C99">
        <v>145.387</v>
      </c>
      <c r="D99">
        <v>182.792</v>
      </c>
      <c r="E99">
        <v>16809.400000000001</v>
      </c>
      <c r="F99">
        <v>37332.300000000003</v>
      </c>
      <c r="G99">
        <v>12642.5</v>
      </c>
      <c r="H99">
        <v>1.3307100000000001</v>
      </c>
      <c r="I99">
        <v>59323.199999999997</v>
      </c>
      <c r="J99">
        <v>160.82300000000001</v>
      </c>
    </row>
    <row r="100" spans="1:10" x14ac:dyDescent="0.25">
      <c r="A100">
        <v>0</v>
      </c>
      <c r="B100">
        <v>101.36</v>
      </c>
      <c r="C100">
        <v>139.732</v>
      </c>
      <c r="D100">
        <v>157.09399999999999</v>
      </c>
      <c r="E100">
        <v>13748</v>
      </c>
      <c r="F100">
        <v>37332.300000000003</v>
      </c>
      <c r="G100">
        <v>22507.1</v>
      </c>
      <c r="H100">
        <v>1.5669299999999999</v>
      </c>
      <c r="I100">
        <v>77736.100000000006</v>
      </c>
      <c r="J100">
        <v>139.86199999999999</v>
      </c>
    </row>
    <row r="101" spans="1:10" x14ac:dyDescent="0.25">
      <c r="A101">
        <v>0</v>
      </c>
      <c r="B101">
        <v>93.092100000000002</v>
      </c>
      <c r="C101">
        <v>124.024</v>
      </c>
      <c r="D101">
        <v>169.94300000000001</v>
      </c>
      <c r="E101">
        <v>11366.9</v>
      </c>
      <c r="F101">
        <v>11565.4</v>
      </c>
      <c r="G101">
        <v>21146.5</v>
      </c>
      <c r="H101">
        <v>3.7637800000000001</v>
      </c>
      <c r="I101">
        <v>26296.3</v>
      </c>
      <c r="J101">
        <v>40.541800000000002</v>
      </c>
    </row>
    <row r="102" spans="1:10" x14ac:dyDescent="0.25">
      <c r="A102">
        <v>0</v>
      </c>
      <c r="B102">
        <v>108.446</v>
      </c>
      <c r="C102">
        <v>147.27199999999999</v>
      </c>
      <c r="D102">
        <v>188.43299999999999</v>
      </c>
      <c r="E102">
        <v>10941.7</v>
      </c>
      <c r="F102">
        <v>11055.1</v>
      </c>
      <c r="G102">
        <v>15193.7</v>
      </c>
      <c r="H102">
        <v>3.1259800000000002</v>
      </c>
      <c r="I102">
        <v>24313.1</v>
      </c>
      <c r="J102">
        <v>148.14400000000001</v>
      </c>
    </row>
    <row r="103" spans="1:10" x14ac:dyDescent="0.25">
      <c r="A103">
        <v>0</v>
      </c>
      <c r="B103">
        <v>83.4071</v>
      </c>
      <c r="C103">
        <v>114.598</v>
      </c>
      <c r="D103">
        <v>184.35900000000001</v>
      </c>
      <c r="E103">
        <v>10091.299999999999</v>
      </c>
      <c r="F103">
        <v>16922.8</v>
      </c>
      <c r="G103">
        <v>21826.799999999999</v>
      </c>
      <c r="H103">
        <v>1.1417299999999999</v>
      </c>
      <c r="I103">
        <v>32390.7</v>
      </c>
      <c r="J103">
        <v>24.8825</v>
      </c>
    </row>
    <row r="104" spans="1:10" x14ac:dyDescent="0.25">
      <c r="A104">
        <v>0</v>
      </c>
      <c r="B104">
        <v>109.864</v>
      </c>
      <c r="C104">
        <v>123.395</v>
      </c>
      <c r="D104">
        <v>162.10900000000001</v>
      </c>
      <c r="E104">
        <v>16639.400000000001</v>
      </c>
      <c r="F104">
        <v>27637.8</v>
      </c>
      <c r="G104">
        <v>25228.3</v>
      </c>
      <c r="H104">
        <v>2.25197</v>
      </c>
      <c r="I104">
        <v>54963.199999999997</v>
      </c>
      <c r="J104">
        <v>18.724399999999999</v>
      </c>
    </row>
    <row r="141" spans="1:10" x14ac:dyDescent="0.25">
      <c r="A141">
        <v>1</v>
      </c>
      <c r="B141">
        <v>93.092100000000002</v>
      </c>
      <c r="C141">
        <v>124.024</v>
      </c>
      <c r="D141">
        <v>169.94300000000001</v>
      </c>
      <c r="E141">
        <v>11366.9</v>
      </c>
      <c r="F141">
        <v>11565.4</v>
      </c>
      <c r="G141">
        <v>21146.5</v>
      </c>
      <c r="H141">
        <v>3.7637800000000001</v>
      </c>
      <c r="I141">
        <v>26296.3</v>
      </c>
      <c r="J141">
        <v>40.541800000000002</v>
      </c>
    </row>
    <row r="142" spans="1:10" x14ac:dyDescent="0.25">
      <c r="A142">
        <v>1</v>
      </c>
      <c r="B142">
        <v>83.4071</v>
      </c>
      <c r="C142">
        <v>114.598</v>
      </c>
      <c r="D142">
        <v>184.35900000000001</v>
      </c>
      <c r="E142">
        <v>10091.299999999999</v>
      </c>
      <c r="F142">
        <v>16922.8</v>
      </c>
      <c r="G142">
        <v>21826.799999999999</v>
      </c>
      <c r="H142">
        <v>1.1417299999999999</v>
      </c>
      <c r="I142">
        <v>32390.7</v>
      </c>
      <c r="J142">
        <v>24.8825</v>
      </c>
    </row>
    <row r="143" spans="1:10" x14ac:dyDescent="0.25">
      <c r="A143">
        <v>1</v>
      </c>
      <c r="B143">
        <v>109.864</v>
      </c>
      <c r="C143">
        <v>123.395</v>
      </c>
      <c r="D143">
        <v>162.10900000000001</v>
      </c>
      <c r="E143">
        <v>16639.400000000001</v>
      </c>
      <c r="F143">
        <v>27637.8</v>
      </c>
      <c r="G143">
        <v>25228.3</v>
      </c>
      <c r="H143">
        <v>2.25197</v>
      </c>
      <c r="I143">
        <v>54963.199999999997</v>
      </c>
      <c r="J143">
        <v>18.724399999999999</v>
      </c>
    </row>
    <row r="144" spans="1:10" x14ac:dyDescent="0.25">
      <c r="A144">
        <v>1</v>
      </c>
      <c r="B144">
        <v>108.446</v>
      </c>
      <c r="C144">
        <v>147.27199999999999</v>
      </c>
      <c r="D144">
        <v>188.43299999999999</v>
      </c>
      <c r="E144">
        <v>10941.7</v>
      </c>
      <c r="F144">
        <v>11055.1</v>
      </c>
      <c r="G144">
        <v>15193.7</v>
      </c>
      <c r="H144">
        <v>3.1259800000000002</v>
      </c>
      <c r="I144">
        <v>24313.1</v>
      </c>
      <c r="J144">
        <v>148.14400000000001</v>
      </c>
    </row>
    <row r="145" spans="1:10" x14ac:dyDescent="0.25">
      <c r="A145">
        <v>1</v>
      </c>
      <c r="B145">
        <v>109.628</v>
      </c>
      <c r="C145">
        <v>118.68300000000001</v>
      </c>
      <c r="D145">
        <v>170.25700000000001</v>
      </c>
      <c r="E145">
        <v>10686.6</v>
      </c>
      <c r="F145">
        <v>19218.900000000001</v>
      </c>
      <c r="G145">
        <v>15874</v>
      </c>
      <c r="H145">
        <v>1.2598400000000001</v>
      </c>
      <c r="I145">
        <v>39469.4</v>
      </c>
      <c r="J145">
        <v>28.443899999999999</v>
      </c>
    </row>
    <row r="146" spans="1:10" x14ac:dyDescent="0.25">
      <c r="A146">
        <v>1</v>
      </c>
      <c r="B146">
        <v>83.4071</v>
      </c>
      <c r="C146">
        <v>122.453</v>
      </c>
      <c r="D146">
        <v>163.67599999999999</v>
      </c>
      <c r="E146">
        <v>7965.35</v>
      </c>
      <c r="F146">
        <v>14116.5</v>
      </c>
      <c r="G146">
        <v>8900.7900000000009</v>
      </c>
      <c r="H146">
        <v>3.4803099999999998</v>
      </c>
      <c r="I146">
        <v>28030.400000000001</v>
      </c>
      <c r="J146">
        <v>96.162599999999998</v>
      </c>
    </row>
    <row r="147" spans="1:10" x14ac:dyDescent="0.25">
      <c r="A147">
        <v>1</v>
      </c>
      <c r="B147">
        <v>109.39100000000001</v>
      </c>
      <c r="C147">
        <v>110.2</v>
      </c>
      <c r="D147">
        <v>158.661</v>
      </c>
      <c r="E147">
        <v>12387.4</v>
      </c>
      <c r="F147">
        <v>23300.799999999999</v>
      </c>
      <c r="G147">
        <v>12472.4</v>
      </c>
      <c r="H147">
        <v>3.14961</v>
      </c>
      <c r="I147">
        <v>50369.1</v>
      </c>
      <c r="J147">
        <v>27.046600000000002</v>
      </c>
    </row>
    <row r="148" spans="1:10" x14ac:dyDescent="0.25">
      <c r="A148">
        <v>1</v>
      </c>
      <c r="B148">
        <v>91.674800000000005</v>
      </c>
      <c r="C148">
        <v>137.53299999999999</v>
      </c>
      <c r="D148">
        <v>174.33099999999999</v>
      </c>
      <c r="E148">
        <v>9836.2199999999993</v>
      </c>
      <c r="F148">
        <v>14371.7</v>
      </c>
      <c r="G148">
        <v>8390.5499999999993</v>
      </c>
      <c r="H148">
        <v>2.5354299999999999</v>
      </c>
      <c r="I148">
        <v>27732.9</v>
      </c>
      <c r="J148">
        <v>145.03399999999999</v>
      </c>
    </row>
    <row r="149" spans="1:10" x14ac:dyDescent="0.25">
      <c r="A149">
        <v>1</v>
      </c>
      <c r="B149">
        <v>88.367699999999999</v>
      </c>
      <c r="C149">
        <v>112.71299999999999</v>
      </c>
      <c r="D149">
        <v>159.91499999999999</v>
      </c>
      <c r="E149">
        <v>8135.43</v>
      </c>
      <c r="F149">
        <v>17178</v>
      </c>
      <c r="G149">
        <v>28800</v>
      </c>
      <c r="H149">
        <v>2.9370099999999999</v>
      </c>
      <c r="I149">
        <v>42574.5</v>
      </c>
      <c r="J149">
        <v>51.3444</v>
      </c>
    </row>
    <row r="150" spans="1:10" x14ac:dyDescent="0.25">
      <c r="A150">
        <v>1</v>
      </c>
      <c r="B150">
        <v>105.61199999999999</v>
      </c>
      <c r="C150">
        <v>122.139</v>
      </c>
      <c r="D150">
        <v>183.732</v>
      </c>
      <c r="E150">
        <v>7965.35</v>
      </c>
      <c r="F150">
        <v>14116.5</v>
      </c>
      <c r="G150">
        <v>9751.18</v>
      </c>
      <c r="H150">
        <v>3.0787399999999998</v>
      </c>
      <c r="I150">
        <v>25557.3</v>
      </c>
      <c r="J150">
        <v>100.58199999999999</v>
      </c>
    </row>
    <row r="151" spans="1:10" x14ac:dyDescent="0.25">
      <c r="A151">
        <v>1</v>
      </c>
      <c r="B151">
        <v>98.525199999999998</v>
      </c>
      <c r="C151">
        <v>110.2</v>
      </c>
      <c r="D151">
        <v>157.09399999999999</v>
      </c>
      <c r="E151">
        <v>11537</v>
      </c>
      <c r="F151">
        <v>18963.8</v>
      </c>
      <c r="G151">
        <v>17234.599999999999</v>
      </c>
      <c r="H151">
        <v>2.8897599999999999</v>
      </c>
      <c r="I151">
        <v>50061.8</v>
      </c>
      <c r="J151">
        <v>53.373899999999999</v>
      </c>
    </row>
    <row r="152" spans="1:10" x14ac:dyDescent="0.25">
      <c r="A152">
        <v>1</v>
      </c>
      <c r="B152">
        <v>109.155</v>
      </c>
      <c r="C152">
        <v>145.702</v>
      </c>
      <c r="D152">
        <v>180.285</v>
      </c>
      <c r="E152">
        <v>12812.6</v>
      </c>
      <c r="F152">
        <v>14116.5</v>
      </c>
      <c r="G152">
        <v>15703.9</v>
      </c>
      <c r="H152">
        <v>2.79528</v>
      </c>
      <c r="I152">
        <v>29532.5</v>
      </c>
      <c r="J152">
        <v>134.81100000000001</v>
      </c>
    </row>
    <row r="153" spans="1:10" x14ac:dyDescent="0.25">
      <c r="A153">
        <v>1</v>
      </c>
      <c r="B153">
        <v>100.179</v>
      </c>
      <c r="C153">
        <v>119.625</v>
      </c>
      <c r="D153">
        <v>178.71799999999999</v>
      </c>
      <c r="E153">
        <v>14598.4</v>
      </c>
      <c r="F153">
        <v>18708.7</v>
      </c>
      <c r="G153">
        <v>16214.2</v>
      </c>
      <c r="H153">
        <v>1.80315</v>
      </c>
      <c r="I153">
        <v>39536.699999999997</v>
      </c>
      <c r="J153">
        <v>70.5655</v>
      </c>
    </row>
    <row r="154" spans="1:10" x14ac:dyDescent="0.25">
      <c r="A154">
        <v>1</v>
      </c>
      <c r="B154">
        <v>97.580299999999994</v>
      </c>
      <c r="C154">
        <v>114.913</v>
      </c>
      <c r="D154">
        <v>189.37299999999999</v>
      </c>
      <c r="E154">
        <v>15703.9</v>
      </c>
      <c r="F154">
        <v>16922.8</v>
      </c>
      <c r="G154">
        <v>19785.8</v>
      </c>
      <c r="H154">
        <v>2.7244100000000002</v>
      </c>
      <c r="I154">
        <v>37663.199999999997</v>
      </c>
      <c r="J154">
        <v>48.379100000000001</v>
      </c>
    </row>
    <row r="155" spans="1:10" x14ac:dyDescent="0.25">
      <c r="A155">
        <v>1</v>
      </c>
      <c r="B155">
        <v>107.029</v>
      </c>
      <c r="C155">
        <v>114.913</v>
      </c>
      <c r="D155">
        <v>185.29900000000001</v>
      </c>
      <c r="E155">
        <v>13322.8</v>
      </c>
      <c r="F155">
        <v>35291.300000000003</v>
      </c>
      <c r="G155">
        <v>10261.4</v>
      </c>
      <c r="H155">
        <v>2.8425199999999999</v>
      </c>
      <c r="I155">
        <v>53450.2</v>
      </c>
      <c r="J155">
        <v>32.634900000000002</v>
      </c>
    </row>
    <row r="156" spans="1:10" x14ac:dyDescent="0.25">
      <c r="A156">
        <v>1</v>
      </c>
      <c r="B156">
        <v>108.919</v>
      </c>
      <c r="C156">
        <v>121.51</v>
      </c>
      <c r="D156">
        <v>173.077</v>
      </c>
      <c r="E156">
        <v>7285.04</v>
      </c>
      <c r="F156">
        <v>16922.8</v>
      </c>
      <c r="G156">
        <v>28459.8</v>
      </c>
      <c r="H156">
        <v>1.09449</v>
      </c>
      <c r="I156">
        <v>33116.5</v>
      </c>
      <c r="J156">
        <v>70.915800000000004</v>
      </c>
    </row>
    <row r="157" spans="1:10" x14ac:dyDescent="0.25">
      <c r="A157">
        <v>1</v>
      </c>
      <c r="B157">
        <v>109.628</v>
      </c>
      <c r="C157">
        <v>118.68300000000001</v>
      </c>
      <c r="D157">
        <v>170.25700000000001</v>
      </c>
      <c r="E157">
        <v>10686.6</v>
      </c>
      <c r="F157">
        <v>19218.900000000001</v>
      </c>
      <c r="G157">
        <v>15874</v>
      </c>
      <c r="H157">
        <v>1.2598400000000001</v>
      </c>
      <c r="I157">
        <v>39469.4</v>
      </c>
      <c r="J157">
        <v>28.443899999999999</v>
      </c>
    </row>
    <row r="158" spans="1:10" x14ac:dyDescent="0.25">
      <c r="A158">
        <v>1</v>
      </c>
      <c r="B158">
        <v>105.376</v>
      </c>
      <c r="C158">
        <v>118.997</v>
      </c>
      <c r="D158">
        <v>188.74600000000001</v>
      </c>
      <c r="E158">
        <v>12982.7</v>
      </c>
      <c r="F158">
        <v>21004.7</v>
      </c>
      <c r="G158">
        <v>26078.7</v>
      </c>
      <c r="H158">
        <v>3.45669</v>
      </c>
      <c r="I158">
        <v>36946.9</v>
      </c>
      <c r="J158">
        <v>33.601999999999997</v>
      </c>
    </row>
    <row r="159" spans="1:10" x14ac:dyDescent="0.25">
      <c r="A159">
        <v>1</v>
      </c>
      <c r="B159">
        <v>89.076400000000007</v>
      </c>
      <c r="C159">
        <v>119.625</v>
      </c>
      <c r="D159">
        <v>178.405</v>
      </c>
      <c r="E159">
        <v>10091.299999999999</v>
      </c>
      <c r="F159">
        <v>15392.1</v>
      </c>
      <c r="G159">
        <v>10941.7</v>
      </c>
      <c r="H159">
        <v>2.70079</v>
      </c>
      <c r="I159">
        <v>29056.799999999999</v>
      </c>
      <c r="J159">
        <v>73.312399999999997</v>
      </c>
    </row>
    <row r="160" spans="1:10" x14ac:dyDescent="0.25">
      <c r="A160">
        <v>1</v>
      </c>
      <c r="B160">
        <v>86.950400000000002</v>
      </c>
      <c r="C160">
        <v>142.874</v>
      </c>
      <c r="D160">
        <v>173.39099999999999</v>
      </c>
      <c r="E160">
        <v>15703.9</v>
      </c>
      <c r="F160">
        <v>18453.5</v>
      </c>
      <c r="G160">
        <v>26248.799999999999</v>
      </c>
      <c r="H160">
        <v>2.3936999999999999</v>
      </c>
      <c r="I160">
        <v>37637.699999999997</v>
      </c>
      <c r="J160">
        <v>146.68199999999999</v>
      </c>
    </row>
    <row r="161" spans="1:10" x14ac:dyDescent="0.25">
      <c r="A161">
        <v>1</v>
      </c>
      <c r="B161">
        <v>97.107900000000001</v>
      </c>
      <c r="C161">
        <v>111.143</v>
      </c>
      <c r="D161">
        <v>169.00299999999999</v>
      </c>
      <c r="E161">
        <v>8815.75</v>
      </c>
      <c r="F161">
        <v>12330.7</v>
      </c>
      <c r="G161">
        <v>9751.18</v>
      </c>
      <c r="H161">
        <v>3.2913399999999999</v>
      </c>
      <c r="I161">
        <v>25435.5</v>
      </c>
      <c r="J161">
        <v>97.716899999999995</v>
      </c>
    </row>
    <row r="162" spans="1:10" x14ac:dyDescent="0.25">
      <c r="A162">
        <v>1</v>
      </c>
      <c r="B162">
        <v>104.194</v>
      </c>
      <c r="C162">
        <v>119.625</v>
      </c>
      <c r="D162">
        <v>187.49299999999999</v>
      </c>
      <c r="E162">
        <v>11026.8</v>
      </c>
      <c r="F162">
        <v>22025.200000000001</v>
      </c>
      <c r="G162">
        <v>21656.7</v>
      </c>
      <c r="H162">
        <v>2.9370099999999999</v>
      </c>
      <c r="I162">
        <v>36210.1</v>
      </c>
      <c r="J162">
        <v>34.037999999999997</v>
      </c>
    </row>
    <row r="163" spans="1:10" x14ac:dyDescent="0.25">
      <c r="A163">
        <v>1</v>
      </c>
      <c r="B163">
        <v>102.777</v>
      </c>
      <c r="C163">
        <v>120.254</v>
      </c>
      <c r="D163">
        <v>157.721</v>
      </c>
      <c r="E163">
        <v>17149.599999999999</v>
      </c>
      <c r="F163">
        <v>23811</v>
      </c>
      <c r="G163">
        <v>8900.7900000000009</v>
      </c>
      <c r="H163">
        <v>2.9606300000000001</v>
      </c>
      <c r="I163">
        <v>53692.3</v>
      </c>
      <c r="J163">
        <v>67.630600000000001</v>
      </c>
    </row>
    <row r="164" spans="1:10" x14ac:dyDescent="0.25">
      <c r="A164">
        <v>1</v>
      </c>
      <c r="B164">
        <v>94.745699999999999</v>
      </c>
      <c r="C164">
        <v>149.47200000000001</v>
      </c>
      <c r="D164">
        <v>178.405</v>
      </c>
      <c r="E164">
        <v>10431.5</v>
      </c>
      <c r="F164">
        <v>12075.6</v>
      </c>
      <c r="G164">
        <v>18425.2</v>
      </c>
      <c r="H164">
        <v>3.10236</v>
      </c>
      <c r="I164">
        <v>25033.200000000001</v>
      </c>
      <c r="J164">
        <v>156.048</v>
      </c>
    </row>
    <row r="165" spans="1:10" x14ac:dyDescent="0.25">
      <c r="A165">
        <v>1</v>
      </c>
      <c r="B165">
        <v>83.4071</v>
      </c>
      <c r="C165">
        <v>113.342</v>
      </c>
      <c r="D165">
        <v>162.10900000000001</v>
      </c>
      <c r="E165">
        <v>10431.5</v>
      </c>
      <c r="F165">
        <v>33250.400000000001</v>
      </c>
      <c r="G165">
        <v>27949.599999999999</v>
      </c>
      <c r="H165">
        <v>1.89764</v>
      </c>
      <c r="I165">
        <v>54105.2</v>
      </c>
      <c r="J165">
        <v>35.918799999999997</v>
      </c>
    </row>
    <row r="166" spans="1:10" x14ac:dyDescent="0.25">
      <c r="A166">
        <v>1</v>
      </c>
      <c r="B166">
        <v>100.41500000000001</v>
      </c>
      <c r="C166">
        <v>122.139</v>
      </c>
      <c r="D166">
        <v>162.10900000000001</v>
      </c>
      <c r="E166">
        <v>16639.400000000001</v>
      </c>
      <c r="F166">
        <v>35801.599999999999</v>
      </c>
      <c r="G166">
        <v>8900.7900000000009</v>
      </c>
      <c r="H166">
        <v>1.1653500000000001</v>
      </c>
      <c r="I166">
        <v>66677.8</v>
      </c>
      <c r="J166">
        <v>74.080100000000002</v>
      </c>
    </row>
    <row r="167" spans="1:10" x14ac:dyDescent="0.25">
      <c r="A167">
        <v>1</v>
      </c>
      <c r="B167">
        <v>95.9268</v>
      </c>
      <c r="C167">
        <v>114.28400000000001</v>
      </c>
      <c r="D167">
        <v>189.06</v>
      </c>
      <c r="E167">
        <v>15959.1</v>
      </c>
      <c r="F167">
        <v>23045.7</v>
      </c>
      <c r="G167">
        <v>25398.400000000001</v>
      </c>
      <c r="H167">
        <v>1.6377999999999999</v>
      </c>
      <c r="I167">
        <v>44457.3</v>
      </c>
      <c r="J167">
        <v>41.7468</v>
      </c>
    </row>
    <row r="168" spans="1:10" x14ac:dyDescent="0.25">
      <c r="A168">
        <v>1</v>
      </c>
      <c r="B168">
        <v>101.596</v>
      </c>
      <c r="C168">
        <v>144.131</v>
      </c>
      <c r="D168">
        <v>164.929</v>
      </c>
      <c r="E168">
        <v>16809.400000000001</v>
      </c>
      <c r="F168">
        <v>13096.1</v>
      </c>
      <c r="G168">
        <v>22507.1</v>
      </c>
      <c r="H168">
        <v>3.3858299999999999</v>
      </c>
      <c r="I168">
        <v>36038.699999999997</v>
      </c>
      <c r="J168">
        <v>145.39099999999999</v>
      </c>
    </row>
    <row r="169" spans="1:10" x14ac:dyDescent="0.25">
      <c r="A169">
        <v>1</v>
      </c>
      <c r="B169">
        <v>109.39100000000001</v>
      </c>
      <c r="C169">
        <v>146.01599999999999</v>
      </c>
      <c r="D169">
        <v>188.74600000000001</v>
      </c>
      <c r="E169">
        <v>12387.4</v>
      </c>
      <c r="F169">
        <v>15137</v>
      </c>
      <c r="G169">
        <v>17915</v>
      </c>
      <c r="H169">
        <v>3.1259800000000002</v>
      </c>
      <c r="I169">
        <v>29812.5</v>
      </c>
      <c r="J169">
        <v>140.45099999999999</v>
      </c>
    </row>
    <row r="170" spans="1:10" x14ac:dyDescent="0.25">
      <c r="A170">
        <v>1</v>
      </c>
      <c r="B170">
        <v>108.21</v>
      </c>
      <c r="C170">
        <v>126.53700000000001</v>
      </c>
      <c r="D170">
        <v>167.43600000000001</v>
      </c>
      <c r="E170">
        <v>16129.1</v>
      </c>
      <c r="F170">
        <v>14881.9</v>
      </c>
      <c r="G170">
        <v>21316.5</v>
      </c>
      <c r="H170">
        <v>3.7637800000000001</v>
      </c>
      <c r="I170">
        <v>37554.800000000003</v>
      </c>
      <c r="J170">
        <v>100.485</v>
      </c>
    </row>
    <row r="171" spans="1:10" x14ac:dyDescent="0.25">
      <c r="A171">
        <v>1</v>
      </c>
      <c r="B171">
        <v>106.32</v>
      </c>
      <c r="C171">
        <v>114.28400000000001</v>
      </c>
      <c r="D171">
        <v>150.19999999999999</v>
      </c>
      <c r="E171">
        <v>8050.39</v>
      </c>
      <c r="F171">
        <v>17688.2</v>
      </c>
      <c r="G171">
        <v>27269.3</v>
      </c>
      <c r="H171">
        <v>1.1417299999999999</v>
      </c>
      <c r="I171">
        <v>60496.2</v>
      </c>
      <c r="J171">
        <v>29.624099999999999</v>
      </c>
    </row>
    <row r="172" spans="1:10" x14ac:dyDescent="0.25">
      <c r="A172">
        <v>1</v>
      </c>
      <c r="B172">
        <v>94.981899999999996</v>
      </c>
      <c r="C172">
        <v>143.81700000000001</v>
      </c>
      <c r="D172">
        <v>151.45400000000001</v>
      </c>
      <c r="E172">
        <v>9836.2199999999993</v>
      </c>
      <c r="F172">
        <v>14371.7</v>
      </c>
      <c r="G172">
        <v>7710.24</v>
      </c>
      <c r="H172">
        <v>2.1574800000000001</v>
      </c>
      <c r="I172">
        <v>35097.199999999997</v>
      </c>
      <c r="J172">
        <v>152.41999999999999</v>
      </c>
    </row>
    <row r="173" spans="1:10" x14ac:dyDescent="0.25">
      <c r="A173">
        <v>1</v>
      </c>
      <c r="B173">
        <v>88.367699999999999</v>
      </c>
      <c r="C173">
        <v>128.73599999999999</v>
      </c>
      <c r="D173">
        <v>188.12</v>
      </c>
      <c r="E173">
        <v>11962.2</v>
      </c>
      <c r="F173">
        <v>21004.7</v>
      </c>
      <c r="G173">
        <v>28119.7</v>
      </c>
      <c r="H173">
        <v>1.7795300000000001</v>
      </c>
      <c r="I173">
        <v>37046</v>
      </c>
      <c r="J173">
        <v>115.90900000000001</v>
      </c>
    </row>
    <row r="174" spans="1:10" x14ac:dyDescent="0.25">
      <c r="A174">
        <v>1</v>
      </c>
      <c r="B174">
        <v>103.25</v>
      </c>
      <c r="C174">
        <v>119.93899999999999</v>
      </c>
      <c r="D174">
        <v>160.22800000000001</v>
      </c>
      <c r="E174">
        <v>15789</v>
      </c>
      <c r="F174">
        <v>25086.6</v>
      </c>
      <c r="G174">
        <v>26759.1</v>
      </c>
      <c r="H174">
        <v>1.7086600000000001</v>
      </c>
      <c r="I174">
        <v>60835.6</v>
      </c>
      <c r="J174">
        <v>68.489999999999995</v>
      </c>
    </row>
    <row r="175" spans="1:10" x14ac:dyDescent="0.25">
      <c r="A175">
        <v>1</v>
      </c>
      <c r="B175">
        <v>93.800799999999995</v>
      </c>
      <c r="C175">
        <v>123.395</v>
      </c>
      <c r="D175">
        <v>182.16499999999999</v>
      </c>
      <c r="E175">
        <v>14598.4</v>
      </c>
      <c r="F175">
        <v>11310.2</v>
      </c>
      <c r="G175">
        <v>26589</v>
      </c>
      <c r="H175">
        <v>3.7637800000000001</v>
      </c>
      <c r="I175">
        <v>28290.5</v>
      </c>
      <c r="J175">
        <v>96.598200000000006</v>
      </c>
    </row>
    <row r="176" spans="1:10" x14ac:dyDescent="0.25">
      <c r="A176">
        <v>1</v>
      </c>
      <c r="B176">
        <v>83.4071</v>
      </c>
      <c r="C176">
        <v>112.71299999999999</v>
      </c>
      <c r="D176">
        <v>151.45400000000001</v>
      </c>
      <c r="E176">
        <v>12557.5</v>
      </c>
      <c r="F176">
        <v>32740.2</v>
      </c>
      <c r="G176">
        <v>24207.9</v>
      </c>
      <c r="H176">
        <v>1.89764</v>
      </c>
      <c r="I176">
        <v>75731.600000000006</v>
      </c>
      <c r="J176">
        <v>34.648699999999998</v>
      </c>
    </row>
    <row r="177" spans="1:10" x14ac:dyDescent="0.25">
      <c r="A177">
        <v>1</v>
      </c>
      <c r="B177">
        <v>91.438599999999994</v>
      </c>
      <c r="C177">
        <v>119.31100000000001</v>
      </c>
      <c r="D177">
        <v>151.767</v>
      </c>
      <c r="E177">
        <v>9836.2199999999993</v>
      </c>
      <c r="F177">
        <v>30699.200000000001</v>
      </c>
      <c r="G177">
        <v>9240.94</v>
      </c>
      <c r="H177">
        <v>1</v>
      </c>
      <c r="I177">
        <v>57225.1</v>
      </c>
      <c r="J177">
        <v>31.0124</v>
      </c>
    </row>
    <row r="178" spans="1:10" x14ac:dyDescent="0.25">
      <c r="A178">
        <v>1</v>
      </c>
      <c r="B178">
        <v>109.864</v>
      </c>
      <c r="C178">
        <v>127.48</v>
      </c>
      <c r="D178">
        <v>190</v>
      </c>
      <c r="E178">
        <v>16129.1</v>
      </c>
      <c r="F178">
        <v>10800</v>
      </c>
      <c r="G178">
        <v>26078.7</v>
      </c>
      <c r="H178">
        <v>3.0314999999999999</v>
      </c>
      <c r="I178">
        <v>29940.1</v>
      </c>
      <c r="J178">
        <v>90.525599999999997</v>
      </c>
    </row>
    <row r="179" spans="1:10" x14ac:dyDescent="0.25">
      <c r="A179">
        <v>1</v>
      </c>
      <c r="B179">
        <v>110.1</v>
      </c>
      <c r="C179">
        <v>114.913</v>
      </c>
      <c r="D179">
        <v>156.78100000000001</v>
      </c>
      <c r="E179">
        <v>12047.2</v>
      </c>
      <c r="F179">
        <v>31464.6</v>
      </c>
      <c r="G179">
        <v>20806.3</v>
      </c>
      <c r="H179">
        <v>3.7873999999999999</v>
      </c>
      <c r="I179">
        <v>67282.3</v>
      </c>
      <c r="J179">
        <v>33.500500000000002</v>
      </c>
    </row>
    <row r="180" spans="1:10" x14ac:dyDescent="0.25">
      <c r="A180">
        <v>1</v>
      </c>
      <c r="B180">
        <v>106.557</v>
      </c>
      <c r="C180">
        <v>141.61699999999999</v>
      </c>
      <c r="D180">
        <v>168.376</v>
      </c>
      <c r="E180">
        <v>17744.900000000001</v>
      </c>
      <c r="F180">
        <v>11055.1</v>
      </c>
      <c r="G180">
        <v>14513.4</v>
      </c>
      <c r="H180">
        <v>2.5826799999999999</v>
      </c>
      <c r="I180">
        <v>33104.699999999997</v>
      </c>
      <c r="J180">
        <v>115.489</v>
      </c>
    </row>
    <row r="181" spans="1:10" x14ac:dyDescent="0.25">
      <c r="A181">
        <v>1</v>
      </c>
      <c r="B181">
        <v>88.131500000000003</v>
      </c>
      <c r="C181">
        <v>122.767</v>
      </c>
      <c r="D181">
        <v>188.43299999999999</v>
      </c>
      <c r="E181">
        <v>9836.2199999999993</v>
      </c>
      <c r="F181">
        <v>18963.8</v>
      </c>
      <c r="G181">
        <v>28629.9</v>
      </c>
      <c r="H181">
        <v>2.5118100000000001</v>
      </c>
      <c r="I181">
        <v>32520.3</v>
      </c>
      <c r="J181">
        <v>99.5184</v>
      </c>
    </row>
    <row r="182" spans="1:10" x14ac:dyDescent="0.25">
      <c r="A182">
        <v>1</v>
      </c>
      <c r="B182">
        <v>96.635400000000004</v>
      </c>
      <c r="C182">
        <v>119.93899999999999</v>
      </c>
      <c r="D182">
        <v>180.59800000000001</v>
      </c>
      <c r="E182">
        <v>8560.6299999999992</v>
      </c>
      <c r="F182">
        <v>15392.1</v>
      </c>
      <c r="G182">
        <v>21146.5</v>
      </c>
      <c r="H182">
        <v>2.8661400000000001</v>
      </c>
      <c r="I182">
        <v>27972.3</v>
      </c>
      <c r="J182">
        <v>73.401600000000002</v>
      </c>
    </row>
    <row r="183" spans="1:10" x14ac:dyDescent="0.25">
      <c r="A183">
        <v>1</v>
      </c>
      <c r="B183">
        <v>88.367699999999999</v>
      </c>
      <c r="C183">
        <v>122.767</v>
      </c>
      <c r="D183">
        <v>168.69</v>
      </c>
      <c r="E183">
        <v>14428.3</v>
      </c>
      <c r="F183">
        <v>11565.4</v>
      </c>
      <c r="G183">
        <v>21826.799999999999</v>
      </c>
      <c r="H183">
        <v>3.6692900000000002</v>
      </c>
      <c r="I183">
        <v>29142.5</v>
      </c>
      <c r="J183">
        <v>65.790999999999997</v>
      </c>
    </row>
    <row r="184" spans="1:10" x14ac:dyDescent="0.25">
      <c r="A184">
        <v>1</v>
      </c>
      <c r="B184">
        <v>90.729900000000001</v>
      </c>
      <c r="C184">
        <v>122.453</v>
      </c>
      <c r="D184">
        <v>164.30199999999999</v>
      </c>
      <c r="E184">
        <v>7965.35</v>
      </c>
      <c r="F184">
        <v>22025.200000000001</v>
      </c>
      <c r="G184">
        <v>8900.7900000000009</v>
      </c>
      <c r="H184">
        <v>3.9527600000000001</v>
      </c>
      <c r="I184">
        <v>38797.300000000003</v>
      </c>
      <c r="J184">
        <v>99.119</v>
      </c>
    </row>
    <row r="185" spans="1:10" x14ac:dyDescent="0.25">
      <c r="A185">
        <v>1</v>
      </c>
      <c r="B185">
        <v>109.628</v>
      </c>
      <c r="C185">
        <v>138.79</v>
      </c>
      <c r="D185">
        <v>175.27099999999999</v>
      </c>
      <c r="E185">
        <v>15618.9</v>
      </c>
      <c r="F185">
        <v>19984.3</v>
      </c>
      <c r="G185">
        <v>21316.5</v>
      </c>
      <c r="H185">
        <v>1.6377999999999999</v>
      </c>
      <c r="I185">
        <v>40245.199999999997</v>
      </c>
      <c r="J185">
        <v>113.361</v>
      </c>
    </row>
    <row r="186" spans="1:10" x14ac:dyDescent="0.25">
      <c r="A186">
        <v>1</v>
      </c>
      <c r="B186">
        <v>99.942499999999995</v>
      </c>
      <c r="C186">
        <v>117.74</v>
      </c>
      <c r="D186">
        <v>178.71799999999999</v>
      </c>
      <c r="E186">
        <v>11707.1</v>
      </c>
      <c r="F186">
        <v>25341.7</v>
      </c>
      <c r="G186">
        <v>26078.7</v>
      </c>
      <c r="H186">
        <v>3.14961</v>
      </c>
      <c r="I186">
        <v>41829.300000000003</v>
      </c>
      <c r="J186">
        <v>64.909599999999998</v>
      </c>
    </row>
    <row r="187" spans="1:10" x14ac:dyDescent="0.25">
      <c r="A187">
        <v>1</v>
      </c>
      <c r="B187">
        <v>105.139</v>
      </c>
      <c r="C187">
        <v>114.598</v>
      </c>
      <c r="D187">
        <v>169.00299999999999</v>
      </c>
      <c r="E187">
        <v>9411.02</v>
      </c>
      <c r="F187">
        <v>10800</v>
      </c>
      <c r="G187">
        <v>25908.7</v>
      </c>
      <c r="H187">
        <v>2.6063000000000001</v>
      </c>
      <c r="I187">
        <v>24262</v>
      </c>
      <c r="J187">
        <v>73.905900000000003</v>
      </c>
    </row>
    <row r="188" spans="1:10" x14ac:dyDescent="0.25">
      <c r="A188">
        <v>1</v>
      </c>
      <c r="B188">
        <v>95.690600000000003</v>
      </c>
      <c r="C188">
        <v>123.709</v>
      </c>
      <c r="D188">
        <v>190</v>
      </c>
      <c r="E188">
        <v>7625.2</v>
      </c>
      <c r="F188">
        <v>39373.199999999997</v>
      </c>
      <c r="G188">
        <v>9411.02</v>
      </c>
      <c r="H188">
        <v>1.80315</v>
      </c>
      <c r="I188">
        <v>51563.9</v>
      </c>
      <c r="J188">
        <v>105.875</v>
      </c>
    </row>
    <row r="189" spans="1:10" x14ac:dyDescent="0.25">
      <c r="A189">
        <v>1</v>
      </c>
      <c r="B189">
        <v>88.603899999999996</v>
      </c>
      <c r="C189">
        <v>113.02800000000001</v>
      </c>
      <c r="D189">
        <v>172.137</v>
      </c>
      <c r="E189">
        <v>17319.7</v>
      </c>
      <c r="F189">
        <v>28658.3</v>
      </c>
      <c r="G189">
        <v>16724.400000000001</v>
      </c>
      <c r="H189">
        <v>1.2362200000000001</v>
      </c>
      <c r="I189">
        <v>54163.3</v>
      </c>
      <c r="J189">
        <v>34.507599999999996</v>
      </c>
    </row>
    <row r="190" spans="1:10" x14ac:dyDescent="0.25">
      <c r="A190">
        <v>1</v>
      </c>
      <c r="B190">
        <v>90.966099999999997</v>
      </c>
      <c r="C190">
        <v>140.989</v>
      </c>
      <c r="D190">
        <v>168.69</v>
      </c>
      <c r="E190">
        <v>8050.39</v>
      </c>
      <c r="F190">
        <v>12840.9</v>
      </c>
      <c r="G190">
        <v>17234.599999999999</v>
      </c>
      <c r="H190">
        <v>2.7244100000000002</v>
      </c>
      <c r="I190">
        <v>24920.9</v>
      </c>
      <c r="J190">
        <v>144.81899999999999</v>
      </c>
    </row>
    <row r="191" spans="1:10" x14ac:dyDescent="0.25">
      <c r="A191">
        <v>1</v>
      </c>
      <c r="B191">
        <v>88.131500000000003</v>
      </c>
      <c r="C191">
        <v>113.65600000000001</v>
      </c>
      <c r="D191">
        <v>169.94300000000001</v>
      </c>
      <c r="E191">
        <v>11877.2</v>
      </c>
      <c r="F191">
        <v>18963.8</v>
      </c>
      <c r="G191">
        <v>20636.2</v>
      </c>
      <c r="H191">
        <v>1.7795300000000001</v>
      </c>
      <c r="I191">
        <v>36426.6</v>
      </c>
      <c r="J191">
        <v>34.892499999999998</v>
      </c>
    </row>
    <row r="192" spans="1:10" x14ac:dyDescent="0.25">
      <c r="A192">
        <v>1</v>
      </c>
      <c r="B192">
        <v>83.4071</v>
      </c>
      <c r="C192">
        <v>114.598</v>
      </c>
      <c r="D192">
        <v>184.35900000000001</v>
      </c>
      <c r="E192">
        <v>10091.299999999999</v>
      </c>
      <c r="F192">
        <v>17943.3</v>
      </c>
      <c r="G192">
        <v>21826.799999999999</v>
      </c>
      <c r="H192">
        <v>1.1417299999999999</v>
      </c>
      <c r="I192">
        <v>33435.800000000003</v>
      </c>
      <c r="J192">
        <v>30.912700000000001</v>
      </c>
    </row>
    <row r="193" spans="1:10" x14ac:dyDescent="0.25">
      <c r="A193">
        <v>1</v>
      </c>
      <c r="B193">
        <v>86.241699999999994</v>
      </c>
      <c r="C193">
        <v>119.93899999999999</v>
      </c>
      <c r="D193">
        <v>188.12</v>
      </c>
      <c r="E193">
        <v>14343.3</v>
      </c>
      <c r="F193">
        <v>34015.699999999997</v>
      </c>
      <c r="G193">
        <v>20976.400000000001</v>
      </c>
      <c r="H193">
        <v>3.4803099999999998</v>
      </c>
      <c r="I193">
        <v>52292.6</v>
      </c>
      <c r="J193">
        <v>35.747599999999998</v>
      </c>
    </row>
    <row r="194" spans="1:10" x14ac:dyDescent="0.25">
      <c r="A194">
        <v>1</v>
      </c>
      <c r="B194">
        <v>98.761399999999995</v>
      </c>
      <c r="C194">
        <v>124.96599999999999</v>
      </c>
      <c r="D194">
        <v>173.70400000000001</v>
      </c>
      <c r="E194">
        <v>7965.35</v>
      </c>
      <c r="F194">
        <v>20239.400000000001</v>
      </c>
      <c r="G194">
        <v>13152.8</v>
      </c>
      <c r="H194">
        <v>3.4803099999999998</v>
      </c>
      <c r="I194">
        <v>32500.7</v>
      </c>
      <c r="J194">
        <v>106.68300000000001</v>
      </c>
    </row>
    <row r="195" spans="1:10" x14ac:dyDescent="0.25">
      <c r="A195">
        <v>1</v>
      </c>
      <c r="B195">
        <v>93.800799999999995</v>
      </c>
      <c r="C195">
        <v>147.27199999999999</v>
      </c>
      <c r="D195">
        <v>188.12</v>
      </c>
      <c r="E195">
        <v>16384.3</v>
      </c>
      <c r="F195">
        <v>15137</v>
      </c>
      <c r="G195">
        <v>27439.4</v>
      </c>
      <c r="H195">
        <v>3.4803099999999998</v>
      </c>
      <c r="I195">
        <v>33685.5</v>
      </c>
      <c r="J195">
        <v>153.364</v>
      </c>
    </row>
    <row r="196" spans="1:10" x14ac:dyDescent="0.25">
      <c r="A196">
        <v>1</v>
      </c>
      <c r="B196">
        <v>107.265</v>
      </c>
      <c r="C196">
        <v>140.04599999999999</v>
      </c>
      <c r="D196">
        <v>184.35900000000001</v>
      </c>
      <c r="E196">
        <v>9411.02</v>
      </c>
      <c r="F196">
        <v>19474</v>
      </c>
      <c r="G196">
        <v>19275.599999999999</v>
      </c>
      <c r="H196">
        <v>2.5354299999999999</v>
      </c>
      <c r="I196">
        <v>31942.7</v>
      </c>
      <c r="J196">
        <v>144.26599999999999</v>
      </c>
    </row>
    <row r="197" spans="1:10" x14ac:dyDescent="0.25">
      <c r="A197">
        <v>1</v>
      </c>
      <c r="B197">
        <v>102.777</v>
      </c>
      <c r="C197">
        <v>119.93899999999999</v>
      </c>
      <c r="D197">
        <v>155.84100000000001</v>
      </c>
      <c r="E197">
        <v>17319.7</v>
      </c>
      <c r="F197">
        <v>26617.3</v>
      </c>
      <c r="G197">
        <v>16894.5</v>
      </c>
      <c r="H197">
        <v>1.51969</v>
      </c>
      <c r="I197">
        <v>65971.399999999994</v>
      </c>
      <c r="J197">
        <v>56.903100000000002</v>
      </c>
    </row>
    <row r="198" spans="1:10" x14ac:dyDescent="0.25">
      <c r="A198">
        <v>1</v>
      </c>
      <c r="B198">
        <v>84.115700000000004</v>
      </c>
      <c r="C198">
        <v>125.90900000000001</v>
      </c>
      <c r="D198">
        <v>165.869</v>
      </c>
      <c r="E198">
        <v>11111.8</v>
      </c>
      <c r="F198">
        <v>15647.2</v>
      </c>
      <c r="G198">
        <v>15023.6</v>
      </c>
      <c r="H198">
        <v>3.2677200000000002</v>
      </c>
      <c r="I198">
        <v>33074.400000000001</v>
      </c>
      <c r="J198">
        <v>109.176</v>
      </c>
    </row>
    <row r="199" spans="1:10" x14ac:dyDescent="0.25">
      <c r="A199">
        <v>1</v>
      </c>
      <c r="B199">
        <v>107.738</v>
      </c>
      <c r="C199">
        <v>119.625</v>
      </c>
      <c r="D199">
        <v>173.70400000000001</v>
      </c>
      <c r="E199">
        <v>12557.5</v>
      </c>
      <c r="F199">
        <v>20494.5</v>
      </c>
      <c r="G199">
        <v>15874</v>
      </c>
      <c r="H199">
        <v>1.99213</v>
      </c>
      <c r="I199">
        <v>38736.300000000003</v>
      </c>
      <c r="J199">
        <v>30.891300000000001</v>
      </c>
    </row>
    <row r="200" spans="1:10" x14ac:dyDescent="0.25">
      <c r="A200">
        <v>1</v>
      </c>
      <c r="B200">
        <v>107.029</v>
      </c>
      <c r="C200">
        <v>119.93899999999999</v>
      </c>
      <c r="D200">
        <v>182.792</v>
      </c>
      <c r="E200">
        <v>9666.14</v>
      </c>
      <c r="F200">
        <v>37842.5</v>
      </c>
      <c r="G200">
        <v>26929.1</v>
      </c>
      <c r="H200">
        <v>1.02362</v>
      </c>
      <c r="I200">
        <v>54884.6</v>
      </c>
      <c r="J200">
        <v>34.150599999999997</v>
      </c>
    </row>
    <row r="201" spans="1:10" x14ac:dyDescent="0.25">
      <c r="A201">
        <v>1</v>
      </c>
      <c r="B201">
        <v>100.651</v>
      </c>
      <c r="C201">
        <v>117.426</v>
      </c>
      <c r="D201">
        <v>188.74600000000001</v>
      </c>
      <c r="E201">
        <v>14513.4</v>
      </c>
      <c r="F201">
        <v>19474</v>
      </c>
      <c r="G201">
        <v>16384.3</v>
      </c>
      <c r="H201">
        <v>2.1810999999999998</v>
      </c>
      <c r="I201">
        <v>39439.4</v>
      </c>
      <c r="J201">
        <v>33.267400000000002</v>
      </c>
    </row>
    <row r="202" spans="1:10" x14ac:dyDescent="0.25">
      <c r="A202">
        <v>1</v>
      </c>
      <c r="B202">
        <v>90.966099999999997</v>
      </c>
      <c r="C202">
        <v>124.96599999999999</v>
      </c>
      <c r="D202">
        <v>180.59800000000001</v>
      </c>
      <c r="E202">
        <v>10006.299999999999</v>
      </c>
      <c r="F202">
        <v>25086.6</v>
      </c>
      <c r="G202">
        <v>26759.1</v>
      </c>
      <c r="H202">
        <v>2.5354299999999999</v>
      </c>
      <c r="I202">
        <v>39322.400000000001</v>
      </c>
      <c r="J202">
        <v>92.524000000000001</v>
      </c>
    </row>
    <row r="203" spans="1:10" x14ac:dyDescent="0.25">
      <c r="A203">
        <v>1</v>
      </c>
      <c r="B203">
        <v>99.942499999999995</v>
      </c>
      <c r="C203">
        <v>117.11199999999999</v>
      </c>
      <c r="D203">
        <v>183.41900000000001</v>
      </c>
      <c r="E203">
        <v>17319.7</v>
      </c>
      <c r="F203">
        <v>17943.3</v>
      </c>
      <c r="G203">
        <v>27099.200000000001</v>
      </c>
      <c r="H203">
        <v>1.89764</v>
      </c>
      <c r="I203">
        <v>40347.5</v>
      </c>
      <c r="J203">
        <v>53.490400000000001</v>
      </c>
    </row>
    <row r="204" spans="1:10" x14ac:dyDescent="0.25">
      <c r="A204">
        <v>1</v>
      </c>
      <c r="B204">
        <v>102.069</v>
      </c>
      <c r="C204">
        <v>119.31100000000001</v>
      </c>
      <c r="D204">
        <v>171.51</v>
      </c>
      <c r="E204">
        <v>10686.6</v>
      </c>
      <c r="F204">
        <v>11055.1</v>
      </c>
      <c r="G204">
        <v>25738.6</v>
      </c>
      <c r="H204">
        <v>1.07087</v>
      </c>
      <c r="I204">
        <v>27497.200000000001</v>
      </c>
      <c r="J204">
        <v>65.317800000000005</v>
      </c>
    </row>
    <row r="205" spans="1:10" x14ac:dyDescent="0.25">
      <c r="A205">
        <v>1</v>
      </c>
      <c r="B205">
        <v>99.706299999999999</v>
      </c>
      <c r="C205">
        <v>127.48</v>
      </c>
      <c r="D205">
        <v>189.37299999999999</v>
      </c>
      <c r="E205">
        <v>10941.7</v>
      </c>
      <c r="F205">
        <v>25596.9</v>
      </c>
      <c r="G205">
        <v>13152.8</v>
      </c>
      <c r="H205">
        <v>2.25197</v>
      </c>
      <c r="I205">
        <v>40198.6</v>
      </c>
      <c r="J205">
        <v>114.084</v>
      </c>
    </row>
    <row r="206" spans="1:10" x14ac:dyDescent="0.25">
      <c r="A206">
        <v>1</v>
      </c>
      <c r="B206">
        <v>110.1</v>
      </c>
      <c r="C206">
        <v>128.73599999999999</v>
      </c>
      <c r="D206">
        <v>170.25700000000001</v>
      </c>
      <c r="E206">
        <v>16214.2</v>
      </c>
      <c r="F206">
        <v>18963.8</v>
      </c>
      <c r="G206">
        <v>21146.5</v>
      </c>
      <c r="H206">
        <v>1.1889799999999999</v>
      </c>
      <c r="I206">
        <v>43537.9</v>
      </c>
      <c r="J206">
        <v>82.168099999999995</v>
      </c>
    </row>
    <row r="207" spans="1:10" x14ac:dyDescent="0.25">
      <c r="A207">
        <v>1</v>
      </c>
      <c r="B207">
        <v>95.9268</v>
      </c>
      <c r="C207">
        <v>148.529</v>
      </c>
      <c r="D207">
        <v>167.43600000000001</v>
      </c>
      <c r="E207">
        <v>9411.02</v>
      </c>
      <c r="F207">
        <v>12840.9</v>
      </c>
      <c r="G207">
        <v>25908.7</v>
      </c>
      <c r="H207">
        <v>3.3622000000000001</v>
      </c>
      <c r="I207">
        <v>27235.599999999999</v>
      </c>
      <c r="J207">
        <v>157.613</v>
      </c>
    </row>
    <row r="208" spans="1:10" x14ac:dyDescent="0.25">
      <c r="A208">
        <v>1</v>
      </c>
      <c r="B208">
        <v>109.628</v>
      </c>
      <c r="C208">
        <v>113.65600000000001</v>
      </c>
      <c r="D208">
        <v>169.94300000000001</v>
      </c>
      <c r="E208">
        <v>10006.299999999999</v>
      </c>
      <c r="F208">
        <v>11310.2</v>
      </c>
      <c r="G208">
        <v>19955.900000000001</v>
      </c>
      <c r="H208">
        <v>3.3858299999999999</v>
      </c>
      <c r="I208">
        <v>24571.200000000001</v>
      </c>
      <c r="J208">
        <v>48.872399999999999</v>
      </c>
    </row>
    <row r="209" spans="1:10" x14ac:dyDescent="0.25">
      <c r="A209">
        <v>1</v>
      </c>
      <c r="B209">
        <v>92.619699999999995</v>
      </c>
      <c r="C209">
        <v>149.15700000000001</v>
      </c>
      <c r="D209">
        <v>179.97200000000001</v>
      </c>
      <c r="E209">
        <v>11877.2</v>
      </c>
      <c r="F209">
        <v>12585.8</v>
      </c>
      <c r="G209">
        <v>11111.8</v>
      </c>
      <c r="H209">
        <v>2.6299199999999998</v>
      </c>
      <c r="I209">
        <v>27289</v>
      </c>
      <c r="J209">
        <v>165.69499999999999</v>
      </c>
    </row>
    <row r="210" spans="1:10" x14ac:dyDescent="0.25">
      <c r="A210">
        <v>1</v>
      </c>
      <c r="B210">
        <v>94.981899999999996</v>
      </c>
      <c r="C210">
        <v>114.598</v>
      </c>
      <c r="D210">
        <v>179.65799999999999</v>
      </c>
      <c r="E210">
        <v>15618.9</v>
      </c>
      <c r="F210">
        <v>15137</v>
      </c>
      <c r="G210">
        <v>17234.599999999999</v>
      </c>
      <c r="H210">
        <v>3.14961</v>
      </c>
      <c r="I210">
        <v>33412.699999999997</v>
      </c>
      <c r="J210">
        <v>48.918300000000002</v>
      </c>
    </row>
    <row r="211" spans="1:10" x14ac:dyDescent="0.25">
      <c r="A211">
        <v>1</v>
      </c>
      <c r="B211">
        <v>95.454300000000003</v>
      </c>
      <c r="C211">
        <v>128.422</v>
      </c>
      <c r="D211">
        <v>170.25700000000001</v>
      </c>
      <c r="E211">
        <v>13748</v>
      </c>
      <c r="F211">
        <v>19474</v>
      </c>
      <c r="G211">
        <v>15703.9</v>
      </c>
      <c r="H211">
        <v>2.5826799999999999</v>
      </c>
      <c r="I211">
        <v>38761.4</v>
      </c>
      <c r="J211">
        <v>114.871</v>
      </c>
    </row>
    <row r="212" spans="1:10" x14ac:dyDescent="0.25">
      <c r="A212">
        <v>1</v>
      </c>
      <c r="B212">
        <v>106.557</v>
      </c>
      <c r="C212">
        <v>111.45699999999999</v>
      </c>
      <c r="D212">
        <v>166.18299999999999</v>
      </c>
      <c r="E212">
        <v>14768.5</v>
      </c>
      <c r="F212">
        <v>35291.300000000003</v>
      </c>
      <c r="G212">
        <v>21996.9</v>
      </c>
      <c r="H212">
        <v>2.8661400000000001</v>
      </c>
      <c r="I212">
        <v>57592.6</v>
      </c>
      <c r="J212">
        <v>26.8246</v>
      </c>
    </row>
    <row r="213" spans="1:10" x14ac:dyDescent="0.25">
      <c r="A213">
        <v>1</v>
      </c>
      <c r="B213">
        <v>91.911000000000001</v>
      </c>
      <c r="C213">
        <v>147.27199999999999</v>
      </c>
      <c r="D213">
        <v>169.63</v>
      </c>
      <c r="E213">
        <v>10941.7</v>
      </c>
      <c r="F213">
        <v>12840.9</v>
      </c>
      <c r="G213">
        <v>28800</v>
      </c>
      <c r="H213">
        <v>2.9370099999999999</v>
      </c>
      <c r="I213">
        <v>27959.200000000001</v>
      </c>
      <c r="J213">
        <v>162.172</v>
      </c>
    </row>
    <row r="214" spans="1:10" x14ac:dyDescent="0.25">
      <c r="A214">
        <v>1</v>
      </c>
      <c r="B214">
        <v>91.438599999999994</v>
      </c>
      <c r="C214">
        <v>142.24600000000001</v>
      </c>
      <c r="D214">
        <v>168.69</v>
      </c>
      <c r="E214">
        <v>11111.8</v>
      </c>
      <c r="F214">
        <v>11055.1</v>
      </c>
      <c r="G214">
        <v>17915</v>
      </c>
      <c r="H214">
        <v>3.1259800000000002</v>
      </c>
      <c r="I214">
        <v>25765.1</v>
      </c>
      <c r="J214">
        <v>149.43600000000001</v>
      </c>
    </row>
    <row r="215" spans="1:10" x14ac:dyDescent="0.25">
      <c r="A215">
        <v>1</v>
      </c>
      <c r="B215">
        <v>85.769300000000001</v>
      </c>
      <c r="C215">
        <v>137.53299999999999</v>
      </c>
      <c r="D215">
        <v>183.10599999999999</v>
      </c>
      <c r="E215">
        <v>8475.59</v>
      </c>
      <c r="F215">
        <v>14626.8</v>
      </c>
      <c r="G215">
        <v>9070.8700000000008</v>
      </c>
      <c r="H215">
        <v>2.5354299999999999</v>
      </c>
      <c r="I215">
        <v>26344</v>
      </c>
      <c r="J215">
        <v>149.17099999999999</v>
      </c>
    </row>
    <row r="216" spans="1:10" x14ac:dyDescent="0.25">
      <c r="A216">
        <v>1</v>
      </c>
      <c r="B216">
        <v>99.470100000000002</v>
      </c>
      <c r="C216">
        <v>149.15700000000001</v>
      </c>
      <c r="D216">
        <v>188.43299999999999</v>
      </c>
      <c r="E216">
        <v>10941.7</v>
      </c>
      <c r="F216">
        <v>23045.7</v>
      </c>
      <c r="G216">
        <v>14853.5</v>
      </c>
      <c r="H216">
        <v>3.6929099999999999</v>
      </c>
      <c r="I216">
        <v>36038</v>
      </c>
      <c r="J216">
        <v>154.02500000000001</v>
      </c>
    </row>
    <row r="217" spans="1:10" x14ac:dyDescent="0.25">
      <c r="A217">
        <v>1</v>
      </c>
      <c r="B217">
        <v>102.777</v>
      </c>
      <c r="C217">
        <v>139.10400000000001</v>
      </c>
      <c r="D217">
        <v>188.43299999999999</v>
      </c>
      <c r="E217">
        <v>8220.4699999999993</v>
      </c>
      <c r="F217">
        <v>17433.099999999999</v>
      </c>
      <c r="G217">
        <v>12472.4</v>
      </c>
      <c r="H217">
        <v>1.2362200000000001</v>
      </c>
      <c r="I217">
        <v>31155.9</v>
      </c>
      <c r="J217">
        <v>143.036</v>
      </c>
    </row>
    <row r="218" spans="1:10" x14ac:dyDescent="0.25">
      <c r="A218">
        <v>1</v>
      </c>
      <c r="B218">
        <v>102.30500000000001</v>
      </c>
      <c r="C218">
        <v>125.28</v>
      </c>
      <c r="D218">
        <v>162.10900000000001</v>
      </c>
      <c r="E218">
        <v>16554.3</v>
      </c>
      <c r="F218">
        <v>10800</v>
      </c>
      <c r="G218">
        <v>25908.7</v>
      </c>
      <c r="H218">
        <v>3.3622000000000001</v>
      </c>
      <c r="I218">
        <v>39814.699999999997</v>
      </c>
      <c r="J218">
        <v>110.113</v>
      </c>
    </row>
    <row r="219" spans="1:10" x14ac:dyDescent="0.25">
      <c r="A219">
        <v>1</v>
      </c>
      <c r="B219">
        <v>102.777</v>
      </c>
      <c r="C219">
        <v>113.65600000000001</v>
      </c>
      <c r="D219">
        <v>169.94300000000001</v>
      </c>
      <c r="E219">
        <v>7455.12</v>
      </c>
      <c r="F219">
        <v>28148</v>
      </c>
      <c r="G219">
        <v>9751.18</v>
      </c>
      <c r="H219">
        <v>1.7795300000000001</v>
      </c>
      <c r="I219">
        <v>43531.5</v>
      </c>
      <c r="J219">
        <v>28.704000000000001</v>
      </c>
    </row>
    <row r="220" spans="1:10" x14ac:dyDescent="0.25">
      <c r="A220">
        <v>1</v>
      </c>
      <c r="B220">
        <v>107.029</v>
      </c>
      <c r="C220">
        <v>128.73599999999999</v>
      </c>
      <c r="D220">
        <v>175.27099999999999</v>
      </c>
      <c r="E220">
        <v>14003.1</v>
      </c>
      <c r="F220">
        <v>18963.8</v>
      </c>
      <c r="G220">
        <v>21146.5</v>
      </c>
      <c r="H220">
        <v>3.2204700000000002</v>
      </c>
      <c r="I220">
        <v>36711.9</v>
      </c>
      <c r="J220">
        <v>115.158</v>
      </c>
    </row>
    <row r="221" spans="1:10" x14ac:dyDescent="0.25">
      <c r="A221">
        <v>1</v>
      </c>
      <c r="B221">
        <v>106.557</v>
      </c>
      <c r="C221">
        <v>113.02800000000001</v>
      </c>
      <c r="D221">
        <v>165.869</v>
      </c>
      <c r="E221">
        <v>10176.4</v>
      </c>
      <c r="F221">
        <v>23045.7</v>
      </c>
      <c r="G221">
        <v>13152.8</v>
      </c>
      <c r="H221">
        <v>1.7086600000000001</v>
      </c>
      <c r="I221">
        <v>40646.5</v>
      </c>
      <c r="J221">
        <v>28.870699999999999</v>
      </c>
    </row>
    <row r="222" spans="1:10" x14ac:dyDescent="0.25">
      <c r="A222">
        <v>1</v>
      </c>
      <c r="B222">
        <v>93.564599999999999</v>
      </c>
      <c r="C222">
        <v>132.506</v>
      </c>
      <c r="D222">
        <v>180.285</v>
      </c>
      <c r="E222">
        <v>8050.39</v>
      </c>
      <c r="F222">
        <v>14371.7</v>
      </c>
      <c r="G222">
        <v>8390.5499999999993</v>
      </c>
      <c r="H222">
        <v>2.5354299999999999</v>
      </c>
      <c r="I222">
        <v>25753.4</v>
      </c>
      <c r="J222">
        <v>131.95400000000001</v>
      </c>
    </row>
    <row r="223" spans="1:10" x14ac:dyDescent="0.25">
      <c r="A223">
        <v>1</v>
      </c>
      <c r="B223">
        <v>104.431</v>
      </c>
      <c r="C223">
        <v>113.65600000000001</v>
      </c>
      <c r="D223">
        <v>166.18299999999999</v>
      </c>
      <c r="E223">
        <v>12472.4</v>
      </c>
      <c r="F223">
        <v>30699.200000000001</v>
      </c>
      <c r="G223">
        <v>23187.4</v>
      </c>
      <c r="H223">
        <v>2.9606300000000001</v>
      </c>
      <c r="I223">
        <v>51270.7</v>
      </c>
      <c r="J223">
        <v>30.5061</v>
      </c>
    </row>
    <row r="224" spans="1:10" x14ac:dyDescent="0.25">
      <c r="A224">
        <v>1</v>
      </c>
      <c r="B224">
        <v>96.635400000000004</v>
      </c>
      <c r="C224">
        <v>134.70599999999999</v>
      </c>
      <c r="D224">
        <v>186.86600000000001</v>
      </c>
      <c r="E224">
        <v>7285.04</v>
      </c>
      <c r="F224">
        <v>18963.8</v>
      </c>
      <c r="G224">
        <v>21486.6</v>
      </c>
      <c r="H224">
        <v>2.5590600000000001</v>
      </c>
      <c r="I224">
        <v>29164.2</v>
      </c>
      <c r="J224">
        <v>139.51</v>
      </c>
    </row>
    <row r="225" spans="1:10" x14ac:dyDescent="0.25">
      <c r="A225">
        <v>1</v>
      </c>
      <c r="B225">
        <v>81.753500000000003</v>
      </c>
      <c r="C225">
        <v>120.88200000000001</v>
      </c>
      <c r="D225">
        <v>182.16499999999999</v>
      </c>
      <c r="E225">
        <v>14088.2</v>
      </c>
      <c r="F225">
        <v>26617.3</v>
      </c>
      <c r="G225">
        <v>25398.400000000001</v>
      </c>
      <c r="H225">
        <v>2.5590600000000001</v>
      </c>
      <c r="I225">
        <v>45591.6</v>
      </c>
      <c r="J225">
        <v>74.124200000000002</v>
      </c>
    </row>
    <row r="226" spans="1:10" x14ac:dyDescent="0.25">
      <c r="A226">
        <v>1</v>
      </c>
      <c r="B226">
        <v>91.438599999999994</v>
      </c>
      <c r="C226">
        <v>147.58699999999999</v>
      </c>
      <c r="D226">
        <v>180.285</v>
      </c>
      <c r="E226">
        <v>8475.59</v>
      </c>
      <c r="F226">
        <v>14626.8</v>
      </c>
      <c r="G226">
        <v>11111.8</v>
      </c>
      <c r="H226">
        <v>2.9133900000000001</v>
      </c>
      <c r="I226">
        <v>25629.599999999999</v>
      </c>
      <c r="J226">
        <v>159.911</v>
      </c>
    </row>
    <row r="227" spans="1:10" x14ac:dyDescent="0.25">
      <c r="A227">
        <v>1</v>
      </c>
      <c r="B227">
        <v>103.01300000000001</v>
      </c>
      <c r="C227">
        <v>124.96599999999999</v>
      </c>
      <c r="D227">
        <v>169.94300000000001</v>
      </c>
      <c r="E227">
        <v>8050.39</v>
      </c>
      <c r="F227">
        <v>11820.5</v>
      </c>
      <c r="G227">
        <v>20466.099999999999</v>
      </c>
      <c r="H227">
        <v>1.92126</v>
      </c>
      <c r="I227">
        <v>24970</v>
      </c>
      <c r="J227">
        <v>111.343</v>
      </c>
    </row>
    <row r="228" spans="1:10" x14ac:dyDescent="0.25">
      <c r="A228">
        <v>1</v>
      </c>
      <c r="B228">
        <v>99.706299999999999</v>
      </c>
      <c r="C228">
        <v>114.913</v>
      </c>
      <c r="D228">
        <v>186.553</v>
      </c>
      <c r="E228">
        <v>15533.9</v>
      </c>
      <c r="F228">
        <v>16922.8</v>
      </c>
      <c r="G228">
        <v>19785.8</v>
      </c>
      <c r="H228">
        <v>3.19685</v>
      </c>
      <c r="I228">
        <v>37394.6</v>
      </c>
      <c r="J228">
        <v>27.025700000000001</v>
      </c>
    </row>
    <row r="229" spans="1:10" x14ac:dyDescent="0.25">
      <c r="A229">
        <v>1</v>
      </c>
      <c r="B229">
        <v>103.958</v>
      </c>
      <c r="C229">
        <v>134.39099999999999</v>
      </c>
      <c r="D229">
        <v>182.792</v>
      </c>
      <c r="E229">
        <v>8050.39</v>
      </c>
      <c r="F229">
        <v>25596.9</v>
      </c>
      <c r="G229">
        <v>8900.7900000000009</v>
      </c>
      <c r="H229">
        <v>3.0551200000000001</v>
      </c>
      <c r="I229">
        <v>36417</v>
      </c>
      <c r="J229">
        <v>138.79499999999999</v>
      </c>
    </row>
    <row r="230" spans="1:10" x14ac:dyDescent="0.25">
      <c r="A230">
        <v>1</v>
      </c>
      <c r="B230">
        <v>87.186599999999999</v>
      </c>
      <c r="C230">
        <v>114.598</v>
      </c>
      <c r="D230">
        <v>188.12</v>
      </c>
      <c r="E230">
        <v>9921.26</v>
      </c>
      <c r="F230">
        <v>17688.2</v>
      </c>
      <c r="G230">
        <v>21656.7</v>
      </c>
      <c r="H230">
        <v>3.1259800000000002</v>
      </c>
      <c r="I230">
        <v>30920.7</v>
      </c>
      <c r="J230">
        <v>30.158799999999999</v>
      </c>
    </row>
    <row r="231" spans="1:10" x14ac:dyDescent="0.25">
      <c r="A231">
        <v>1</v>
      </c>
      <c r="B231">
        <v>90.021299999999997</v>
      </c>
      <c r="C231">
        <v>143.50200000000001</v>
      </c>
      <c r="D231">
        <v>169.94300000000001</v>
      </c>
      <c r="E231">
        <v>8305.51</v>
      </c>
      <c r="F231">
        <v>25086.6</v>
      </c>
      <c r="G231">
        <v>28800</v>
      </c>
      <c r="H231">
        <v>2.74803</v>
      </c>
      <c r="I231">
        <v>37146</v>
      </c>
      <c r="J231">
        <v>159.357</v>
      </c>
    </row>
    <row r="232" spans="1:10" x14ac:dyDescent="0.25">
      <c r="A232">
        <v>1</v>
      </c>
      <c r="B232">
        <v>90.966099999999997</v>
      </c>
      <c r="C232">
        <v>134.077</v>
      </c>
      <c r="D232">
        <v>187.18</v>
      </c>
      <c r="E232">
        <v>16809.400000000001</v>
      </c>
      <c r="F232">
        <v>23045.7</v>
      </c>
      <c r="G232">
        <v>17234.599999999999</v>
      </c>
      <c r="H232">
        <v>1.6141700000000001</v>
      </c>
      <c r="I232">
        <v>44407.5</v>
      </c>
      <c r="J232">
        <v>135.56299999999999</v>
      </c>
    </row>
    <row r="233" spans="1:10" x14ac:dyDescent="0.25">
      <c r="A233">
        <v>1</v>
      </c>
      <c r="B233">
        <v>89.784999999999997</v>
      </c>
      <c r="C233">
        <v>143.81700000000001</v>
      </c>
      <c r="D233">
        <v>161.16900000000001</v>
      </c>
      <c r="E233">
        <v>7370.08</v>
      </c>
      <c r="F233">
        <v>13096.1</v>
      </c>
      <c r="G233">
        <v>28800</v>
      </c>
      <c r="H233">
        <v>2.8897599999999999</v>
      </c>
      <c r="I233">
        <v>31809.4</v>
      </c>
      <c r="J233">
        <v>160.14599999999999</v>
      </c>
    </row>
    <row r="234" spans="1:10" x14ac:dyDescent="0.25">
      <c r="A234">
        <v>1</v>
      </c>
      <c r="B234">
        <v>108.68300000000001</v>
      </c>
      <c r="C234">
        <v>138.79</v>
      </c>
      <c r="D234">
        <v>176.524</v>
      </c>
      <c r="E234">
        <v>7795.28</v>
      </c>
      <c r="F234">
        <v>12330.7</v>
      </c>
      <c r="G234">
        <v>18595.3</v>
      </c>
      <c r="H234">
        <v>3.19685</v>
      </c>
      <c r="I234">
        <v>22744.3</v>
      </c>
      <c r="J234">
        <v>146.72</v>
      </c>
    </row>
    <row r="235" spans="1:10" x14ac:dyDescent="0.25">
      <c r="A235">
        <v>1</v>
      </c>
      <c r="B235">
        <v>90.966099999999997</v>
      </c>
      <c r="C235">
        <v>131.56399999999999</v>
      </c>
      <c r="D235">
        <v>160.22800000000001</v>
      </c>
      <c r="E235">
        <v>17064.599999999999</v>
      </c>
      <c r="F235">
        <v>16667.7</v>
      </c>
      <c r="G235">
        <v>13152.8</v>
      </c>
      <c r="H235">
        <v>2.5354299999999999</v>
      </c>
      <c r="I235">
        <v>50519.8</v>
      </c>
      <c r="J235">
        <v>122.461</v>
      </c>
    </row>
    <row r="236" spans="1:10" x14ac:dyDescent="0.25">
      <c r="A236">
        <v>1</v>
      </c>
      <c r="B236">
        <v>94.037000000000006</v>
      </c>
      <c r="C236">
        <v>150.1</v>
      </c>
      <c r="D236">
        <v>189.37299999999999</v>
      </c>
      <c r="E236">
        <v>15023.6</v>
      </c>
      <c r="F236">
        <v>13606.3</v>
      </c>
      <c r="G236">
        <v>21996.9</v>
      </c>
      <c r="H236">
        <v>3.3149600000000001</v>
      </c>
      <c r="I236">
        <v>30897.5</v>
      </c>
      <c r="J236">
        <v>166.38</v>
      </c>
    </row>
    <row r="237" spans="1:10" x14ac:dyDescent="0.25">
      <c r="A237">
        <v>1</v>
      </c>
      <c r="B237">
        <v>92.147199999999998</v>
      </c>
      <c r="C237">
        <v>137.84700000000001</v>
      </c>
      <c r="D237">
        <v>163.36199999999999</v>
      </c>
      <c r="E237">
        <v>8220.4699999999993</v>
      </c>
      <c r="F237">
        <v>25086.6</v>
      </c>
      <c r="G237">
        <v>25398.400000000001</v>
      </c>
      <c r="H237">
        <v>3.5039400000000001</v>
      </c>
      <c r="I237">
        <v>40968.800000000003</v>
      </c>
      <c r="J237">
        <v>146.661</v>
      </c>
    </row>
    <row r="238" spans="1:10" x14ac:dyDescent="0.25">
      <c r="A238">
        <v>1</v>
      </c>
      <c r="B238">
        <v>106.32</v>
      </c>
      <c r="C238">
        <v>122.767</v>
      </c>
      <c r="D238">
        <v>182.16499999999999</v>
      </c>
      <c r="E238">
        <v>16129.1</v>
      </c>
      <c r="F238">
        <v>26107.1</v>
      </c>
      <c r="G238">
        <v>14513.4</v>
      </c>
      <c r="H238">
        <v>1.4252</v>
      </c>
      <c r="I238">
        <v>47916.5</v>
      </c>
      <c r="J238">
        <v>74.750200000000007</v>
      </c>
    </row>
    <row r="239" spans="1:10" x14ac:dyDescent="0.25">
      <c r="A239">
        <v>1</v>
      </c>
      <c r="B239">
        <v>89.312600000000003</v>
      </c>
      <c r="C239">
        <v>119.93899999999999</v>
      </c>
      <c r="D239">
        <v>167.43600000000001</v>
      </c>
      <c r="E239">
        <v>8730.7099999999991</v>
      </c>
      <c r="F239">
        <v>19729.099999999999</v>
      </c>
      <c r="G239">
        <v>23187.4</v>
      </c>
      <c r="H239">
        <v>3.7637800000000001</v>
      </c>
      <c r="I239">
        <v>36136.800000000003</v>
      </c>
      <c r="J239">
        <v>37.534199999999998</v>
      </c>
    </row>
    <row r="240" spans="1:10" x14ac:dyDescent="0.25">
      <c r="A240">
        <v>1</v>
      </c>
      <c r="B240">
        <v>107.974</v>
      </c>
      <c r="C240">
        <v>123.081</v>
      </c>
      <c r="D240">
        <v>162.422</v>
      </c>
      <c r="E240">
        <v>11111.8</v>
      </c>
      <c r="F240">
        <v>28658.3</v>
      </c>
      <c r="G240">
        <v>28629.9</v>
      </c>
      <c r="H240">
        <v>3.7637800000000001</v>
      </c>
      <c r="I240">
        <v>50848.800000000003</v>
      </c>
      <c r="J240">
        <v>90.289199999999994</v>
      </c>
    </row>
    <row r="241" spans="1:10" x14ac:dyDescent="0.25">
      <c r="A241">
        <v>1</v>
      </c>
      <c r="B241">
        <v>93.092100000000002</v>
      </c>
      <c r="C241">
        <v>124.024</v>
      </c>
      <c r="D241">
        <v>169.94300000000001</v>
      </c>
      <c r="E241">
        <v>11366.9</v>
      </c>
      <c r="F241">
        <v>11565.4</v>
      </c>
      <c r="G241">
        <v>21146.5</v>
      </c>
      <c r="H241">
        <v>3.7637800000000001</v>
      </c>
      <c r="I241">
        <v>26296.3</v>
      </c>
      <c r="J241">
        <v>40.541800000000002</v>
      </c>
    </row>
    <row r="242" spans="1:10" x14ac:dyDescent="0.25">
      <c r="A242">
        <v>1</v>
      </c>
      <c r="B242">
        <v>105.139</v>
      </c>
      <c r="C242">
        <v>114.598</v>
      </c>
      <c r="D242">
        <v>169.00299999999999</v>
      </c>
      <c r="E242">
        <v>9411.02</v>
      </c>
      <c r="F242">
        <v>10800</v>
      </c>
      <c r="G242">
        <v>25908.7</v>
      </c>
      <c r="H242">
        <v>2.6063000000000001</v>
      </c>
      <c r="I242">
        <v>24262</v>
      </c>
      <c r="J242">
        <v>73.905900000000003</v>
      </c>
    </row>
    <row r="243" spans="1:10" x14ac:dyDescent="0.25">
      <c r="A243">
        <v>1</v>
      </c>
      <c r="B243">
        <v>83.4071</v>
      </c>
      <c r="C243">
        <v>114.598</v>
      </c>
      <c r="D243">
        <v>184.35900000000001</v>
      </c>
      <c r="E243">
        <v>10091.299999999999</v>
      </c>
      <c r="F243">
        <v>16922.8</v>
      </c>
      <c r="G243">
        <v>21826.799999999999</v>
      </c>
      <c r="H243">
        <v>1.1417299999999999</v>
      </c>
      <c r="I243">
        <v>32390.7</v>
      </c>
      <c r="J243">
        <v>24.8825</v>
      </c>
    </row>
    <row r="244" spans="1:10" x14ac:dyDescent="0.25">
      <c r="A244">
        <v>1</v>
      </c>
      <c r="B244">
        <v>109.864</v>
      </c>
      <c r="C244">
        <v>123.395</v>
      </c>
      <c r="D244">
        <v>162.10900000000001</v>
      </c>
      <c r="E244">
        <v>16639.400000000001</v>
      </c>
      <c r="F244">
        <v>27637.8</v>
      </c>
      <c r="G244">
        <v>25228.3</v>
      </c>
      <c r="H244">
        <v>2.25197</v>
      </c>
      <c r="I244">
        <v>54963.199999999997</v>
      </c>
      <c r="J244">
        <v>18.724399999999999</v>
      </c>
    </row>
    <row r="245" spans="1:10" x14ac:dyDescent="0.25">
      <c r="A245">
        <v>1</v>
      </c>
      <c r="B245">
        <v>109.628</v>
      </c>
      <c r="C245">
        <v>113.65600000000001</v>
      </c>
      <c r="D245">
        <v>169.94300000000001</v>
      </c>
      <c r="E245">
        <v>10006.299999999999</v>
      </c>
      <c r="F245">
        <v>11310.2</v>
      </c>
      <c r="G245">
        <v>19955.900000000001</v>
      </c>
      <c r="H245">
        <v>3.3858299999999999</v>
      </c>
      <c r="I245">
        <v>24571.200000000001</v>
      </c>
      <c r="J245">
        <v>48.872399999999999</v>
      </c>
    </row>
    <row r="246" spans="1:10" x14ac:dyDescent="0.25">
      <c r="A246">
        <v>1</v>
      </c>
      <c r="B246">
        <v>87.186599999999999</v>
      </c>
      <c r="C246">
        <v>114.598</v>
      </c>
      <c r="D246">
        <v>188.12</v>
      </c>
      <c r="E246">
        <v>9921.26</v>
      </c>
      <c r="F246">
        <v>17688.2</v>
      </c>
      <c r="G246">
        <v>21656.7</v>
      </c>
      <c r="H246">
        <v>3.1259800000000002</v>
      </c>
      <c r="I246">
        <v>30920.7</v>
      </c>
      <c r="J246">
        <v>30.158799999999999</v>
      </c>
    </row>
    <row r="247" spans="1:10" x14ac:dyDescent="0.25">
      <c r="A247">
        <v>1</v>
      </c>
      <c r="B247">
        <v>108.68300000000001</v>
      </c>
      <c r="C247">
        <v>138.79</v>
      </c>
      <c r="D247">
        <v>176.524</v>
      </c>
      <c r="E247">
        <v>7795.28</v>
      </c>
      <c r="F247">
        <v>12330.7</v>
      </c>
      <c r="G247">
        <v>18595.3</v>
      </c>
      <c r="H247">
        <v>3.19685</v>
      </c>
      <c r="I247">
        <v>22744.3</v>
      </c>
      <c r="J247">
        <v>146.72</v>
      </c>
    </row>
    <row r="281" spans="1:10" x14ac:dyDescent="0.25">
      <c r="A281">
        <v>2</v>
      </c>
      <c r="B281">
        <v>93.092100000000002</v>
      </c>
      <c r="C281">
        <v>124.024</v>
      </c>
      <c r="D281">
        <v>169.94300000000001</v>
      </c>
      <c r="E281">
        <v>11366.9</v>
      </c>
      <c r="F281">
        <v>11565.4</v>
      </c>
      <c r="G281">
        <v>21146.5</v>
      </c>
      <c r="H281">
        <v>3.7637800000000001</v>
      </c>
      <c r="I281">
        <v>26296.3</v>
      </c>
      <c r="J281">
        <v>40.541800000000002</v>
      </c>
    </row>
    <row r="282" spans="1:10" x14ac:dyDescent="0.25">
      <c r="A282">
        <v>2</v>
      </c>
      <c r="B282">
        <v>83.4071</v>
      </c>
      <c r="C282">
        <v>114.598</v>
      </c>
      <c r="D282">
        <v>184.35900000000001</v>
      </c>
      <c r="E282">
        <v>10091.299999999999</v>
      </c>
      <c r="F282">
        <v>16922.8</v>
      </c>
      <c r="G282">
        <v>21826.799999999999</v>
      </c>
      <c r="H282">
        <v>1.1417299999999999</v>
      </c>
      <c r="I282">
        <v>32390.7</v>
      </c>
      <c r="J282">
        <v>24.8825</v>
      </c>
    </row>
    <row r="283" spans="1:10" x14ac:dyDescent="0.25">
      <c r="A283">
        <v>2</v>
      </c>
      <c r="B283">
        <v>109.864</v>
      </c>
      <c r="C283">
        <v>123.395</v>
      </c>
      <c r="D283">
        <v>162.10900000000001</v>
      </c>
      <c r="E283">
        <v>16639.400000000001</v>
      </c>
      <c r="F283">
        <v>27637.8</v>
      </c>
      <c r="G283">
        <v>25228.3</v>
      </c>
      <c r="H283">
        <v>2.25197</v>
      </c>
      <c r="I283">
        <v>54963.199999999997</v>
      </c>
      <c r="J283">
        <v>18.724399999999999</v>
      </c>
    </row>
    <row r="284" spans="1:10" x14ac:dyDescent="0.25">
      <c r="A284">
        <v>2</v>
      </c>
      <c r="B284">
        <v>105.139</v>
      </c>
      <c r="C284">
        <v>114.598</v>
      </c>
      <c r="D284">
        <v>169.00299999999999</v>
      </c>
      <c r="E284">
        <v>9411.02</v>
      </c>
      <c r="F284">
        <v>10800</v>
      </c>
      <c r="G284">
        <v>25908.7</v>
      </c>
      <c r="H284">
        <v>2.6063000000000001</v>
      </c>
      <c r="I284">
        <v>24262</v>
      </c>
      <c r="J284">
        <v>73.905900000000003</v>
      </c>
    </row>
    <row r="285" spans="1:10" x14ac:dyDescent="0.25">
      <c r="A285">
        <v>2</v>
      </c>
      <c r="B285">
        <v>109.628</v>
      </c>
      <c r="C285">
        <v>113.65600000000001</v>
      </c>
      <c r="D285">
        <v>169.94300000000001</v>
      </c>
      <c r="E285">
        <v>10006.299999999999</v>
      </c>
      <c r="F285">
        <v>11310.2</v>
      </c>
      <c r="G285">
        <v>19955.900000000001</v>
      </c>
      <c r="H285">
        <v>3.3858299999999999</v>
      </c>
      <c r="I285">
        <v>24571.200000000001</v>
      </c>
      <c r="J285">
        <v>48.872399999999999</v>
      </c>
    </row>
    <row r="286" spans="1:10" x14ac:dyDescent="0.25">
      <c r="A286">
        <v>2</v>
      </c>
      <c r="B286">
        <v>87.186599999999999</v>
      </c>
      <c r="C286">
        <v>114.598</v>
      </c>
      <c r="D286">
        <v>188.12</v>
      </c>
      <c r="E286">
        <v>9921.26</v>
      </c>
      <c r="F286">
        <v>17688.2</v>
      </c>
      <c r="G286">
        <v>21656.7</v>
      </c>
      <c r="H286">
        <v>3.1259800000000002</v>
      </c>
      <c r="I286">
        <v>30920.7</v>
      </c>
      <c r="J286">
        <v>30.158799999999999</v>
      </c>
    </row>
    <row r="287" spans="1:10" x14ac:dyDescent="0.25">
      <c r="A287">
        <v>2</v>
      </c>
      <c r="B287">
        <v>108.68300000000001</v>
      </c>
      <c r="C287">
        <v>138.79</v>
      </c>
      <c r="D287">
        <v>176.524</v>
      </c>
      <c r="E287">
        <v>7795.28</v>
      </c>
      <c r="F287">
        <v>12330.7</v>
      </c>
      <c r="G287">
        <v>18595.3</v>
      </c>
      <c r="H287">
        <v>3.19685</v>
      </c>
      <c r="I287">
        <v>22744.3</v>
      </c>
      <c r="J287">
        <v>146.72</v>
      </c>
    </row>
    <row r="288" spans="1:10" x14ac:dyDescent="0.25">
      <c r="A288">
        <v>2</v>
      </c>
      <c r="B288">
        <v>99.706299999999999</v>
      </c>
      <c r="C288">
        <v>114.913</v>
      </c>
      <c r="D288">
        <v>186.553</v>
      </c>
      <c r="E288">
        <v>15533.9</v>
      </c>
      <c r="F288">
        <v>16922.8</v>
      </c>
      <c r="G288">
        <v>19785.8</v>
      </c>
      <c r="H288">
        <v>3.19685</v>
      </c>
      <c r="I288">
        <v>37394.6</v>
      </c>
      <c r="J288">
        <v>27.025700000000001</v>
      </c>
    </row>
    <row r="289" spans="1:10" x14ac:dyDescent="0.25">
      <c r="A289">
        <v>2</v>
      </c>
      <c r="B289">
        <v>107.265</v>
      </c>
      <c r="C289">
        <v>113.02800000000001</v>
      </c>
      <c r="D289">
        <v>189.68700000000001</v>
      </c>
      <c r="E289">
        <v>10856.7</v>
      </c>
      <c r="F289">
        <v>16922.8</v>
      </c>
      <c r="G289">
        <v>19955.900000000001</v>
      </c>
      <c r="H289">
        <v>2.9133900000000001</v>
      </c>
      <c r="I289">
        <v>31691.3</v>
      </c>
      <c r="J289">
        <v>29.0336</v>
      </c>
    </row>
    <row r="290" spans="1:10" x14ac:dyDescent="0.25">
      <c r="A290">
        <v>2</v>
      </c>
      <c r="B290">
        <v>102.30500000000001</v>
      </c>
      <c r="C290">
        <v>113.65600000000001</v>
      </c>
      <c r="D290">
        <v>186.239</v>
      </c>
      <c r="E290">
        <v>11962.2</v>
      </c>
      <c r="F290">
        <v>18708.7</v>
      </c>
      <c r="G290">
        <v>21826.799999999999</v>
      </c>
      <c r="H290">
        <v>2.9606300000000001</v>
      </c>
      <c r="I290">
        <v>34419.599999999999</v>
      </c>
      <c r="J290">
        <v>20.557300000000001</v>
      </c>
    </row>
    <row r="291" spans="1:10" x14ac:dyDescent="0.25">
      <c r="A291">
        <v>2</v>
      </c>
      <c r="B291">
        <v>109.39100000000001</v>
      </c>
      <c r="C291">
        <v>120.88200000000001</v>
      </c>
      <c r="D291">
        <v>158.661</v>
      </c>
      <c r="E291">
        <v>9240.94</v>
      </c>
      <c r="F291">
        <v>16922.8</v>
      </c>
      <c r="G291">
        <v>11792.1</v>
      </c>
      <c r="H291">
        <v>2.7244100000000002</v>
      </c>
      <c r="I291">
        <v>41464.5</v>
      </c>
      <c r="J291">
        <v>21.697500000000002</v>
      </c>
    </row>
    <row r="292" spans="1:10" x14ac:dyDescent="0.25">
      <c r="A292">
        <v>2</v>
      </c>
      <c r="B292">
        <v>85.533100000000005</v>
      </c>
      <c r="C292">
        <v>119.93899999999999</v>
      </c>
      <c r="D292">
        <v>186.86600000000001</v>
      </c>
      <c r="E292">
        <v>16894.5</v>
      </c>
      <c r="F292">
        <v>23300.799999999999</v>
      </c>
      <c r="G292">
        <v>23187.4</v>
      </c>
      <c r="H292">
        <v>3.7637800000000001</v>
      </c>
      <c r="I292">
        <v>43784.9</v>
      </c>
      <c r="J292">
        <v>73.282399999999996</v>
      </c>
    </row>
    <row r="293" spans="1:10" x14ac:dyDescent="0.25">
      <c r="A293">
        <v>2</v>
      </c>
      <c r="B293">
        <v>89.076400000000007</v>
      </c>
      <c r="C293">
        <v>114.598</v>
      </c>
      <c r="D293">
        <v>172.76400000000001</v>
      </c>
      <c r="E293">
        <v>7200</v>
      </c>
      <c r="F293">
        <v>36822</v>
      </c>
      <c r="G293">
        <v>10941.7</v>
      </c>
      <c r="H293">
        <v>2.74803</v>
      </c>
      <c r="I293">
        <v>50553.599999999999</v>
      </c>
      <c r="J293">
        <v>40.580800000000004</v>
      </c>
    </row>
    <row r="294" spans="1:10" x14ac:dyDescent="0.25">
      <c r="A294">
        <v>2</v>
      </c>
      <c r="B294">
        <v>93.564599999999999</v>
      </c>
      <c r="C294">
        <v>135.02000000000001</v>
      </c>
      <c r="D294">
        <v>185.29900000000001</v>
      </c>
      <c r="E294">
        <v>8135.43</v>
      </c>
      <c r="F294">
        <v>14371.7</v>
      </c>
      <c r="G294">
        <v>7710.24</v>
      </c>
      <c r="H294">
        <v>2.6299199999999998</v>
      </c>
      <c r="I294">
        <v>25612.1</v>
      </c>
      <c r="J294">
        <v>137.786</v>
      </c>
    </row>
    <row r="295" spans="1:10" x14ac:dyDescent="0.25">
      <c r="A295">
        <v>2</v>
      </c>
      <c r="B295">
        <v>105.61199999999999</v>
      </c>
      <c r="C295">
        <v>122.139</v>
      </c>
      <c r="D295">
        <v>168.69</v>
      </c>
      <c r="E295">
        <v>8050.39</v>
      </c>
      <c r="F295">
        <v>11820.5</v>
      </c>
      <c r="G295">
        <v>20636.2</v>
      </c>
      <c r="H295">
        <v>3.2913399999999999</v>
      </c>
      <c r="I295">
        <v>24183</v>
      </c>
      <c r="J295">
        <v>97.337500000000006</v>
      </c>
    </row>
    <row r="296" spans="1:10" x14ac:dyDescent="0.25">
      <c r="A296">
        <v>2</v>
      </c>
      <c r="B296">
        <v>83.4071</v>
      </c>
      <c r="C296">
        <v>119.93899999999999</v>
      </c>
      <c r="D296">
        <v>183.10599999999999</v>
      </c>
      <c r="E296">
        <v>11452</v>
      </c>
      <c r="F296">
        <v>15392.1</v>
      </c>
      <c r="G296">
        <v>21826.799999999999</v>
      </c>
      <c r="H296">
        <v>1.3307100000000001</v>
      </c>
      <c r="I296">
        <v>32510.6</v>
      </c>
      <c r="J296">
        <v>67.287800000000004</v>
      </c>
    </row>
    <row r="297" spans="1:10" x14ac:dyDescent="0.25">
      <c r="A297">
        <v>2</v>
      </c>
      <c r="B297">
        <v>108.919</v>
      </c>
      <c r="C297">
        <v>114.598</v>
      </c>
      <c r="D297">
        <v>163.989</v>
      </c>
      <c r="E297">
        <v>12472.4</v>
      </c>
      <c r="F297">
        <v>11310.2</v>
      </c>
      <c r="G297">
        <v>25228.3</v>
      </c>
      <c r="H297">
        <v>3.3622000000000001</v>
      </c>
      <c r="I297">
        <v>29688.6</v>
      </c>
      <c r="J297">
        <v>33.313699999999997</v>
      </c>
    </row>
    <row r="298" spans="1:10" x14ac:dyDescent="0.25">
      <c r="A298">
        <v>2</v>
      </c>
      <c r="B298">
        <v>107.029</v>
      </c>
      <c r="C298">
        <v>114.913</v>
      </c>
      <c r="D298">
        <v>186.553</v>
      </c>
      <c r="E298">
        <v>17574.8</v>
      </c>
      <c r="F298">
        <v>14881.9</v>
      </c>
      <c r="G298">
        <v>25228.3</v>
      </c>
      <c r="H298">
        <v>3.19685</v>
      </c>
      <c r="I298">
        <v>36902.1</v>
      </c>
      <c r="J298">
        <v>23.457100000000001</v>
      </c>
    </row>
    <row r="299" spans="1:10" x14ac:dyDescent="0.25">
      <c r="A299">
        <v>2</v>
      </c>
      <c r="B299">
        <v>109.628</v>
      </c>
      <c r="C299">
        <v>113.65600000000001</v>
      </c>
      <c r="D299">
        <v>189.68700000000001</v>
      </c>
      <c r="E299">
        <v>9921.26</v>
      </c>
      <c r="F299">
        <v>11310.2</v>
      </c>
      <c r="G299">
        <v>19955.900000000001</v>
      </c>
      <c r="H299">
        <v>3.7637800000000001</v>
      </c>
      <c r="I299">
        <v>23429.200000000001</v>
      </c>
      <c r="J299">
        <v>47.331600000000002</v>
      </c>
    </row>
    <row r="300" spans="1:10" x14ac:dyDescent="0.25">
      <c r="A300">
        <v>2</v>
      </c>
      <c r="B300">
        <v>109.39100000000001</v>
      </c>
      <c r="C300">
        <v>123.395</v>
      </c>
      <c r="D300">
        <v>167.12299999999999</v>
      </c>
      <c r="E300">
        <v>15959.1</v>
      </c>
      <c r="F300">
        <v>11310.2</v>
      </c>
      <c r="G300">
        <v>19955.900000000001</v>
      </c>
      <c r="H300">
        <v>2.25197</v>
      </c>
      <c r="I300">
        <v>34724.300000000003</v>
      </c>
      <c r="J300">
        <v>66.670500000000004</v>
      </c>
    </row>
    <row r="301" spans="1:10" x14ac:dyDescent="0.25">
      <c r="A301">
        <v>2</v>
      </c>
      <c r="B301">
        <v>108.68300000000001</v>
      </c>
      <c r="C301">
        <v>138.79</v>
      </c>
      <c r="D301">
        <v>176.524</v>
      </c>
      <c r="E301">
        <v>7795.28</v>
      </c>
      <c r="F301">
        <v>12330.7</v>
      </c>
      <c r="G301">
        <v>18595.3</v>
      </c>
      <c r="H301">
        <v>3.19685</v>
      </c>
      <c r="I301">
        <v>22744.3</v>
      </c>
      <c r="J301">
        <v>146.72</v>
      </c>
    </row>
    <row r="302" spans="1:10" x14ac:dyDescent="0.25">
      <c r="A302">
        <v>2</v>
      </c>
      <c r="B302">
        <v>92.147199999999998</v>
      </c>
      <c r="C302">
        <v>120.254</v>
      </c>
      <c r="D302">
        <v>188.43299999999999</v>
      </c>
      <c r="E302">
        <v>11622</v>
      </c>
      <c r="F302">
        <v>11055.1</v>
      </c>
      <c r="G302">
        <v>8390.5499999999993</v>
      </c>
      <c r="H302">
        <v>3.64567</v>
      </c>
      <c r="I302">
        <v>24961</v>
      </c>
      <c r="J302">
        <v>40.483199999999997</v>
      </c>
    </row>
    <row r="303" spans="1:10" x14ac:dyDescent="0.25">
      <c r="A303">
        <v>2</v>
      </c>
      <c r="B303">
        <v>103.25</v>
      </c>
      <c r="C303">
        <v>123.395</v>
      </c>
      <c r="D303">
        <v>187.18</v>
      </c>
      <c r="E303">
        <v>7455.12</v>
      </c>
      <c r="F303">
        <v>14881.9</v>
      </c>
      <c r="G303">
        <v>20466.099999999999</v>
      </c>
      <c r="H303">
        <v>3.3858299999999999</v>
      </c>
      <c r="I303">
        <v>25234.5</v>
      </c>
      <c r="J303">
        <v>101.872</v>
      </c>
    </row>
    <row r="304" spans="1:10" x14ac:dyDescent="0.25">
      <c r="A304">
        <v>2</v>
      </c>
      <c r="B304">
        <v>106.79300000000001</v>
      </c>
      <c r="C304">
        <v>113.65600000000001</v>
      </c>
      <c r="D304">
        <v>179.65799999999999</v>
      </c>
      <c r="E304">
        <v>7455.12</v>
      </c>
      <c r="F304">
        <v>12330.7</v>
      </c>
      <c r="G304">
        <v>19785.8</v>
      </c>
      <c r="H304">
        <v>4</v>
      </c>
      <c r="I304">
        <v>22198.400000000001</v>
      </c>
      <c r="J304">
        <v>62.941899999999997</v>
      </c>
    </row>
    <row r="305" spans="1:10" x14ac:dyDescent="0.25">
      <c r="A305">
        <v>2</v>
      </c>
      <c r="B305">
        <v>100.41500000000001</v>
      </c>
      <c r="C305">
        <v>128.108</v>
      </c>
      <c r="D305">
        <v>181.53899999999999</v>
      </c>
      <c r="E305">
        <v>12217.3</v>
      </c>
      <c r="F305">
        <v>10800</v>
      </c>
      <c r="G305">
        <v>28800</v>
      </c>
      <c r="H305">
        <v>1.07087</v>
      </c>
      <c r="I305">
        <v>29485.4</v>
      </c>
      <c r="J305">
        <v>109.203</v>
      </c>
    </row>
    <row r="306" spans="1:10" x14ac:dyDescent="0.25">
      <c r="A306">
        <v>2</v>
      </c>
      <c r="B306">
        <v>108.446</v>
      </c>
      <c r="C306">
        <v>111.45699999999999</v>
      </c>
      <c r="D306">
        <v>166.18299999999999</v>
      </c>
      <c r="E306">
        <v>9325.98</v>
      </c>
      <c r="F306">
        <v>23045.7</v>
      </c>
      <c r="G306">
        <v>21996.9</v>
      </c>
      <c r="H306">
        <v>3.2440899999999999</v>
      </c>
      <c r="I306">
        <v>38402.9</v>
      </c>
      <c r="J306">
        <v>29.566500000000001</v>
      </c>
    </row>
    <row r="307" spans="1:10" x14ac:dyDescent="0.25">
      <c r="A307">
        <v>2</v>
      </c>
      <c r="B307">
        <v>106.557</v>
      </c>
      <c r="C307">
        <v>112.71299999999999</v>
      </c>
      <c r="D307">
        <v>187.49299999999999</v>
      </c>
      <c r="E307">
        <v>13578</v>
      </c>
      <c r="F307">
        <v>27127.599999999999</v>
      </c>
      <c r="G307">
        <v>21316.5</v>
      </c>
      <c r="H307">
        <v>3.2440899999999999</v>
      </c>
      <c r="I307">
        <v>45339.5</v>
      </c>
      <c r="J307">
        <v>27.8629</v>
      </c>
    </row>
    <row r="308" spans="1:10" x14ac:dyDescent="0.25">
      <c r="A308">
        <v>2</v>
      </c>
      <c r="B308">
        <v>109.628</v>
      </c>
      <c r="C308">
        <v>127.48</v>
      </c>
      <c r="D308">
        <v>170.57</v>
      </c>
      <c r="E308">
        <v>10686.6</v>
      </c>
      <c r="F308">
        <v>12840.9</v>
      </c>
      <c r="G308">
        <v>27099.200000000001</v>
      </c>
      <c r="H308">
        <v>1.3307100000000001</v>
      </c>
      <c r="I308">
        <v>29899.3</v>
      </c>
      <c r="J308">
        <v>104.32299999999999</v>
      </c>
    </row>
    <row r="309" spans="1:10" x14ac:dyDescent="0.25">
      <c r="A309">
        <v>2</v>
      </c>
      <c r="B309">
        <v>103.958</v>
      </c>
      <c r="C309">
        <v>114.913</v>
      </c>
      <c r="D309">
        <v>156.46799999999999</v>
      </c>
      <c r="E309">
        <v>7965.35</v>
      </c>
      <c r="F309">
        <v>19218.900000000001</v>
      </c>
      <c r="G309">
        <v>27269.3</v>
      </c>
      <c r="H309">
        <v>2.1102400000000001</v>
      </c>
      <c r="I309">
        <v>57673.9</v>
      </c>
      <c r="J309">
        <v>24.662600000000001</v>
      </c>
    </row>
    <row r="310" spans="1:10" x14ac:dyDescent="0.25">
      <c r="A310">
        <v>2</v>
      </c>
      <c r="B310">
        <v>108.68300000000001</v>
      </c>
      <c r="C310">
        <v>119.31100000000001</v>
      </c>
      <c r="D310">
        <v>176.524</v>
      </c>
      <c r="E310">
        <v>7625.2</v>
      </c>
      <c r="F310">
        <v>11310.2</v>
      </c>
      <c r="G310">
        <v>18255.099999999999</v>
      </c>
      <c r="H310">
        <v>2.5354299999999999</v>
      </c>
      <c r="I310">
        <v>22023.599999999999</v>
      </c>
      <c r="J310">
        <v>42.276899999999998</v>
      </c>
    </row>
    <row r="311" spans="1:10" x14ac:dyDescent="0.25">
      <c r="A311">
        <v>2</v>
      </c>
      <c r="B311">
        <v>105.139</v>
      </c>
      <c r="C311">
        <v>119.31100000000001</v>
      </c>
      <c r="D311">
        <v>185.92599999999999</v>
      </c>
      <c r="E311">
        <v>13322.8</v>
      </c>
      <c r="F311">
        <v>37332.300000000003</v>
      </c>
      <c r="G311">
        <v>15874</v>
      </c>
      <c r="H311">
        <v>2.70079</v>
      </c>
      <c r="I311">
        <v>55463.199999999997</v>
      </c>
      <c r="J311">
        <v>33.577399999999997</v>
      </c>
    </row>
    <row r="312" spans="1:10" x14ac:dyDescent="0.25">
      <c r="A312">
        <v>2</v>
      </c>
      <c r="B312">
        <v>89.076400000000007</v>
      </c>
      <c r="C312">
        <v>124.652</v>
      </c>
      <c r="D312">
        <v>179.97200000000001</v>
      </c>
      <c r="E312">
        <v>7370.08</v>
      </c>
      <c r="F312">
        <v>11820.5</v>
      </c>
      <c r="G312">
        <v>21826.799999999999</v>
      </c>
      <c r="H312">
        <v>3.5039400000000001</v>
      </c>
      <c r="I312">
        <v>21390.1</v>
      </c>
      <c r="J312">
        <v>54.182099999999998</v>
      </c>
    </row>
    <row r="313" spans="1:10" x14ac:dyDescent="0.25">
      <c r="A313">
        <v>2</v>
      </c>
      <c r="B313">
        <v>106.79300000000001</v>
      </c>
      <c r="C313">
        <v>114.913</v>
      </c>
      <c r="D313">
        <v>186.553</v>
      </c>
      <c r="E313">
        <v>15533.9</v>
      </c>
      <c r="F313">
        <v>18453.5</v>
      </c>
      <c r="G313">
        <v>19955.900000000001</v>
      </c>
      <c r="H313">
        <v>3.19685</v>
      </c>
      <c r="I313">
        <v>38171.1</v>
      </c>
      <c r="J313">
        <v>26.7057</v>
      </c>
    </row>
    <row r="314" spans="1:10" x14ac:dyDescent="0.25">
      <c r="A314">
        <v>2</v>
      </c>
      <c r="B314">
        <v>107.029</v>
      </c>
      <c r="C314">
        <v>114.598</v>
      </c>
      <c r="D314">
        <v>169.94300000000001</v>
      </c>
      <c r="E314">
        <v>9240.94</v>
      </c>
      <c r="F314">
        <v>11310.2</v>
      </c>
      <c r="G314">
        <v>23867.7</v>
      </c>
      <c r="H314">
        <v>2.9842499999999998</v>
      </c>
      <c r="I314">
        <v>24266.6</v>
      </c>
      <c r="J314">
        <v>71.528300000000002</v>
      </c>
    </row>
    <row r="315" spans="1:10" x14ac:dyDescent="0.25">
      <c r="A315">
        <v>2</v>
      </c>
      <c r="B315">
        <v>94.745699999999999</v>
      </c>
      <c r="C315">
        <v>119.93899999999999</v>
      </c>
      <c r="D315">
        <v>177.77799999999999</v>
      </c>
      <c r="E315">
        <v>9921.26</v>
      </c>
      <c r="F315">
        <v>15137</v>
      </c>
      <c r="G315">
        <v>21996.9</v>
      </c>
      <c r="H315">
        <v>3.14961</v>
      </c>
      <c r="I315">
        <v>28664.6</v>
      </c>
      <c r="J315">
        <v>79.401399999999995</v>
      </c>
    </row>
    <row r="316" spans="1:10" x14ac:dyDescent="0.25">
      <c r="A316">
        <v>2</v>
      </c>
      <c r="B316">
        <v>106.084</v>
      </c>
      <c r="C316">
        <v>114.598</v>
      </c>
      <c r="D316">
        <v>164.30199999999999</v>
      </c>
      <c r="E316">
        <v>11452</v>
      </c>
      <c r="F316">
        <v>11820.5</v>
      </c>
      <c r="G316">
        <v>27269.3</v>
      </c>
      <c r="H316">
        <v>2.6063000000000001</v>
      </c>
      <c r="I316">
        <v>29999.200000000001</v>
      </c>
      <c r="J316">
        <v>41.190300000000001</v>
      </c>
    </row>
    <row r="317" spans="1:10" x14ac:dyDescent="0.25">
      <c r="A317">
        <v>2</v>
      </c>
      <c r="B317">
        <v>98.052800000000005</v>
      </c>
      <c r="C317">
        <v>112.08499999999999</v>
      </c>
      <c r="D317">
        <v>169.00299999999999</v>
      </c>
      <c r="E317">
        <v>8815.75</v>
      </c>
      <c r="F317">
        <v>12330.7</v>
      </c>
      <c r="G317">
        <v>9751.18</v>
      </c>
      <c r="H317">
        <v>3.4803099999999998</v>
      </c>
      <c r="I317">
        <v>25194.5</v>
      </c>
      <c r="J317">
        <v>105.14</v>
      </c>
    </row>
    <row r="318" spans="1:10" x14ac:dyDescent="0.25">
      <c r="A318">
        <v>2</v>
      </c>
      <c r="B318">
        <v>98.525199999999998</v>
      </c>
      <c r="C318">
        <v>120.254</v>
      </c>
      <c r="D318">
        <v>168.69</v>
      </c>
      <c r="E318">
        <v>12047.2</v>
      </c>
      <c r="F318">
        <v>11055.1</v>
      </c>
      <c r="G318">
        <v>9070.8700000000008</v>
      </c>
      <c r="H318">
        <v>3.4803099999999998</v>
      </c>
      <c r="I318">
        <v>26113.8</v>
      </c>
      <c r="J318">
        <v>80.350800000000007</v>
      </c>
    </row>
    <row r="319" spans="1:10" x14ac:dyDescent="0.25">
      <c r="A319">
        <v>2</v>
      </c>
      <c r="B319">
        <v>104.90300000000001</v>
      </c>
      <c r="C319">
        <v>114.598</v>
      </c>
      <c r="D319">
        <v>159.602</v>
      </c>
      <c r="E319">
        <v>16299.2</v>
      </c>
      <c r="F319">
        <v>14881.9</v>
      </c>
      <c r="G319">
        <v>20466.099999999999</v>
      </c>
      <c r="H319">
        <v>3.5275599999999998</v>
      </c>
      <c r="I319">
        <v>47968.2</v>
      </c>
      <c r="J319">
        <v>20.992999999999999</v>
      </c>
    </row>
    <row r="320" spans="1:10" x14ac:dyDescent="0.25">
      <c r="A320">
        <v>2</v>
      </c>
      <c r="B320">
        <v>89.076400000000007</v>
      </c>
      <c r="C320">
        <v>114.913</v>
      </c>
      <c r="D320">
        <v>167.43600000000001</v>
      </c>
      <c r="E320">
        <v>9411.02</v>
      </c>
      <c r="F320">
        <v>21515</v>
      </c>
      <c r="G320">
        <v>23357.5</v>
      </c>
      <c r="H320">
        <v>2.6299199999999998</v>
      </c>
      <c r="I320">
        <v>37699.5</v>
      </c>
      <c r="J320">
        <v>42.6828</v>
      </c>
    </row>
    <row r="321" spans="1:10" x14ac:dyDescent="0.25">
      <c r="A321">
        <v>2</v>
      </c>
      <c r="B321">
        <v>104.431</v>
      </c>
      <c r="C321">
        <v>114.913</v>
      </c>
      <c r="D321">
        <v>173.70400000000001</v>
      </c>
      <c r="E321">
        <v>9496.06</v>
      </c>
      <c r="F321">
        <v>37077.199999999997</v>
      </c>
      <c r="G321">
        <v>19955.900000000001</v>
      </c>
      <c r="H321">
        <v>3.7165400000000002</v>
      </c>
      <c r="I321">
        <v>51888.4</v>
      </c>
      <c r="J321">
        <v>34.610199999999999</v>
      </c>
    </row>
    <row r="322" spans="1:10" x14ac:dyDescent="0.25">
      <c r="A322">
        <v>2</v>
      </c>
      <c r="B322">
        <v>98.052800000000005</v>
      </c>
      <c r="C322">
        <v>110.828</v>
      </c>
      <c r="D322">
        <v>169.31700000000001</v>
      </c>
      <c r="E322">
        <v>11537</v>
      </c>
      <c r="F322">
        <v>24321.3</v>
      </c>
      <c r="G322">
        <v>12472.4</v>
      </c>
      <c r="H322">
        <v>2.9133900000000001</v>
      </c>
      <c r="I322">
        <v>41324.199999999997</v>
      </c>
      <c r="J322">
        <v>20.279499999999999</v>
      </c>
    </row>
    <row r="323" spans="1:10" x14ac:dyDescent="0.25">
      <c r="A323">
        <v>2</v>
      </c>
      <c r="B323">
        <v>89.076400000000007</v>
      </c>
      <c r="C323">
        <v>142.56</v>
      </c>
      <c r="D323">
        <v>169.94300000000001</v>
      </c>
      <c r="E323">
        <v>8050.39</v>
      </c>
      <c r="F323">
        <v>10800</v>
      </c>
      <c r="G323">
        <v>19785.8</v>
      </c>
      <c r="H323">
        <v>1.07087</v>
      </c>
      <c r="I323">
        <v>25997.9</v>
      </c>
      <c r="J323">
        <v>149.58500000000001</v>
      </c>
    </row>
    <row r="324" spans="1:10" x14ac:dyDescent="0.25">
      <c r="A324">
        <v>2</v>
      </c>
      <c r="B324">
        <v>109.628</v>
      </c>
      <c r="C324">
        <v>118.68300000000001</v>
      </c>
      <c r="D324">
        <v>170.25700000000001</v>
      </c>
      <c r="E324">
        <v>10686.6</v>
      </c>
      <c r="F324">
        <v>19218.900000000001</v>
      </c>
      <c r="G324">
        <v>15874</v>
      </c>
      <c r="H324">
        <v>1.2598400000000001</v>
      </c>
      <c r="I324">
        <v>39469.4</v>
      </c>
      <c r="J324">
        <v>28.443899999999999</v>
      </c>
    </row>
    <row r="325" spans="1:10" x14ac:dyDescent="0.25">
      <c r="A325">
        <v>2</v>
      </c>
      <c r="B325">
        <v>109.39100000000001</v>
      </c>
      <c r="C325">
        <v>122.767</v>
      </c>
      <c r="D325">
        <v>165.869</v>
      </c>
      <c r="E325">
        <v>15278.7</v>
      </c>
      <c r="F325">
        <v>35801.599999999999</v>
      </c>
      <c r="G325">
        <v>19955.900000000001</v>
      </c>
      <c r="H325">
        <v>1.1181099999999999</v>
      </c>
      <c r="I325">
        <v>62323.4</v>
      </c>
      <c r="J325">
        <v>43.808999999999997</v>
      </c>
    </row>
    <row r="326" spans="1:10" x14ac:dyDescent="0.25">
      <c r="A326">
        <v>2</v>
      </c>
      <c r="B326">
        <v>106.084</v>
      </c>
      <c r="C326">
        <v>112.08499999999999</v>
      </c>
      <c r="D326">
        <v>184.98599999999999</v>
      </c>
      <c r="E326">
        <v>12727.6</v>
      </c>
      <c r="F326">
        <v>18198.400000000001</v>
      </c>
      <c r="G326">
        <v>14513.4</v>
      </c>
      <c r="H326">
        <v>3.10236</v>
      </c>
      <c r="I326">
        <v>35050.9</v>
      </c>
      <c r="J326">
        <v>22.562000000000001</v>
      </c>
    </row>
    <row r="327" spans="1:10" x14ac:dyDescent="0.25">
      <c r="A327">
        <v>2</v>
      </c>
      <c r="B327">
        <v>82.462199999999996</v>
      </c>
      <c r="C327">
        <v>123.395</v>
      </c>
      <c r="D327">
        <v>163.67599999999999</v>
      </c>
      <c r="E327">
        <v>14258.3</v>
      </c>
      <c r="F327">
        <v>15137</v>
      </c>
      <c r="G327">
        <v>21826.799999999999</v>
      </c>
      <c r="H327">
        <v>1.1181099999999999</v>
      </c>
      <c r="I327">
        <v>40256</v>
      </c>
      <c r="J327">
        <v>84.377600000000001</v>
      </c>
    </row>
    <row r="328" spans="1:10" x14ac:dyDescent="0.25">
      <c r="A328">
        <v>2</v>
      </c>
      <c r="B328">
        <v>90.966099999999997</v>
      </c>
      <c r="C328">
        <v>133.44900000000001</v>
      </c>
      <c r="D328">
        <v>188.74600000000001</v>
      </c>
      <c r="E328">
        <v>10771.7</v>
      </c>
      <c r="F328">
        <v>17943.3</v>
      </c>
      <c r="G328">
        <v>23187.4</v>
      </c>
      <c r="H328">
        <v>2.5590600000000001</v>
      </c>
      <c r="I328">
        <v>31948.7</v>
      </c>
      <c r="J328">
        <v>133.03800000000001</v>
      </c>
    </row>
    <row r="329" spans="1:10" x14ac:dyDescent="0.25">
      <c r="A329">
        <v>2</v>
      </c>
      <c r="B329">
        <v>109.155</v>
      </c>
      <c r="C329">
        <v>140.04599999999999</v>
      </c>
      <c r="D329">
        <v>160.22800000000001</v>
      </c>
      <c r="E329">
        <v>8730.7099999999991</v>
      </c>
      <c r="F329">
        <v>12585.8</v>
      </c>
      <c r="G329">
        <v>10261.4</v>
      </c>
      <c r="H329">
        <v>2.8425199999999999</v>
      </c>
      <c r="I329">
        <v>33796.6</v>
      </c>
      <c r="J329">
        <v>140.81200000000001</v>
      </c>
    </row>
    <row r="330" spans="1:10" x14ac:dyDescent="0.25">
      <c r="A330">
        <v>2</v>
      </c>
      <c r="B330">
        <v>90.021299999999997</v>
      </c>
      <c r="C330">
        <v>147.27199999999999</v>
      </c>
      <c r="D330">
        <v>183.732</v>
      </c>
      <c r="E330">
        <v>8135.43</v>
      </c>
      <c r="F330">
        <v>13351.2</v>
      </c>
      <c r="G330">
        <v>17234.599999999999</v>
      </c>
      <c r="H330">
        <v>2.7244100000000002</v>
      </c>
      <c r="I330">
        <v>24191.3</v>
      </c>
      <c r="J330">
        <v>158.80000000000001</v>
      </c>
    </row>
    <row r="331" spans="1:10" x14ac:dyDescent="0.25">
      <c r="A331">
        <v>2</v>
      </c>
      <c r="B331">
        <v>87.186599999999999</v>
      </c>
      <c r="C331">
        <v>114.598</v>
      </c>
      <c r="D331">
        <v>188.12</v>
      </c>
      <c r="E331">
        <v>9921.26</v>
      </c>
      <c r="F331">
        <v>17688.2</v>
      </c>
      <c r="G331">
        <v>21656.7</v>
      </c>
      <c r="H331">
        <v>3.1259800000000002</v>
      </c>
      <c r="I331">
        <v>30920.7</v>
      </c>
      <c r="J331">
        <v>30.158799999999999</v>
      </c>
    </row>
    <row r="332" spans="1:10" x14ac:dyDescent="0.25">
      <c r="A332">
        <v>2</v>
      </c>
      <c r="B332">
        <v>102.30500000000001</v>
      </c>
      <c r="C332">
        <v>117.11199999999999</v>
      </c>
      <c r="D332">
        <v>190</v>
      </c>
      <c r="E332">
        <v>16639.400000000001</v>
      </c>
      <c r="F332">
        <v>27637.8</v>
      </c>
      <c r="G332">
        <v>27269.3</v>
      </c>
      <c r="H332">
        <v>2.2283499999999998</v>
      </c>
      <c r="I332">
        <v>48774.400000000001</v>
      </c>
      <c r="J332">
        <v>44.500300000000003</v>
      </c>
    </row>
    <row r="333" spans="1:10" x14ac:dyDescent="0.25">
      <c r="A333">
        <v>2</v>
      </c>
      <c r="B333">
        <v>96.635400000000004</v>
      </c>
      <c r="C333">
        <v>114.598</v>
      </c>
      <c r="D333">
        <v>189.37299999999999</v>
      </c>
      <c r="E333">
        <v>7455.12</v>
      </c>
      <c r="F333">
        <v>21004.7</v>
      </c>
      <c r="G333">
        <v>21486.6</v>
      </c>
      <c r="H333">
        <v>1.1417299999999999</v>
      </c>
      <c r="I333">
        <v>35958.699999999997</v>
      </c>
      <c r="J333">
        <v>34.413800000000002</v>
      </c>
    </row>
    <row r="334" spans="1:10" x14ac:dyDescent="0.25">
      <c r="A334">
        <v>2</v>
      </c>
      <c r="B334">
        <v>100.651</v>
      </c>
      <c r="C334">
        <v>124.33799999999999</v>
      </c>
      <c r="D334">
        <v>166.809</v>
      </c>
      <c r="E334">
        <v>15448.8</v>
      </c>
      <c r="F334">
        <v>13096.1</v>
      </c>
      <c r="G334">
        <v>18425.2</v>
      </c>
      <c r="H334">
        <v>3.9527600000000001</v>
      </c>
      <c r="I334">
        <v>34690</v>
      </c>
      <c r="J334">
        <v>108.42</v>
      </c>
    </row>
    <row r="335" spans="1:10" x14ac:dyDescent="0.25">
      <c r="A335">
        <v>2</v>
      </c>
      <c r="B335">
        <v>91.674800000000005</v>
      </c>
      <c r="C335">
        <v>132.506</v>
      </c>
      <c r="D335">
        <v>171.51</v>
      </c>
      <c r="E335">
        <v>8390.5499999999993</v>
      </c>
      <c r="F335">
        <v>14371.7</v>
      </c>
      <c r="G335">
        <v>8390.5499999999993</v>
      </c>
      <c r="H335">
        <v>2.6299199999999998</v>
      </c>
      <c r="I335">
        <v>26790.3</v>
      </c>
      <c r="J335">
        <v>135.83699999999999</v>
      </c>
    </row>
    <row r="336" spans="1:10" x14ac:dyDescent="0.25">
      <c r="A336">
        <v>2</v>
      </c>
      <c r="B336">
        <v>90.966099999999997</v>
      </c>
      <c r="C336">
        <v>113.342</v>
      </c>
      <c r="D336">
        <v>168.69</v>
      </c>
      <c r="E336">
        <v>10771.7</v>
      </c>
      <c r="F336">
        <v>13351.2</v>
      </c>
      <c r="G336">
        <v>12302.4</v>
      </c>
      <c r="H336">
        <v>2.70079</v>
      </c>
      <c r="I336">
        <v>28232.799999999999</v>
      </c>
      <c r="J336">
        <v>68.5608</v>
      </c>
    </row>
    <row r="337" spans="1:10" x14ac:dyDescent="0.25">
      <c r="A337">
        <v>2</v>
      </c>
      <c r="B337">
        <v>109.39100000000001</v>
      </c>
      <c r="C337">
        <v>111.45699999999999</v>
      </c>
      <c r="D337">
        <v>163.67599999999999</v>
      </c>
      <c r="E337">
        <v>12047.2</v>
      </c>
      <c r="F337">
        <v>26362.2</v>
      </c>
      <c r="G337">
        <v>12472.4</v>
      </c>
      <c r="H337">
        <v>3.1259800000000002</v>
      </c>
      <c r="I337">
        <v>45916.3</v>
      </c>
      <c r="J337">
        <v>29.013300000000001</v>
      </c>
    </row>
    <row r="338" spans="1:10" x14ac:dyDescent="0.25">
      <c r="A338">
        <v>2</v>
      </c>
      <c r="B338">
        <v>105.139</v>
      </c>
      <c r="C338">
        <v>114.598</v>
      </c>
      <c r="D338">
        <v>163.989</v>
      </c>
      <c r="E338">
        <v>10091.299999999999</v>
      </c>
      <c r="F338">
        <v>10800</v>
      </c>
      <c r="G338">
        <v>28629.9</v>
      </c>
      <c r="H338">
        <v>1.1417299999999999</v>
      </c>
      <c r="I338">
        <v>30333.4</v>
      </c>
      <c r="J338">
        <v>60.180399999999999</v>
      </c>
    </row>
    <row r="339" spans="1:10" x14ac:dyDescent="0.25">
      <c r="A339">
        <v>2</v>
      </c>
      <c r="B339">
        <v>104.667</v>
      </c>
      <c r="C339">
        <v>112.399</v>
      </c>
      <c r="D339">
        <v>169.00299999999999</v>
      </c>
      <c r="E339">
        <v>9411.02</v>
      </c>
      <c r="F339">
        <v>11820.5</v>
      </c>
      <c r="G339">
        <v>20466.099999999999</v>
      </c>
      <c r="H339">
        <v>2.6063000000000001</v>
      </c>
      <c r="I339">
        <v>25581</v>
      </c>
      <c r="J339">
        <v>76.786299999999997</v>
      </c>
    </row>
    <row r="340" spans="1:10" x14ac:dyDescent="0.25">
      <c r="A340">
        <v>2</v>
      </c>
      <c r="B340">
        <v>97.107900000000001</v>
      </c>
      <c r="C340">
        <v>114.598</v>
      </c>
      <c r="D340">
        <v>167.75</v>
      </c>
      <c r="E340">
        <v>11281.9</v>
      </c>
      <c r="F340">
        <v>12330.7</v>
      </c>
      <c r="G340">
        <v>9411.02</v>
      </c>
      <c r="H340">
        <v>3.90551</v>
      </c>
      <c r="I340">
        <v>27622.1</v>
      </c>
      <c r="J340">
        <v>57.878900000000002</v>
      </c>
    </row>
    <row r="341" spans="1:10" x14ac:dyDescent="0.25">
      <c r="A341">
        <v>2</v>
      </c>
      <c r="B341">
        <v>83.4071</v>
      </c>
      <c r="C341">
        <v>123.395</v>
      </c>
      <c r="D341">
        <v>182.47900000000001</v>
      </c>
      <c r="E341">
        <v>11196.9</v>
      </c>
      <c r="F341">
        <v>13351.2</v>
      </c>
      <c r="G341">
        <v>18425.2</v>
      </c>
      <c r="H341">
        <v>1.51969</v>
      </c>
      <c r="I341">
        <v>29707.9</v>
      </c>
      <c r="J341">
        <v>82.252099999999999</v>
      </c>
    </row>
    <row r="342" spans="1:10" x14ac:dyDescent="0.25">
      <c r="A342">
        <v>2</v>
      </c>
      <c r="B342">
        <v>89.312600000000003</v>
      </c>
      <c r="C342">
        <v>116.169</v>
      </c>
      <c r="D342">
        <v>167.43600000000001</v>
      </c>
      <c r="E342">
        <v>8050.39</v>
      </c>
      <c r="F342">
        <v>18963.8</v>
      </c>
      <c r="G342">
        <v>28629.9</v>
      </c>
      <c r="H342">
        <v>2.6299199999999998</v>
      </c>
      <c r="I342">
        <v>33475.5</v>
      </c>
      <c r="J342">
        <v>38.310099999999998</v>
      </c>
    </row>
    <row r="343" spans="1:10" x14ac:dyDescent="0.25">
      <c r="A343">
        <v>2</v>
      </c>
      <c r="B343">
        <v>109.39100000000001</v>
      </c>
      <c r="C343">
        <v>138.79</v>
      </c>
      <c r="D343">
        <v>180.91200000000001</v>
      </c>
      <c r="E343">
        <v>11026.8</v>
      </c>
      <c r="F343">
        <v>19218.900000000001</v>
      </c>
      <c r="G343">
        <v>16554.3</v>
      </c>
      <c r="H343">
        <v>1.2598400000000001</v>
      </c>
      <c r="I343">
        <v>36444.5</v>
      </c>
      <c r="J343">
        <v>131.57300000000001</v>
      </c>
    </row>
    <row r="344" spans="1:10" x14ac:dyDescent="0.25">
      <c r="A344">
        <v>2</v>
      </c>
      <c r="B344">
        <v>98.997600000000006</v>
      </c>
      <c r="C344">
        <v>111.45699999999999</v>
      </c>
      <c r="D344">
        <v>166.18299999999999</v>
      </c>
      <c r="E344">
        <v>15448.8</v>
      </c>
      <c r="F344">
        <v>37332.300000000003</v>
      </c>
      <c r="G344">
        <v>18425.2</v>
      </c>
      <c r="H344">
        <v>3.19685</v>
      </c>
      <c r="I344">
        <v>61600.800000000003</v>
      </c>
      <c r="J344">
        <v>21.729199999999999</v>
      </c>
    </row>
    <row r="345" spans="1:10" x14ac:dyDescent="0.25">
      <c r="A345">
        <v>2</v>
      </c>
      <c r="B345">
        <v>92.619699999999995</v>
      </c>
      <c r="C345">
        <v>140.04599999999999</v>
      </c>
      <c r="D345">
        <v>174.33099999999999</v>
      </c>
      <c r="E345">
        <v>10686.6</v>
      </c>
      <c r="F345">
        <v>19729.099999999999</v>
      </c>
      <c r="G345">
        <v>11111.8</v>
      </c>
      <c r="H345">
        <v>1.1181099999999999</v>
      </c>
      <c r="I345">
        <v>36347.5</v>
      </c>
      <c r="J345">
        <v>143.92599999999999</v>
      </c>
    </row>
    <row r="346" spans="1:10" x14ac:dyDescent="0.25">
      <c r="A346">
        <v>2</v>
      </c>
      <c r="B346">
        <v>92.855900000000005</v>
      </c>
      <c r="C346">
        <v>114.598</v>
      </c>
      <c r="D346">
        <v>169.63</v>
      </c>
      <c r="E346">
        <v>12047.2</v>
      </c>
      <c r="F346">
        <v>11055.1</v>
      </c>
      <c r="G346">
        <v>20466.099999999999</v>
      </c>
      <c r="H346">
        <v>3.3622000000000001</v>
      </c>
      <c r="I346">
        <v>27112.7</v>
      </c>
      <c r="J346">
        <v>100.239</v>
      </c>
    </row>
    <row r="347" spans="1:10" x14ac:dyDescent="0.25">
      <c r="A347">
        <v>2</v>
      </c>
      <c r="B347">
        <v>88.840199999999996</v>
      </c>
      <c r="C347">
        <v>127.48</v>
      </c>
      <c r="D347">
        <v>168.69</v>
      </c>
      <c r="E347">
        <v>8730.7099999999991</v>
      </c>
      <c r="F347">
        <v>19218.900000000001</v>
      </c>
      <c r="G347">
        <v>17915</v>
      </c>
      <c r="H347">
        <v>3.64567</v>
      </c>
      <c r="I347">
        <v>33721.599999999999</v>
      </c>
      <c r="J347">
        <v>115.494</v>
      </c>
    </row>
    <row r="348" spans="1:10" x14ac:dyDescent="0.25">
      <c r="A348">
        <v>2</v>
      </c>
      <c r="B348">
        <v>108.919</v>
      </c>
      <c r="C348">
        <v>124.652</v>
      </c>
      <c r="D348">
        <v>184.35900000000001</v>
      </c>
      <c r="E348">
        <v>8645.67</v>
      </c>
      <c r="F348">
        <v>12840.9</v>
      </c>
      <c r="G348">
        <v>25568.5</v>
      </c>
      <c r="H348">
        <v>1.09449</v>
      </c>
      <c r="I348">
        <v>29242.1</v>
      </c>
      <c r="J348">
        <v>31.8809</v>
      </c>
    </row>
    <row r="349" spans="1:10" x14ac:dyDescent="0.25">
      <c r="A349">
        <v>2</v>
      </c>
      <c r="B349">
        <v>108.446</v>
      </c>
      <c r="C349">
        <v>146.01599999999999</v>
      </c>
      <c r="D349">
        <v>179.65799999999999</v>
      </c>
      <c r="E349">
        <v>8305.51</v>
      </c>
      <c r="F349">
        <v>11820.5</v>
      </c>
      <c r="G349">
        <v>13833.1</v>
      </c>
      <c r="H349">
        <v>3.10236</v>
      </c>
      <c r="I349">
        <v>22817.599999999999</v>
      </c>
      <c r="J349">
        <v>151.34700000000001</v>
      </c>
    </row>
    <row r="350" spans="1:10" x14ac:dyDescent="0.25">
      <c r="A350">
        <v>2</v>
      </c>
      <c r="B350">
        <v>106.557</v>
      </c>
      <c r="C350">
        <v>119.625</v>
      </c>
      <c r="D350">
        <v>188.43299999999999</v>
      </c>
      <c r="E350">
        <v>11196.9</v>
      </c>
      <c r="F350">
        <v>23300.799999999999</v>
      </c>
      <c r="G350">
        <v>13152.8</v>
      </c>
      <c r="H350">
        <v>3.2204700000000002</v>
      </c>
      <c r="I350">
        <v>39928.1</v>
      </c>
      <c r="J350">
        <v>38.6233</v>
      </c>
    </row>
    <row r="351" spans="1:10" x14ac:dyDescent="0.25">
      <c r="A351">
        <v>2</v>
      </c>
      <c r="B351">
        <v>109.628</v>
      </c>
      <c r="C351">
        <v>119.625</v>
      </c>
      <c r="D351">
        <v>173.39099999999999</v>
      </c>
      <c r="E351">
        <v>18000</v>
      </c>
      <c r="F351">
        <v>27637.8</v>
      </c>
      <c r="G351">
        <v>14343.3</v>
      </c>
      <c r="H351">
        <v>1.80315</v>
      </c>
      <c r="I351">
        <v>52895.5</v>
      </c>
      <c r="J351">
        <v>31.797799999999999</v>
      </c>
    </row>
    <row r="352" spans="1:10" x14ac:dyDescent="0.25">
      <c r="A352">
        <v>2</v>
      </c>
      <c r="B352">
        <v>105.139</v>
      </c>
      <c r="C352">
        <v>114.913</v>
      </c>
      <c r="D352">
        <v>187.80600000000001</v>
      </c>
      <c r="E352">
        <v>9240.94</v>
      </c>
      <c r="F352">
        <v>27127.599999999999</v>
      </c>
      <c r="G352">
        <v>21826.799999999999</v>
      </c>
      <c r="H352">
        <v>2.8425199999999999</v>
      </c>
      <c r="I352">
        <v>40556.400000000001</v>
      </c>
      <c r="J352">
        <v>35.065300000000001</v>
      </c>
    </row>
    <row r="353" spans="1:10" x14ac:dyDescent="0.25">
      <c r="A353">
        <v>2</v>
      </c>
      <c r="B353">
        <v>98.052800000000005</v>
      </c>
      <c r="C353">
        <v>114.598</v>
      </c>
      <c r="D353">
        <v>183.10599999999999</v>
      </c>
      <c r="E353">
        <v>10006.299999999999</v>
      </c>
      <c r="F353">
        <v>16922.8</v>
      </c>
      <c r="G353">
        <v>8220.4699999999993</v>
      </c>
      <c r="H353">
        <v>1.6141700000000001</v>
      </c>
      <c r="I353">
        <v>30995</v>
      </c>
      <c r="J353">
        <v>32.203499999999998</v>
      </c>
    </row>
    <row r="354" spans="1:10" x14ac:dyDescent="0.25">
      <c r="A354">
        <v>2</v>
      </c>
      <c r="B354">
        <v>94.981899999999996</v>
      </c>
      <c r="C354">
        <v>114.913</v>
      </c>
      <c r="D354">
        <v>189.68700000000001</v>
      </c>
      <c r="E354">
        <v>15959.1</v>
      </c>
      <c r="F354">
        <v>15137</v>
      </c>
      <c r="G354">
        <v>17234.599999999999</v>
      </c>
      <c r="H354">
        <v>1.6377999999999999</v>
      </c>
      <c r="I354">
        <v>36130.6</v>
      </c>
      <c r="J354">
        <v>32.9572</v>
      </c>
    </row>
    <row r="355" spans="1:10" x14ac:dyDescent="0.25">
      <c r="A355">
        <v>2</v>
      </c>
      <c r="B355">
        <v>108.446</v>
      </c>
      <c r="C355">
        <v>116.169</v>
      </c>
      <c r="D355">
        <v>159.91499999999999</v>
      </c>
      <c r="E355">
        <v>9921.26</v>
      </c>
      <c r="F355">
        <v>10800</v>
      </c>
      <c r="G355">
        <v>15193.7</v>
      </c>
      <c r="H355">
        <v>3.0551200000000001</v>
      </c>
      <c r="I355">
        <v>37560.300000000003</v>
      </c>
      <c r="J355">
        <v>49.7134</v>
      </c>
    </row>
    <row r="356" spans="1:10" x14ac:dyDescent="0.25">
      <c r="A356">
        <v>2</v>
      </c>
      <c r="B356">
        <v>96.399199999999993</v>
      </c>
      <c r="C356">
        <v>119.93899999999999</v>
      </c>
      <c r="D356">
        <v>179.65799999999999</v>
      </c>
      <c r="E356">
        <v>11877.2</v>
      </c>
      <c r="F356">
        <v>20494.5</v>
      </c>
      <c r="G356">
        <v>13152.8</v>
      </c>
      <c r="H356">
        <v>1.2598400000000001</v>
      </c>
      <c r="I356">
        <v>40031.699999999997</v>
      </c>
      <c r="J356">
        <v>28.900700000000001</v>
      </c>
    </row>
    <row r="357" spans="1:10" x14ac:dyDescent="0.25">
      <c r="A357">
        <v>2</v>
      </c>
      <c r="B357">
        <v>86.714200000000005</v>
      </c>
      <c r="C357">
        <v>113.342</v>
      </c>
      <c r="D357">
        <v>184.98599999999999</v>
      </c>
      <c r="E357">
        <v>10006.299999999999</v>
      </c>
      <c r="F357">
        <v>10800</v>
      </c>
      <c r="G357">
        <v>20466.099999999999</v>
      </c>
      <c r="H357">
        <v>1.89764</v>
      </c>
      <c r="I357">
        <v>24644.799999999999</v>
      </c>
      <c r="J357">
        <v>97.9315</v>
      </c>
    </row>
    <row r="358" spans="1:10" x14ac:dyDescent="0.25">
      <c r="A358">
        <v>2</v>
      </c>
      <c r="B358">
        <v>89.076400000000007</v>
      </c>
      <c r="C358">
        <v>119.93899999999999</v>
      </c>
      <c r="D358">
        <v>188.43299999999999</v>
      </c>
      <c r="E358">
        <v>9921.26</v>
      </c>
      <c r="F358">
        <v>15392.1</v>
      </c>
      <c r="G358">
        <v>10941.7</v>
      </c>
      <c r="H358">
        <v>2.8425199999999999</v>
      </c>
      <c r="I358">
        <v>29996.6</v>
      </c>
      <c r="J358">
        <v>33.254399999999997</v>
      </c>
    </row>
    <row r="359" spans="1:10" x14ac:dyDescent="0.25">
      <c r="A359">
        <v>2</v>
      </c>
      <c r="B359">
        <v>86.714200000000005</v>
      </c>
      <c r="C359">
        <v>119.625</v>
      </c>
      <c r="D359">
        <v>160.542</v>
      </c>
      <c r="E359">
        <v>10771.7</v>
      </c>
      <c r="F359">
        <v>29678.7</v>
      </c>
      <c r="G359">
        <v>11962.2</v>
      </c>
      <c r="H359">
        <v>2.70079</v>
      </c>
      <c r="I359">
        <v>55170.6</v>
      </c>
      <c r="J359">
        <v>66.823800000000006</v>
      </c>
    </row>
    <row r="360" spans="1:10" x14ac:dyDescent="0.25">
      <c r="A360">
        <v>2</v>
      </c>
      <c r="B360">
        <v>104.667</v>
      </c>
      <c r="C360">
        <v>138.79</v>
      </c>
      <c r="D360">
        <v>166.49600000000001</v>
      </c>
      <c r="E360">
        <v>7795.28</v>
      </c>
      <c r="F360">
        <v>12330.7</v>
      </c>
      <c r="G360">
        <v>20636.2</v>
      </c>
      <c r="H360">
        <v>3.8582700000000001</v>
      </c>
      <c r="I360">
        <v>24766.6</v>
      </c>
      <c r="J360">
        <v>147.15199999999999</v>
      </c>
    </row>
    <row r="361" spans="1:10" x14ac:dyDescent="0.25">
      <c r="A361">
        <v>2</v>
      </c>
      <c r="B361">
        <v>86.241699999999994</v>
      </c>
      <c r="C361">
        <v>123.395</v>
      </c>
      <c r="D361">
        <v>184.672</v>
      </c>
      <c r="E361">
        <v>9155.91</v>
      </c>
      <c r="F361">
        <v>16412.599999999999</v>
      </c>
      <c r="G361">
        <v>26589</v>
      </c>
      <c r="H361">
        <v>3.4094500000000001</v>
      </c>
      <c r="I361">
        <v>30259.599999999999</v>
      </c>
      <c r="J361">
        <v>40.8996</v>
      </c>
    </row>
    <row r="362" spans="1:10" x14ac:dyDescent="0.25">
      <c r="A362">
        <v>2</v>
      </c>
      <c r="B362">
        <v>108.21</v>
      </c>
      <c r="C362">
        <v>129.05000000000001</v>
      </c>
      <c r="D362">
        <v>159.91499999999999</v>
      </c>
      <c r="E362">
        <v>10686.6</v>
      </c>
      <c r="F362">
        <v>19218.900000000001</v>
      </c>
      <c r="G362">
        <v>26589</v>
      </c>
      <c r="H362">
        <v>2.20472</v>
      </c>
      <c r="I362">
        <v>48849.2</v>
      </c>
      <c r="J362">
        <v>101.768</v>
      </c>
    </row>
    <row r="363" spans="1:10" x14ac:dyDescent="0.25">
      <c r="A363">
        <v>2</v>
      </c>
      <c r="B363">
        <v>104.667</v>
      </c>
      <c r="C363">
        <v>137.53299999999999</v>
      </c>
      <c r="D363">
        <v>168.376</v>
      </c>
      <c r="E363">
        <v>7370.08</v>
      </c>
      <c r="F363">
        <v>11055.1</v>
      </c>
      <c r="G363">
        <v>15193.7</v>
      </c>
      <c r="H363">
        <v>2.7716500000000002</v>
      </c>
      <c r="I363">
        <v>22962</v>
      </c>
      <c r="J363">
        <v>140.42599999999999</v>
      </c>
    </row>
    <row r="364" spans="1:10" x14ac:dyDescent="0.25">
      <c r="A364">
        <v>2</v>
      </c>
      <c r="B364">
        <v>106.79300000000001</v>
      </c>
      <c r="C364">
        <v>114.28400000000001</v>
      </c>
      <c r="D364">
        <v>166.18299999999999</v>
      </c>
      <c r="E364">
        <v>8050.39</v>
      </c>
      <c r="F364">
        <v>15902.4</v>
      </c>
      <c r="G364">
        <v>13152.8</v>
      </c>
      <c r="H364">
        <v>1.7086600000000001</v>
      </c>
      <c r="I364">
        <v>28693.200000000001</v>
      </c>
      <c r="J364">
        <v>30.1007</v>
      </c>
    </row>
    <row r="365" spans="1:10" x14ac:dyDescent="0.25">
      <c r="A365">
        <v>2</v>
      </c>
      <c r="B365">
        <v>93.092100000000002</v>
      </c>
      <c r="C365">
        <v>113.97</v>
      </c>
      <c r="D365">
        <v>168.69</v>
      </c>
      <c r="E365">
        <v>11537</v>
      </c>
      <c r="F365">
        <v>15647.2</v>
      </c>
      <c r="G365">
        <v>21826.799999999999</v>
      </c>
      <c r="H365">
        <v>3.8346499999999999</v>
      </c>
      <c r="I365">
        <v>30490.5</v>
      </c>
      <c r="J365">
        <v>36.780299999999997</v>
      </c>
    </row>
    <row r="366" spans="1:10" x14ac:dyDescent="0.25">
      <c r="A366">
        <v>2</v>
      </c>
      <c r="B366">
        <v>97.107900000000001</v>
      </c>
      <c r="C366">
        <v>111.143</v>
      </c>
      <c r="D366">
        <v>179.65799999999999</v>
      </c>
      <c r="E366">
        <v>11452</v>
      </c>
      <c r="F366">
        <v>11310.2</v>
      </c>
      <c r="G366">
        <v>8050.39</v>
      </c>
      <c r="H366">
        <v>3.45669</v>
      </c>
      <c r="I366">
        <v>25595.8</v>
      </c>
      <c r="J366">
        <v>95.362899999999996</v>
      </c>
    </row>
    <row r="367" spans="1:10" x14ac:dyDescent="0.25">
      <c r="A367">
        <v>2</v>
      </c>
      <c r="B367">
        <v>97.580299999999994</v>
      </c>
      <c r="C367">
        <v>113.65600000000001</v>
      </c>
      <c r="D367">
        <v>166.49600000000001</v>
      </c>
      <c r="E367">
        <v>14173.2</v>
      </c>
      <c r="F367">
        <v>14371.7</v>
      </c>
      <c r="G367">
        <v>9070.8700000000008</v>
      </c>
      <c r="H367">
        <v>2.9133900000000001</v>
      </c>
      <c r="I367">
        <v>32902.5</v>
      </c>
      <c r="J367">
        <v>36.156599999999997</v>
      </c>
    </row>
    <row r="368" spans="1:10" x14ac:dyDescent="0.25">
      <c r="A368">
        <v>2</v>
      </c>
      <c r="B368">
        <v>81.517300000000006</v>
      </c>
      <c r="C368">
        <v>114.913</v>
      </c>
      <c r="D368">
        <v>184.35900000000001</v>
      </c>
      <c r="E368">
        <v>9921.26</v>
      </c>
      <c r="F368">
        <v>14881.9</v>
      </c>
      <c r="G368">
        <v>21146.5</v>
      </c>
      <c r="H368">
        <v>2.8661400000000001</v>
      </c>
      <c r="I368">
        <v>27484.9</v>
      </c>
      <c r="J368">
        <v>55.262300000000003</v>
      </c>
    </row>
    <row r="369" spans="1:10" x14ac:dyDescent="0.25">
      <c r="A369">
        <v>2</v>
      </c>
      <c r="B369">
        <v>103.25</v>
      </c>
      <c r="C369">
        <v>114.913</v>
      </c>
      <c r="D369">
        <v>166.809</v>
      </c>
      <c r="E369">
        <v>8560.6299999999992</v>
      </c>
      <c r="F369">
        <v>15392.1</v>
      </c>
      <c r="G369">
        <v>19105.5</v>
      </c>
      <c r="H369">
        <v>2.6063000000000001</v>
      </c>
      <c r="I369">
        <v>28649.4</v>
      </c>
      <c r="J369">
        <v>33.518099999999997</v>
      </c>
    </row>
    <row r="370" spans="1:10" x14ac:dyDescent="0.25">
      <c r="A370">
        <v>2</v>
      </c>
      <c r="B370">
        <v>88.131500000000003</v>
      </c>
      <c r="C370">
        <v>132.19200000000001</v>
      </c>
      <c r="D370">
        <v>183.732</v>
      </c>
      <c r="E370">
        <v>10091.299999999999</v>
      </c>
      <c r="F370">
        <v>17178</v>
      </c>
      <c r="G370">
        <v>28800</v>
      </c>
      <c r="H370">
        <v>1.2362200000000001</v>
      </c>
      <c r="I370">
        <v>32773.4</v>
      </c>
      <c r="J370">
        <v>133.68100000000001</v>
      </c>
    </row>
    <row r="371" spans="1:10" x14ac:dyDescent="0.25">
      <c r="A371">
        <v>2</v>
      </c>
      <c r="B371">
        <v>107.265</v>
      </c>
      <c r="C371">
        <v>124.652</v>
      </c>
      <c r="D371">
        <v>169.94300000000001</v>
      </c>
      <c r="E371">
        <v>10601.6</v>
      </c>
      <c r="F371">
        <v>10800</v>
      </c>
      <c r="G371">
        <v>20466.099999999999</v>
      </c>
      <c r="H371">
        <v>3.7637800000000001</v>
      </c>
      <c r="I371">
        <v>24071.200000000001</v>
      </c>
      <c r="J371">
        <v>35.462600000000002</v>
      </c>
    </row>
    <row r="372" spans="1:10" x14ac:dyDescent="0.25">
      <c r="A372">
        <v>2</v>
      </c>
      <c r="B372">
        <v>88.367699999999999</v>
      </c>
      <c r="C372">
        <v>113.342</v>
      </c>
      <c r="D372">
        <v>169.94300000000001</v>
      </c>
      <c r="E372">
        <v>15448.8</v>
      </c>
      <c r="F372">
        <v>11565.4</v>
      </c>
      <c r="G372">
        <v>23357.5</v>
      </c>
      <c r="H372">
        <v>3.2913399999999999</v>
      </c>
      <c r="I372">
        <v>30902.400000000001</v>
      </c>
      <c r="J372">
        <v>89.853399999999993</v>
      </c>
    </row>
    <row r="373" spans="1:10" x14ac:dyDescent="0.25">
      <c r="A373">
        <v>2</v>
      </c>
      <c r="B373">
        <v>98.052800000000005</v>
      </c>
      <c r="C373">
        <v>112.08499999999999</v>
      </c>
      <c r="D373">
        <v>169.00299999999999</v>
      </c>
      <c r="E373">
        <v>11537</v>
      </c>
      <c r="F373">
        <v>17433.099999999999</v>
      </c>
      <c r="G373">
        <v>19275.599999999999</v>
      </c>
      <c r="H373">
        <v>3.3622000000000001</v>
      </c>
      <c r="I373">
        <v>34197.699999999997</v>
      </c>
      <c r="J373">
        <v>31.634</v>
      </c>
    </row>
    <row r="374" spans="1:10" x14ac:dyDescent="0.25">
      <c r="A374">
        <v>2</v>
      </c>
      <c r="B374">
        <v>98.525199999999998</v>
      </c>
      <c r="C374">
        <v>117.11199999999999</v>
      </c>
      <c r="D374">
        <v>168.376</v>
      </c>
      <c r="E374">
        <v>9070.8700000000008</v>
      </c>
      <c r="F374">
        <v>19474</v>
      </c>
      <c r="G374">
        <v>24548</v>
      </c>
      <c r="H374">
        <v>3.7873999999999999</v>
      </c>
      <c r="I374">
        <v>34872.400000000001</v>
      </c>
      <c r="J374">
        <v>36.564300000000003</v>
      </c>
    </row>
    <row r="375" spans="1:10" x14ac:dyDescent="0.25">
      <c r="A375">
        <v>2</v>
      </c>
      <c r="B375">
        <v>104.90300000000001</v>
      </c>
      <c r="C375">
        <v>119.625</v>
      </c>
      <c r="D375">
        <v>173.70400000000001</v>
      </c>
      <c r="E375">
        <v>12982.7</v>
      </c>
      <c r="F375">
        <v>21004.7</v>
      </c>
      <c r="G375">
        <v>16554.3</v>
      </c>
      <c r="H375">
        <v>1.2362200000000001</v>
      </c>
      <c r="I375">
        <v>41747.4</v>
      </c>
      <c r="J375">
        <v>33.465699999999998</v>
      </c>
    </row>
    <row r="376" spans="1:10" x14ac:dyDescent="0.25">
      <c r="A376">
        <v>2</v>
      </c>
      <c r="B376">
        <v>88.367699999999999</v>
      </c>
      <c r="C376">
        <v>114.913</v>
      </c>
      <c r="D376">
        <v>166.49600000000001</v>
      </c>
      <c r="E376">
        <v>10091.299999999999</v>
      </c>
      <c r="F376">
        <v>16922.8</v>
      </c>
      <c r="G376">
        <v>22507.1</v>
      </c>
      <c r="H376">
        <v>3.19685</v>
      </c>
      <c r="I376">
        <v>31476.6</v>
      </c>
      <c r="J376">
        <v>50.403599999999997</v>
      </c>
    </row>
    <row r="377" spans="1:10" x14ac:dyDescent="0.25">
      <c r="A377">
        <v>2</v>
      </c>
      <c r="B377">
        <v>81.517300000000006</v>
      </c>
      <c r="C377">
        <v>119.93899999999999</v>
      </c>
      <c r="D377">
        <v>185.613</v>
      </c>
      <c r="E377">
        <v>9921.26</v>
      </c>
      <c r="F377">
        <v>17688.2</v>
      </c>
      <c r="G377">
        <v>20806.3</v>
      </c>
      <c r="H377">
        <v>3.1259800000000002</v>
      </c>
      <c r="I377">
        <v>31301.200000000001</v>
      </c>
      <c r="J377">
        <v>33.718600000000002</v>
      </c>
    </row>
    <row r="378" spans="1:10" x14ac:dyDescent="0.25">
      <c r="A378">
        <v>2</v>
      </c>
      <c r="B378">
        <v>89.312600000000003</v>
      </c>
      <c r="C378">
        <v>114.598</v>
      </c>
      <c r="D378">
        <v>190</v>
      </c>
      <c r="E378">
        <v>11452</v>
      </c>
      <c r="F378">
        <v>15647.2</v>
      </c>
      <c r="G378">
        <v>21146.5</v>
      </c>
      <c r="H378">
        <v>3.5748000000000002</v>
      </c>
      <c r="I378">
        <v>29334</v>
      </c>
      <c r="J378">
        <v>41.9392</v>
      </c>
    </row>
    <row r="379" spans="1:10" x14ac:dyDescent="0.25">
      <c r="A379">
        <v>2</v>
      </c>
      <c r="B379">
        <v>107.029</v>
      </c>
      <c r="C379">
        <v>113.342</v>
      </c>
      <c r="D379">
        <v>168.69</v>
      </c>
      <c r="E379">
        <v>7370.08</v>
      </c>
      <c r="F379">
        <v>27127.599999999999</v>
      </c>
      <c r="G379">
        <v>9411.02</v>
      </c>
      <c r="H379">
        <v>2.8897599999999999</v>
      </c>
      <c r="I379">
        <v>43050.7</v>
      </c>
      <c r="J379">
        <v>30.398199999999999</v>
      </c>
    </row>
    <row r="380" spans="1:10" x14ac:dyDescent="0.25">
      <c r="A380">
        <v>2</v>
      </c>
      <c r="B380">
        <v>106.557</v>
      </c>
      <c r="C380">
        <v>127.48</v>
      </c>
      <c r="D380">
        <v>165.869</v>
      </c>
      <c r="E380">
        <v>10771.7</v>
      </c>
      <c r="F380">
        <v>15137</v>
      </c>
      <c r="G380">
        <v>13152.8</v>
      </c>
      <c r="H380">
        <v>1.6141700000000001</v>
      </c>
      <c r="I380">
        <v>33877.300000000003</v>
      </c>
      <c r="J380">
        <v>111.652</v>
      </c>
    </row>
    <row r="381" spans="1:10" x14ac:dyDescent="0.25">
      <c r="A381">
        <v>2</v>
      </c>
      <c r="B381">
        <v>107.265</v>
      </c>
      <c r="C381">
        <v>124.652</v>
      </c>
      <c r="D381">
        <v>169.94300000000001</v>
      </c>
      <c r="E381">
        <v>10601.6</v>
      </c>
      <c r="F381">
        <v>10800</v>
      </c>
      <c r="G381">
        <v>20466.099999999999</v>
      </c>
      <c r="H381">
        <v>3.7637800000000001</v>
      </c>
      <c r="I381">
        <v>24071.200000000001</v>
      </c>
      <c r="J381">
        <v>35.462600000000002</v>
      </c>
    </row>
    <row r="382" spans="1:10" x14ac:dyDescent="0.25">
      <c r="A382">
        <v>2</v>
      </c>
      <c r="B382">
        <v>108.68300000000001</v>
      </c>
      <c r="C382">
        <v>119.31100000000001</v>
      </c>
      <c r="D382">
        <v>176.524</v>
      </c>
      <c r="E382">
        <v>7625.2</v>
      </c>
      <c r="F382">
        <v>11310.2</v>
      </c>
      <c r="G382">
        <v>18255.099999999999</v>
      </c>
      <c r="H382">
        <v>2.5354299999999999</v>
      </c>
      <c r="I382">
        <v>22023.599999999999</v>
      </c>
      <c r="J382">
        <v>42.276899999999998</v>
      </c>
    </row>
    <row r="383" spans="1:10" x14ac:dyDescent="0.25">
      <c r="A383">
        <v>2</v>
      </c>
      <c r="B383">
        <v>83.4071</v>
      </c>
      <c r="C383">
        <v>114.598</v>
      </c>
      <c r="D383">
        <v>184.35900000000001</v>
      </c>
      <c r="E383">
        <v>10091.299999999999</v>
      </c>
      <c r="F383">
        <v>16922.8</v>
      </c>
      <c r="G383">
        <v>21826.799999999999</v>
      </c>
      <c r="H383">
        <v>1.1417299999999999</v>
      </c>
      <c r="I383">
        <v>32390.7</v>
      </c>
      <c r="J383">
        <v>24.8825</v>
      </c>
    </row>
    <row r="384" spans="1:10" x14ac:dyDescent="0.25">
      <c r="A384">
        <v>2</v>
      </c>
      <c r="B384">
        <v>109.864</v>
      </c>
      <c r="C384">
        <v>123.395</v>
      </c>
      <c r="D384">
        <v>162.10900000000001</v>
      </c>
      <c r="E384">
        <v>16639.400000000001</v>
      </c>
      <c r="F384">
        <v>27637.8</v>
      </c>
      <c r="G384">
        <v>25228.3</v>
      </c>
      <c r="H384">
        <v>2.25197</v>
      </c>
      <c r="I384">
        <v>54963.199999999997</v>
      </c>
      <c r="J384">
        <v>18.724399999999999</v>
      </c>
    </row>
    <row r="385" spans="1:10" x14ac:dyDescent="0.25">
      <c r="A385">
        <v>2</v>
      </c>
      <c r="B385">
        <v>108.68300000000001</v>
      </c>
      <c r="C385">
        <v>119.31100000000001</v>
      </c>
      <c r="D385">
        <v>176.524</v>
      </c>
      <c r="E385">
        <v>7625.2</v>
      </c>
      <c r="F385">
        <v>11310.2</v>
      </c>
      <c r="G385">
        <v>18255.099999999999</v>
      </c>
      <c r="H385">
        <v>2.5354299999999999</v>
      </c>
      <c r="I385">
        <v>22023.599999999999</v>
      </c>
      <c r="J385">
        <v>42.276899999999998</v>
      </c>
    </row>
    <row r="386" spans="1:10" x14ac:dyDescent="0.25">
      <c r="A386">
        <v>2</v>
      </c>
      <c r="B386">
        <v>106.79300000000001</v>
      </c>
      <c r="C386">
        <v>114.28400000000001</v>
      </c>
      <c r="D386">
        <v>166.18299999999999</v>
      </c>
      <c r="E386">
        <v>8050.39</v>
      </c>
      <c r="F386">
        <v>15902.4</v>
      </c>
      <c r="G386">
        <v>13152.8</v>
      </c>
      <c r="H386">
        <v>1.7086600000000001</v>
      </c>
      <c r="I386">
        <v>28693.200000000001</v>
      </c>
      <c r="J386">
        <v>30.1007</v>
      </c>
    </row>
    <row r="387" spans="1:10" x14ac:dyDescent="0.25">
      <c r="A387">
        <v>2</v>
      </c>
      <c r="B387">
        <v>108.68300000000001</v>
      </c>
      <c r="C387">
        <v>119.31100000000001</v>
      </c>
      <c r="D387">
        <v>176.524</v>
      </c>
      <c r="E387">
        <v>7625.2</v>
      </c>
      <c r="F387">
        <v>11310.2</v>
      </c>
      <c r="G387">
        <v>18255.099999999999</v>
      </c>
      <c r="H387">
        <v>2.5354299999999999</v>
      </c>
      <c r="I387">
        <v>22023.599999999999</v>
      </c>
      <c r="J387">
        <v>42.276899999999998</v>
      </c>
    </row>
    <row r="388" spans="1:10" x14ac:dyDescent="0.25">
      <c r="A388">
        <v>2</v>
      </c>
      <c r="B388">
        <v>107.265</v>
      </c>
      <c r="C388">
        <v>113.02800000000001</v>
      </c>
      <c r="D388">
        <v>189.68700000000001</v>
      </c>
      <c r="E388">
        <v>10856.7</v>
      </c>
      <c r="F388">
        <v>16922.8</v>
      </c>
      <c r="G388">
        <v>19955.900000000001</v>
      </c>
      <c r="H388">
        <v>2.9133900000000001</v>
      </c>
      <c r="I388">
        <v>31691.3</v>
      </c>
      <c r="J388">
        <v>29.0336</v>
      </c>
    </row>
    <row r="389" spans="1:10" x14ac:dyDescent="0.25">
      <c r="A389">
        <v>2</v>
      </c>
      <c r="B389">
        <v>102.30500000000001</v>
      </c>
      <c r="C389">
        <v>113.65600000000001</v>
      </c>
      <c r="D389">
        <v>186.239</v>
      </c>
      <c r="E389">
        <v>11962.2</v>
      </c>
      <c r="F389">
        <v>18708.7</v>
      </c>
      <c r="G389">
        <v>21826.799999999999</v>
      </c>
      <c r="H389">
        <v>2.9606300000000001</v>
      </c>
      <c r="I389">
        <v>34419.599999999999</v>
      </c>
      <c r="J389">
        <v>20.557300000000001</v>
      </c>
    </row>
    <row r="390" spans="1:10" x14ac:dyDescent="0.25">
      <c r="A390">
        <v>2</v>
      </c>
      <c r="B390">
        <v>89.076400000000007</v>
      </c>
      <c r="C390">
        <v>124.652</v>
      </c>
      <c r="D390">
        <v>179.97200000000001</v>
      </c>
      <c r="E390">
        <v>7370.08</v>
      </c>
      <c r="F390">
        <v>11820.5</v>
      </c>
      <c r="G390">
        <v>21826.799999999999</v>
      </c>
      <c r="H390">
        <v>3.5039400000000001</v>
      </c>
      <c r="I390">
        <v>21390.1</v>
      </c>
      <c r="J390">
        <v>54.182099999999998</v>
      </c>
    </row>
    <row r="391" spans="1:10" x14ac:dyDescent="0.25">
      <c r="A391">
        <v>2</v>
      </c>
      <c r="B391">
        <v>98.052800000000005</v>
      </c>
      <c r="C391">
        <v>110.828</v>
      </c>
      <c r="D391">
        <v>169.31700000000001</v>
      </c>
      <c r="E391">
        <v>11537</v>
      </c>
      <c r="F391">
        <v>24321.3</v>
      </c>
      <c r="G391">
        <v>12472.4</v>
      </c>
      <c r="H391">
        <v>2.9133900000000001</v>
      </c>
      <c r="I391">
        <v>41324.199999999997</v>
      </c>
      <c r="J391">
        <v>20.279499999999999</v>
      </c>
    </row>
    <row r="392" spans="1:10" x14ac:dyDescent="0.25">
      <c r="A392">
        <v>2</v>
      </c>
      <c r="B392">
        <v>103.25</v>
      </c>
      <c r="C392">
        <v>114.913</v>
      </c>
      <c r="D392">
        <v>166.809</v>
      </c>
      <c r="E392">
        <v>8560.6299999999992</v>
      </c>
      <c r="F392">
        <v>15392.1</v>
      </c>
      <c r="G392">
        <v>19105.5</v>
      </c>
      <c r="H392">
        <v>2.6063000000000001</v>
      </c>
      <c r="I392">
        <v>28649.4</v>
      </c>
      <c r="J392">
        <v>33.518099999999997</v>
      </c>
    </row>
    <row r="421" spans="1:10" x14ac:dyDescent="0.25">
      <c r="A421">
        <v>3</v>
      </c>
      <c r="B421">
        <v>83.4071</v>
      </c>
      <c r="C421">
        <v>114.598</v>
      </c>
      <c r="D421">
        <v>184.35900000000001</v>
      </c>
      <c r="E421">
        <v>10091.299999999999</v>
      </c>
      <c r="F421">
        <v>16922.8</v>
      </c>
      <c r="G421">
        <v>21826.799999999999</v>
      </c>
      <c r="H421">
        <v>1.1417299999999999</v>
      </c>
      <c r="I421">
        <v>32390.7</v>
      </c>
      <c r="J421">
        <v>24.8825</v>
      </c>
    </row>
    <row r="422" spans="1:10" x14ac:dyDescent="0.25">
      <c r="A422">
        <v>3</v>
      </c>
      <c r="B422">
        <v>109.864</v>
      </c>
      <c r="C422">
        <v>123.395</v>
      </c>
      <c r="D422">
        <v>162.10900000000001</v>
      </c>
      <c r="E422">
        <v>16639.400000000001</v>
      </c>
      <c r="F422">
        <v>27637.8</v>
      </c>
      <c r="G422">
        <v>25228.3</v>
      </c>
      <c r="H422">
        <v>2.25197</v>
      </c>
      <c r="I422">
        <v>54963.199999999997</v>
      </c>
      <c r="J422">
        <v>18.724399999999999</v>
      </c>
    </row>
    <row r="423" spans="1:10" x14ac:dyDescent="0.25">
      <c r="A423">
        <v>3</v>
      </c>
      <c r="B423">
        <v>108.68300000000001</v>
      </c>
      <c r="C423">
        <v>119.31100000000001</v>
      </c>
      <c r="D423">
        <v>176.524</v>
      </c>
      <c r="E423">
        <v>7625.2</v>
      </c>
      <c r="F423">
        <v>11310.2</v>
      </c>
      <c r="G423">
        <v>18255.099999999999</v>
      </c>
      <c r="H423">
        <v>2.5354299999999999</v>
      </c>
      <c r="I423">
        <v>22023.599999999999</v>
      </c>
      <c r="J423">
        <v>42.276899999999998</v>
      </c>
    </row>
    <row r="424" spans="1:10" x14ac:dyDescent="0.25">
      <c r="A424">
        <v>3</v>
      </c>
      <c r="B424">
        <v>89.076400000000007</v>
      </c>
      <c r="C424">
        <v>124.652</v>
      </c>
      <c r="D424">
        <v>179.97200000000001</v>
      </c>
      <c r="E424">
        <v>7370.08</v>
      </c>
      <c r="F424">
        <v>11820.5</v>
      </c>
      <c r="G424">
        <v>21826.799999999999</v>
      </c>
      <c r="H424">
        <v>3.5039400000000001</v>
      </c>
      <c r="I424">
        <v>21390.1</v>
      </c>
      <c r="J424">
        <v>54.182099999999998</v>
      </c>
    </row>
    <row r="425" spans="1:10" x14ac:dyDescent="0.25">
      <c r="A425">
        <v>3</v>
      </c>
      <c r="B425">
        <v>107.265</v>
      </c>
      <c r="C425">
        <v>124.652</v>
      </c>
      <c r="D425">
        <v>169.94300000000001</v>
      </c>
      <c r="E425">
        <v>10601.6</v>
      </c>
      <c r="F425">
        <v>10800</v>
      </c>
      <c r="G425">
        <v>20466.099999999999</v>
      </c>
      <c r="H425">
        <v>3.7637800000000001</v>
      </c>
      <c r="I425">
        <v>24071.200000000001</v>
      </c>
      <c r="J425">
        <v>35.462600000000002</v>
      </c>
    </row>
    <row r="426" spans="1:10" x14ac:dyDescent="0.25">
      <c r="A426">
        <v>3</v>
      </c>
      <c r="B426">
        <v>102.30500000000001</v>
      </c>
      <c r="C426">
        <v>113.65600000000001</v>
      </c>
      <c r="D426">
        <v>186.239</v>
      </c>
      <c r="E426">
        <v>11962.2</v>
      </c>
      <c r="F426">
        <v>18708.7</v>
      </c>
      <c r="G426">
        <v>21826.799999999999</v>
      </c>
      <c r="H426">
        <v>2.9606300000000001</v>
      </c>
      <c r="I426">
        <v>34419.599999999999</v>
      </c>
      <c r="J426">
        <v>20.557300000000001</v>
      </c>
    </row>
    <row r="427" spans="1:10" x14ac:dyDescent="0.25">
      <c r="A427">
        <v>3</v>
      </c>
      <c r="B427">
        <v>98.052800000000005</v>
      </c>
      <c r="C427">
        <v>110.828</v>
      </c>
      <c r="D427">
        <v>169.31700000000001</v>
      </c>
      <c r="E427">
        <v>11537</v>
      </c>
      <c r="F427">
        <v>24321.3</v>
      </c>
      <c r="G427">
        <v>12472.4</v>
      </c>
      <c r="H427">
        <v>2.9133900000000001</v>
      </c>
      <c r="I427">
        <v>41324.199999999997</v>
      </c>
      <c r="J427">
        <v>20.279499999999999</v>
      </c>
    </row>
    <row r="428" spans="1:10" x14ac:dyDescent="0.25">
      <c r="A428">
        <v>3</v>
      </c>
      <c r="B428">
        <v>107.265</v>
      </c>
      <c r="C428">
        <v>113.02800000000001</v>
      </c>
      <c r="D428">
        <v>189.68700000000001</v>
      </c>
      <c r="E428">
        <v>10856.7</v>
      </c>
      <c r="F428">
        <v>16922.8</v>
      </c>
      <c r="G428">
        <v>19955.900000000001</v>
      </c>
      <c r="H428">
        <v>2.9133900000000001</v>
      </c>
      <c r="I428">
        <v>31691.3</v>
      </c>
      <c r="J428">
        <v>29.0336</v>
      </c>
    </row>
    <row r="429" spans="1:10" x14ac:dyDescent="0.25">
      <c r="A429">
        <v>3</v>
      </c>
      <c r="B429">
        <v>109.628</v>
      </c>
      <c r="C429">
        <v>138.79</v>
      </c>
      <c r="D429">
        <v>190</v>
      </c>
      <c r="E429">
        <v>10516.5</v>
      </c>
      <c r="F429">
        <v>12330.7</v>
      </c>
      <c r="G429">
        <v>18595.3</v>
      </c>
      <c r="H429">
        <v>3.7637800000000001</v>
      </c>
      <c r="I429">
        <v>25069.4</v>
      </c>
      <c r="J429">
        <v>137.08099999999999</v>
      </c>
    </row>
    <row r="430" spans="1:10" x14ac:dyDescent="0.25">
      <c r="A430">
        <v>3</v>
      </c>
      <c r="B430">
        <v>81.517300000000006</v>
      </c>
      <c r="C430">
        <v>118.054</v>
      </c>
      <c r="D430">
        <v>185.29900000000001</v>
      </c>
      <c r="E430">
        <v>9921.26</v>
      </c>
      <c r="F430">
        <v>16922.8</v>
      </c>
      <c r="G430">
        <v>18255.099999999999</v>
      </c>
      <c r="H430">
        <v>2.9370099999999999</v>
      </c>
      <c r="I430">
        <v>30587</v>
      </c>
      <c r="J430">
        <v>32.833300000000001</v>
      </c>
    </row>
    <row r="431" spans="1:10" x14ac:dyDescent="0.25">
      <c r="A431">
        <v>3</v>
      </c>
      <c r="B431">
        <v>104.667</v>
      </c>
      <c r="C431">
        <v>119.93899999999999</v>
      </c>
      <c r="D431">
        <v>159.602</v>
      </c>
      <c r="E431">
        <v>8050.39</v>
      </c>
      <c r="F431">
        <v>15137</v>
      </c>
      <c r="G431">
        <v>15023.6</v>
      </c>
      <c r="H431">
        <v>3.5275599999999998</v>
      </c>
      <c r="I431">
        <v>39687.5</v>
      </c>
      <c r="J431">
        <v>25.392199999999999</v>
      </c>
    </row>
    <row r="432" spans="1:10" x14ac:dyDescent="0.25">
      <c r="A432">
        <v>3</v>
      </c>
      <c r="B432">
        <v>109.864</v>
      </c>
      <c r="C432">
        <v>118.369</v>
      </c>
      <c r="D432">
        <v>156.46799999999999</v>
      </c>
      <c r="E432">
        <v>13237.8</v>
      </c>
      <c r="F432">
        <v>27637.8</v>
      </c>
      <c r="G432">
        <v>18425.2</v>
      </c>
      <c r="H432">
        <v>3.7637800000000001</v>
      </c>
      <c r="I432">
        <v>62584.4</v>
      </c>
      <c r="J432">
        <v>36.768599999999999</v>
      </c>
    </row>
    <row r="433" spans="1:10" x14ac:dyDescent="0.25">
      <c r="A433">
        <v>3</v>
      </c>
      <c r="B433">
        <v>106.79300000000001</v>
      </c>
      <c r="C433">
        <v>123.081</v>
      </c>
      <c r="D433">
        <v>166.18299999999999</v>
      </c>
      <c r="E433">
        <v>8390.5499999999993</v>
      </c>
      <c r="F433">
        <v>12075.6</v>
      </c>
      <c r="G433">
        <v>7710.24</v>
      </c>
      <c r="H433">
        <v>3.9291299999999998</v>
      </c>
      <c r="I433">
        <v>25718.1</v>
      </c>
      <c r="J433">
        <v>92.957499999999996</v>
      </c>
    </row>
    <row r="434" spans="1:10" x14ac:dyDescent="0.25">
      <c r="A434">
        <v>3</v>
      </c>
      <c r="B434">
        <v>83.4071</v>
      </c>
      <c r="C434">
        <v>114.598</v>
      </c>
      <c r="D434">
        <v>184.35900000000001</v>
      </c>
      <c r="E434">
        <v>10091.299999999999</v>
      </c>
      <c r="F434">
        <v>16922.8</v>
      </c>
      <c r="G434">
        <v>21826.799999999999</v>
      </c>
      <c r="H434">
        <v>1.1417299999999999</v>
      </c>
      <c r="I434">
        <v>32390.7</v>
      </c>
      <c r="J434">
        <v>24.8825</v>
      </c>
    </row>
    <row r="435" spans="1:10" x14ac:dyDescent="0.25">
      <c r="A435">
        <v>3</v>
      </c>
      <c r="B435">
        <v>99.233900000000006</v>
      </c>
      <c r="C435">
        <v>114.913</v>
      </c>
      <c r="D435">
        <v>179.65799999999999</v>
      </c>
      <c r="E435">
        <v>16214.2</v>
      </c>
      <c r="F435">
        <v>16922.8</v>
      </c>
      <c r="G435">
        <v>20466.099999999999</v>
      </c>
      <c r="H435">
        <v>3.14961</v>
      </c>
      <c r="I435">
        <v>37927.4</v>
      </c>
      <c r="J435">
        <v>51.369900000000001</v>
      </c>
    </row>
    <row r="436" spans="1:10" x14ac:dyDescent="0.25">
      <c r="A436">
        <v>3</v>
      </c>
      <c r="B436">
        <v>89.076400000000007</v>
      </c>
      <c r="C436">
        <v>114.913</v>
      </c>
      <c r="D436">
        <v>189.68700000000001</v>
      </c>
      <c r="E436">
        <v>9921.26</v>
      </c>
      <c r="F436">
        <v>31719.7</v>
      </c>
      <c r="G436">
        <v>10941.7</v>
      </c>
      <c r="H436">
        <v>2.65354</v>
      </c>
      <c r="I436">
        <v>47529</v>
      </c>
      <c r="J436">
        <v>40.669800000000002</v>
      </c>
    </row>
    <row r="437" spans="1:10" x14ac:dyDescent="0.25">
      <c r="A437">
        <v>3</v>
      </c>
      <c r="B437">
        <v>106.79300000000001</v>
      </c>
      <c r="C437">
        <v>119.31100000000001</v>
      </c>
      <c r="D437">
        <v>186.553</v>
      </c>
      <c r="E437">
        <v>10516.5</v>
      </c>
      <c r="F437">
        <v>26617.3</v>
      </c>
      <c r="G437">
        <v>19955.900000000001</v>
      </c>
      <c r="H437">
        <v>3.10236</v>
      </c>
      <c r="I437">
        <v>41805.300000000003</v>
      </c>
      <c r="J437">
        <v>42.0017</v>
      </c>
    </row>
    <row r="438" spans="1:10" x14ac:dyDescent="0.25">
      <c r="A438">
        <v>3</v>
      </c>
      <c r="B438">
        <v>104.667</v>
      </c>
      <c r="C438">
        <v>111.45699999999999</v>
      </c>
      <c r="D438">
        <v>168.69</v>
      </c>
      <c r="E438">
        <v>12642.5</v>
      </c>
      <c r="F438">
        <v>29168.5</v>
      </c>
      <c r="G438">
        <v>7710.24</v>
      </c>
      <c r="H438">
        <v>3.10236</v>
      </c>
      <c r="I438">
        <v>46954.5</v>
      </c>
      <c r="J438">
        <v>26.2746</v>
      </c>
    </row>
    <row r="439" spans="1:10" x14ac:dyDescent="0.25">
      <c r="A439">
        <v>3</v>
      </c>
      <c r="B439">
        <v>99.706299999999999</v>
      </c>
      <c r="C439">
        <v>111.45699999999999</v>
      </c>
      <c r="D439">
        <v>168.69</v>
      </c>
      <c r="E439">
        <v>15703.9</v>
      </c>
      <c r="F439">
        <v>29168.5</v>
      </c>
      <c r="G439">
        <v>8220.4699999999993</v>
      </c>
      <c r="H439">
        <v>3.9291299999999998</v>
      </c>
      <c r="I439">
        <v>51187.1</v>
      </c>
      <c r="J439">
        <v>23.5547</v>
      </c>
    </row>
    <row r="440" spans="1:10" x14ac:dyDescent="0.25">
      <c r="A440">
        <v>3</v>
      </c>
      <c r="B440">
        <v>104.194</v>
      </c>
      <c r="C440">
        <v>114.598</v>
      </c>
      <c r="D440">
        <v>159.28800000000001</v>
      </c>
      <c r="E440">
        <v>7370.08</v>
      </c>
      <c r="F440">
        <v>11820.5</v>
      </c>
      <c r="G440">
        <v>21826.799999999999</v>
      </c>
      <c r="H440">
        <v>2.74803</v>
      </c>
      <c r="I440">
        <v>38944.5</v>
      </c>
      <c r="J440">
        <v>83.430599999999998</v>
      </c>
    </row>
    <row r="441" spans="1:10" x14ac:dyDescent="0.25">
      <c r="A441">
        <v>3</v>
      </c>
      <c r="B441">
        <v>106.79300000000001</v>
      </c>
      <c r="C441">
        <v>114.913</v>
      </c>
      <c r="D441">
        <v>189.68700000000001</v>
      </c>
      <c r="E441">
        <v>9921.26</v>
      </c>
      <c r="F441">
        <v>11310.2</v>
      </c>
      <c r="G441">
        <v>20636.2</v>
      </c>
      <c r="H441">
        <v>3.7637800000000001</v>
      </c>
      <c r="I441">
        <v>23364.5</v>
      </c>
      <c r="J441">
        <v>45.381799999999998</v>
      </c>
    </row>
    <row r="442" spans="1:10" x14ac:dyDescent="0.25">
      <c r="A442">
        <v>3</v>
      </c>
      <c r="B442">
        <v>109.864</v>
      </c>
      <c r="C442">
        <v>123.395</v>
      </c>
      <c r="D442">
        <v>162.10900000000001</v>
      </c>
      <c r="E442">
        <v>16639.400000000001</v>
      </c>
      <c r="F442">
        <v>27637.8</v>
      </c>
      <c r="G442">
        <v>25228.3</v>
      </c>
      <c r="H442">
        <v>2.25197</v>
      </c>
      <c r="I442">
        <v>54963.199999999997</v>
      </c>
      <c r="J442">
        <v>18.724399999999999</v>
      </c>
    </row>
    <row r="443" spans="1:10" x14ac:dyDescent="0.25">
      <c r="A443">
        <v>3</v>
      </c>
      <c r="B443">
        <v>94.037000000000006</v>
      </c>
      <c r="C443">
        <v>114.598</v>
      </c>
      <c r="D443">
        <v>188.12</v>
      </c>
      <c r="E443">
        <v>11281.9</v>
      </c>
      <c r="F443">
        <v>15647.2</v>
      </c>
      <c r="G443">
        <v>21996.9</v>
      </c>
      <c r="H443">
        <v>3.64567</v>
      </c>
      <c r="I443">
        <v>29745.599999999999</v>
      </c>
      <c r="J443">
        <v>31.2517</v>
      </c>
    </row>
    <row r="444" spans="1:10" x14ac:dyDescent="0.25">
      <c r="A444">
        <v>3</v>
      </c>
      <c r="B444">
        <v>103.25</v>
      </c>
      <c r="C444">
        <v>114.913</v>
      </c>
      <c r="D444">
        <v>166.809</v>
      </c>
      <c r="E444">
        <v>8560.6299999999992</v>
      </c>
      <c r="F444">
        <v>15392.1</v>
      </c>
      <c r="G444">
        <v>19105.5</v>
      </c>
      <c r="H444">
        <v>2.6063000000000001</v>
      </c>
      <c r="I444">
        <v>28649.4</v>
      </c>
      <c r="J444">
        <v>33.518099999999997</v>
      </c>
    </row>
    <row r="445" spans="1:10" x14ac:dyDescent="0.25">
      <c r="A445">
        <v>3</v>
      </c>
      <c r="B445">
        <v>85.296899999999994</v>
      </c>
      <c r="C445">
        <v>119.93899999999999</v>
      </c>
      <c r="D445">
        <v>188.12</v>
      </c>
      <c r="E445">
        <v>9921.26</v>
      </c>
      <c r="F445">
        <v>17433.099999999999</v>
      </c>
      <c r="G445">
        <v>10941.7</v>
      </c>
      <c r="H445">
        <v>2.8425199999999999</v>
      </c>
      <c r="I445">
        <v>31758.7</v>
      </c>
      <c r="J445">
        <v>29.841699999999999</v>
      </c>
    </row>
    <row r="446" spans="1:10" x14ac:dyDescent="0.25">
      <c r="A446">
        <v>3</v>
      </c>
      <c r="B446">
        <v>103.486</v>
      </c>
      <c r="C446">
        <v>124.652</v>
      </c>
      <c r="D446">
        <v>186.86600000000001</v>
      </c>
      <c r="E446">
        <v>11281.9</v>
      </c>
      <c r="F446">
        <v>15392.1</v>
      </c>
      <c r="G446">
        <v>19105.5</v>
      </c>
      <c r="H446">
        <v>2.8189000000000002</v>
      </c>
      <c r="I446">
        <v>31612.799999999999</v>
      </c>
      <c r="J446">
        <v>39.136600000000001</v>
      </c>
    </row>
    <row r="447" spans="1:10" x14ac:dyDescent="0.25">
      <c r="A447">
        <v>3</v>
      </c>
      <c r="B447">
        <v>106.79300000000001</v>
      </c>
      <c r="C447">
        <v>114.598</v>
      </c>
      <c r="D447">
        <v>169.63</v>
      </c>
      <c r="E447">
        <v>7455.12</v>
      </c>
      <c r="F447">
        <v>16412.599999999999</v>
      </c>
      <c r="G447">
        <v>20466.099999999999</v>
      </c>
      <c r="H447">
        <v>3.9527600000000001</v>
      </c>
      <c r="I447">
        <v>28075.599999999999</v>
      </c>
      <c r="J447">
        <v>37.852899999999998</v>
      </c>
    </row>
    <row r="448" spans="1:10" x14ac:dyDescent="0.25">
      <c r="A448">
        <v>3</v>
      </c>
      <c r="B448">
        <v>82.698400000000007</v>
      </c>
      <c r="C448">
        <v>113.342</v>
      </c>
      <c r="D448">
        <v>188.43299999999999</v>
      </c>
      <c r="E448">
        <v>16724.400000000001</v>
      </c>
      <c r="F448">
        <v>14116.5</v>
      </c>
      <c r="G448">
        <v>9751.18</v>
      </c>
      <c r="H448">
        <v>3.6692900000000002</v>
      </c>
      <c r="I448">
        <v>33172.800000000003</v>
      </c>
      <c r="J448">
        <v>64.5916</v>
      </c>
    </row>
    <row r="449" spans="1:10" x14ac:dyDescent="0.25">
      <c r="A449">
        <v>3</v>
      </c>
      <c r="B449">
        <v>98.052800000000005</v>
      </c>
      <c r="C449">
        <v>113.342</v>
      </c>
      <c r="D449">
        <v>169.31700000000001</v>
      </c>
      <c r="E449">
        <v>10091.299999999999</v>
      </c>
      <c r="F449">
        <v>15137</v>
      </c>
      <c r="G449">
        <v>21996.9</v>
      </c>
      <c r="H449">
        <v>1.1653500000000001</v>
      </c>
      <c r="I449">
        <v>31030.2</v>
      </c>
      <c r="J449">
        <v>39.463799999999999</v>
      </c>
    </row>
    <row r="450" spans="1:10" x14ac:dyDescent="0.25">
      <c r="A450">
        <v>3</v>
      </c>
      <c r="B450">
        <v>98.525199999999998</v>
      </c>
      <c r="C450">
        <v>113.342</v>
      </c>
      <c r="D450">
        <v>163.989</v>
      </c>
      <c r="E450">
        <v>12217.3</v>
      </c>
      <c r="F450">
        <v>15392.1</v>
      </c>
      <c r="G450">
        <v>18425.2</v>
      </c>
      <c r="H450">
        <v>3.3858299999999999</v>
      </c>
      <c r="I450">
        <v>34026.5</v>
      </c>
      <c r="J450">
        <v>35.121600000000001</v>
      </c>
    </row>
    <row r="451" spans="1:10" x14ac:dyDescent="0.25">
      <c r="A451">
        <v>3</v>
      </c>
      <c r="B451">
        <v>109.628</v>
      </c>
      <c r="C451">
        <v>113.65600000000001</v>
      </c>
      <c r="D451">
        <v>174.64400000000001</v>
      </c>
      <c r="E451">
        <v>7795.28</v>
      </c>
      <c r="F451">
        <v>12330.7</v>
      </c>
      <c r="G451">
        <v>19785.8</v>
      </c>
      <c r="H451">
        <v>2.29921</v>
      </c>
      <c r="I451">
        <v>23612.9</v>
      </c>
      <c r="J451">
        <v>54.640099999999997</v>
      </c>
    </row>
    <row r="452" spans="1:10" x14ac:dyDescent="0.25">
      <c r="A452">
        <v>3</v>
      </c>
      <c r="B452">
        <v>109.39100000000001</v>
      </c>
      <c r="C452">
        <v>113.342</v>
      </c>
      <c r="D452">
        <v>169.00299999999999</v>
      </c>
      <c r="E452">
        <v>10091.299999999999</v>
      </c>
      <c r="F452">
        <v>15392.1</v>
      </c>
      <c r="G452">
        <v>20636.2</v>
      </c>
      <c r="H452">
        <v>3.7637800000000001</v>
      </c>
      <c r="I452">
        <v>30110.9</v>
      </c>
      <c r="J452">
        <v>25.968399999999999</v>
      </c>
    </row>
    <row r="453" spans="1:10" x14ac:dyDescent="0.25">
      <c r="A453">
        <v>3</v>
      </c>
      <c r="B453">
        <v>107.265</v>
      </c>
      <c r="C453">
        <v>124.652</v>
      </c>
      <c r="D453">
        <v>189.06</v>
      </c>
      <c r="E453">
        <v>15363.8</v>
      </c>
      <c r="F453">
        <v>12840.9</v>
      </c>
      <c r="G453">
        <v>19785.8</v>
      </c>
      <c r="H453">
        <v>3.9527600000000001</v>
      </c>
      <c r="I453">
        <v>30895.3</v>
      </c>
      <c r="J453">
        <v>97.011700000000005</v>
      </c>
    </row>
    <row r="454" spans="1:10" x14ac:dyDescent="0.25">
      <c r="A454">
        <v>3</v>
      </c>
      <c r="B454">
        <v>108.68300000000001</v>
      </c>
      <c r="C454">
        <v>114.598</v>
      </c>
      <c r="D454">
        <v>169.94300000000001</v>
      </c>
      <c r="E454">
        <v>10601.6</v>
      </c>
      <c r="F454">
        <v>10800</v>
      </c>
      <c r="G454">
        <v>19785.8</v>
      </c>
      <c r="H454">
        <v>3.7637800000000001</v>
      </c>
      <c r="I454">
        <v>24743.200000000001</v>
      </c>
      <c r="J454">
        <v>61.987499999999997</v>
      </c>
    </row>
    <row r="455" spans="1:10" x14ac:dyDescent="0.25">
      <c r="A455">
        <v>3</v>
      </c>
      <c r="B455">
        <v>88.131500000000003</v>
      </c>
      <c r="C455">
        <v>124.652</v>
      </c>
      <c r="D455">
        <v>159.91499999999999</v>
      </c>
      <c r="E455">
        <v>8050.39</v>
      </c>
      <c r="F455">
        <v>11310.2</v>
      </c>
      <c r="G455">
        <v>19105.5</v>
      </c>
      <c r="H455">
        <v>3.7873999999999999</v>
      </c>
      <c r="I455">
        <v>35133.800000000003</v>
      </c>
      <c r="J455">
        <v>98.371700000000004</v>
      </c>
    </row>
    <row r="456" spans="1:10" x14ac:dyDescent="0.25">
      <c r="A456">
        <v>3</v>
      </c>
      <c r="B456">
        <v>109.864</v>
      </c>
      <c r="C456">
        <v>124.652</v>
      </c>
      <c r="D456">
        <v>184.672</v>
      </c>
      <c r="E456">
        <v>10176.4</v>
      </c>
      <c r="F456">
        <v>10800</v>
      </c>
      <c r="G456">
        <v>25228.3</v>
      </c>
      <c r="H456">
        <v>2.2283499999999998</v>
      </c>
      <c r="I456">
        <v>26281</v>
      </c>
      <c r="J456">
        <v>25.187100000000001</v>
      </c>
    </row>
    <row r="457" spans="1:10" x14ac:dyDescent="0.25">
      <c r="A457">
        <v>3</v>
      </c>
      <c r="B457">
        <v>103.486</v>
      </c>
      <c r="C457">
        <v>124.652</v>
      </c>
      <c r="D457">
        <v>156.154</v>
      </c>
      <c r="E457">
        <v>8050.39</v>
      </c>
      <c r="F457">
        <v>12330.7</v>
      </c>
      <c r="G457">
        <v>19275.599999999999</v>
      </c>
      <c r="H457">
        <v>3.9763799999999998</v>
      </c>
      <c r="I457">
        <v>42156.7</v>
      </c>
      <c r="J457">
        <v>106.36499999999999</v>
      </c>
    </row>
    <row r="458" spans="1:10" x14ac:dyDescent="0.25">
      <c r="A458">
        <v>3</v>
      </c>
      <c r="B458">
        <v>108.919</v>
      </c>
      <c r="C458">
        <v>124.96599999999999</v>
      </c>
      <c r="D458">
        <v>181.852</v>
      </c>
      <c r="E458">
        <v>8645.67</v>
      </c>
      <c r="F458">
        <v>17433.099999999999</v>
      </c>
      <c r="G458">
        <v>24207.9</v>
      </c>
      <c r="H458">
        <v>1.09449</v>
      </c>
      <c r="I458">
        <v>33111</v>
      </c>
      <c r="J458">
        <v>87.727900000000005</v>
      </c>
    </row>
    <row r="459" spans="1:10" x14ac:dyDescent="0.25">
      <c r="A459">
        <v>3</v>
      </c>
      <c r="B459">
        <v>107.974</v>
      </c>
      <c r="C459">
        <v>114.598</v>
      </c>
      <c r="D459">
        <v>185.29900000000001</v>
      </c>
      <c r="E459">
        <v>16214.2</v>
      </c>
      <c r="F459">
        <v>15647.2</v>
      </c>
      <c r="G459">
        <v>23867.7</v>
      </c>
      <c r="H459">
        <v>3.19685</v>
      </c>
      <c r="I459">
        <v>36006.5</v>
      </c>
      <c r="J459">
        <v>23.1465</v>
      </c>
    </row>
    <row r="460" spans="1:10" x14ac:dyDescent="0.25">
      <c r="A460">
        <v>3</v>
      </c>
      <c r="B460">
        <v>108.446</v>
      </c>
      <c r="C460">
        <v>114.913</v>
      </c>
      <c r="D460">
        <v>186.553</v>
      </c>
      <c r="E460">
        <v>13067.7</v>
      </c>
      <c r="F460">
        <v>12330.7</v>
      </c>
      <c r="G460">
        <v>14513.4</v>
      </c>
      <c r="H460">
        <v>3.10236</v>
      </c>
      <c r="I460">
        <v>29124.2</v>
      </c>
      <c r="J460">
        <v>31.5959</v>
      </c>
    </row>
    <row r="461" spans="1:10" x14ac:dyDescent="0.25">
      <c r="A461">
        <v>3</v>
      </c>
      <c r="B461">
        <v>108.68300000000001</v>
      </c>
      <c r="C461">
        <v>133.76300000000001</v>
      </c>
      <c r="D461">
        <v>189.68700000000001</v>
      </c>
      <c r="E461">
        <v>7710.24</v>
      </c>
      <c r="F461">
        <v>11310.2</v>
      </c>
      <c r="G461">
        <v>18595.3</v>
      </c>
      <c r="H461">
        <v>3.19685</v>
      </c>
      <c r="I461">
        <v>21670.7</v>
      </c>
      <c r="J461">
        <v>135.679</v>
      </c>
    </row>
    <row r="462" spans="1:10" x14ac:dyDescent="0.25">
      <c r="A462">
        <v>3</v>
      </c>
      <c r="B462">
        <v>108.446</v>
      </c>
      <c r="C462">
        <v>141.303</v>
      </c>
      <c r="D462">
        <v>163.36199999999999</v>
      </c>
      <c r="E462">
        <v>13578</v>
      </c>
      <c r="F462">
        <v>27127.599999999999</v>
      </c>
      <c r="G462">
        <v>14513.4</v>
      </c>
      <c r="H462">
        <v>2.29921</v>
      </c>
      <c r="I462">
        <v>48761</v>
      </c>
      <c r="J462">
        <v>126.92400000000001</v>
      </c>
    </row>
    <row r="463" spans="1:10" x14ac:dyDescent="0.25">
      <c r="A463">
        <v>3</v>
      </c>
      <c r="B463">
        <v>97.580299999999994</v>
      </c>
      <c r="C463">
        <v>110.828</v>
      </c>
      <c r="D463">
        <v>169.31700000000001</v>
      </c>
      <c r="E463">
        <v>11537</v>
      </c>
      <c r="F463">
        <v>24066.1</v>
      </c>
      <c r="G463">
        <v>23357.5</v>
      </c>
      <c r="H463">
        <v>3.00787</v>
      </c>
      <c r="I463">
        <v>40311.9</v>
      </c>
      <c r="J463">
        <v>20.900099999999998</v>
      </c>
    </row>
    <row r="464" spans="1:10" x14ac:dyDescent="0.25">
      <c r="A464">
        <v>3</v>
      </c>
      <c r="B464">
        <v>109.39100000000001</v>
      </c>
      <c r="C464">
        <v>113.65600000000001</v>
      </c>
      <c r="D464">
        <v>169.63</v>
      </c>
      <c r="E464">
        <v>11452</v>
      </c>
      <c r="F464">
        <v>15392.1</v>
      </c>
      <c r="G464">
        <v>19955.900000000001</v>
      </c>
      <c r="H464">
        <v>3.3622000000000001</v>
      </c>
      <c r="I464">
        <v>31754.2</v>
      </c>
      <c r="J464">
        <v>24.3203</v>
      </c>
    </row>
    <row r="465" spans="1:10" x14ac:dyDescent="0.25">
      <c r="A465">
        <v>3</v>
      </c>
      <c r="B465">
        <v>108.919</v>
      </c>
      <c r="C465">
        <v>113.97</v>
      </c>
      <c r="D465">
        <v>168.06299999999999</v>
      </c>
      <c r="E465">
        <v>8050.39</v>
      </c>
      <c r="F465">
        <v>14881.9</v>
      </c>
      <c r="G465">
        <v>25398.400000000001</v>
      </c>
      <c r="H465">
        <v>3.9763799999999998</v>
      </c>
      <c r="I465">
        <v>26324.400000000001</v>
      </c>
      <c r="J465">
        <v>31.488099999999999</v>
      </c>
    </row>
    <row r="466" spans="1:10" x14ac:dyDescent="0.25">
      <c r="A466">
        <v>3</v>
      </c>
      <c r="B466">
        <v>94.745699999999999</v>
      </c>
      <c r="C466">
        <v>120.88200000000001</v>
      </c>
      <c r="D466">
        <v>188.12</v>
      </c>
      <c r="E466">
        <v>11962.2</v>
      </c>
      <c r="F466">
        <v>17178</v>
      </c>
      <c r="G466">
        <v>12472.4</v>
      </c>
      <c r="H466">
        <v>2.74803</v>
      </c>
      <c r="I466">
        <v>34144.6</v>
      </c>
      <c r="J466">
        <v>42.231900000000003</v>
      </c>
    </row>
    <row r="467" spans="1:10" x14ac:dyDescent="0.25">
      <c r="A467">
        <v>3</v>
      </c>
      <c r="B467">
        <v>103.25</v>
      </c>
      <c r="C467">
        <v>114.913</v>
      </c>
      <c r="D467">
        <v>155.52799999999999</v>
      </c>
      <c r="E467">
        <v>9240.94</v>
      </c>
      <c r="F467">
        <v>17688.2</v>
      </c>
      <c r="G467">
        <v>19105.5</v>
      </c>
      <c r="H467">
        <v>2.6299199999999998</v>
      </c>
      <c r="I467">
        <v>49541.599999999999</v>
      </c>
      <c r="J467">
        <v>24.9495</v>
      </c>
    </row>
    <row r="468" spans="1:10" x14ac:dyDescent="0.25">
      <c r="A468">
        <v>3</v>
      </c>
      <c r="B468">
        <v>102.30500000000001</v>
      </c>
      <c r="C468">
        <v>123.395</v>
      </c>
      <c r="D468">
        <v>184.35900000000001</v>
      </c>
      <c r="E468">
        <v>16639.400000000001</v>
      </c>
      <c r="F468">
        <v>27127.599999999999</v>
      </c>
      <c r="G468">
        <v>26589</v>
      </c>
      <c r="H468">
        <v>1.87402</v>
      </c>
      <c r="I468">
        <v>49384.9</v>
      </c>
      <c r="J468">
        <v>74.536500000000004</v>
      </c>
    </row>
    <row r="469" spans="1:10" x14ac:dyDescent="0.25">
      <c r="A469">
        <v>3</v>
      </c>
      <c r="B469">
        <v>103.25</v>
      </c>
      <c r="C469">
        <v>114.598</v>
      </c>
      <c r="D469">
        <v>169.94300000000001</v>
      </c>
      <c r="E469">
        <v>8730.7099999999991</v>
      </c>
      <c r="F469">
        <v>11820.5</v>
      </c>
      <c r="G469">
        <v>21826.799999999999</v>
      </c>
      <c r="H469">
        <v>2.8425199999999999</v>
      </c>
      <c r="I469">
        <v>24504.1</v>
      </c>
      <c r="J469">
        <v>85.858699999999999</v>
      </c>
    </row>
    <row r="470" spans="1:10" x14ac:dyDescent="0.25">
      <c r="A470">
        <v>3</v>
      </c>
      <c r="B470">
        <v>82.934600000000003</v>
      </c>
      <c r="C470">
        <v>110.828</v>
      </c>
      <c r="D470">
        <v>168.06299999999999</v>
      </c>
      <c r="E470">
        <v>10091.299999999999</v>
      </c>
      <c r="F470">
        <v>15647.2</v>
      </c>
      <c r="G470">
        <v>12472.4</v>
      </c>
      <c r="H470">
        <v>2.9370099999999999</v>
      </c>
      <c r="I470">
        <v>30199.5</v>
      </c>
      <c r="J470">
        <v>83.430700000000002</v>
      </c>
    </row>
    <row r="471" spans="1:10" x14ac:dyDescent="0.25">
      <c r="A471">
        <v>3</v>
      </c>
      <c r="B471">
        <v>106.084</v>
      </c>
      <c r="C471">
        <v>120.88200000000001</v>
      </c>
      <c r="D471">
        <v>179.97200000000001</v>
      </c>
      <c r="E471">
        <v>7200</v>
      </c>
      <c r="F471">
        <v>15902.4</v>
      </c>
      <c r="G471">
        <v>11111.8</v>
      </c>
      <c r="H471">
        <v>2.7244100000000002</v>
      </c>
      <c r="I471">
        <v>28577.9</v>
      </c>
      <c r="J471">
        <v>36.328899999999997</v>
      </c>
    </row>
    <row r="472" spans="1:10" x14ac:dyDescent="0.25">
      <c r="A472">
        <v>3</v>
      </c>
      <c r="B472">
        <v>108.919</v>
      </c>
      <c r="C472">
        <v>124.652</v>
      </c>
      <c r="D472">
        <v>184.04599999999999</v>
      </c>
      <c r="E472">
        <v>14258.3</v>
      </c>
      <c r="F472">
        <v>13351.2</v>
      </c>
      <c r="G472">
        <v>27609.4</v>
      </c>
      <c r="H472">
        <v>3.3622000000000001</v>
      </c>
      <c r="I472">
        <v>30596.2</v>
      </c>
      <c r="J472">
        <v>92.982600000000005</v>
      </c>
    </row>
    <row r="473" spans="1:10" x14ac:dyDescent="0.25">
      <c r="A473">
        <v>3</v>
      </c>
      <c r="B473">
        <v>81.753500000000003</v>
      </c>
      <c r="C473">
        <v>129.99299999999999</v>
      </c>
      <c r="D473">
        <v>189.37299999999999</v>
      </c>
      <c r="E473">
        <v>9921.26</v>
      </c>
      <c r="F473">
        <v>10800</v>
      </c>
      <c r="G473">
        <v>21826.799999999999</v>
      </c>
      <c r="H473">
        <v>2.6299199999999998</v>
      </c>
      <c r="I473">
        <v>23426.6</v>
      </c>
      <c r="J473">
        <v>119.384</v>
      </c>
    </row>
    <row r="474" spans="1:10" x14ac:dyDescent="0.25">
      <c r="A474">
        <v>3</v>
      </c>
      <c r="B474">
        <v>90.729900000000001</v>
      </c>
      <c r="C474">
        <v>114.598</v>
      </c>
      <c r="D474">
        <v>177.15100000000001</v>
      </c>
      <c r="E474">
        <v>7370.08</v>
      </c>
      <c r="F474">
        <v>12330.7</v>
      </c>
      <c r="G474">
        <v>21656.7</v>
      </c>
      <c r="H474">
        <v>2.5826799999999999</v>
      </c>
      <c r="I474">
        <v>22983.200000000001</v>
      </c>
      <c r="J474">
        <v>84.466999999999999</v>
      </c>
    </row>
    <row r="475" spans="1:10" x14ac:dyDescent="0.25">
      <c r="A475">
        <v>3</v>
      </c>
      <c r="B475">
        <v>90.729900000000001</v>
      </c>
      <c r="C475">
        <v>114.913</v>
      </c>
      <c r="D475">
        <v>175.27099999999999</v>
      </c>
      <c r="E475">
        <v>10006.299999999999</v>
      </c>
      <c r="F475">
        <v>11565.4</v>
      </c>
      <c r="G475">
        <v>21486.6</v>
      </c>
      <c r="H475">
        <v>1.35433</v>
      </c>
      <c r="I475">
        <v>26517.7</v>
      </c>
      <c r="J475">
        <v>84.947999999999993</v>
      </c>
    </row>
    <row r="476" spans="1:10" x14ac:dyDescent="0.25">
      <c r="A476">
        <v>3</v>
      </c>
      <c r="B476">
        <v>92.855900000000005</v>
      </c>
      <c r="C476">
        <v>120.88200000000001</v>
      </c>
      <c r="D476">
        <v>189.68700000000001</v>
      </c>
      <c r="E476">
        <v>15874</v>
      </c>
      <c r="F476">
        <v>11310.2</v>
      </c>
      <c r="G476">
        <v>18595.3</v>
      </c>
      <c r="H476">
        <v>2.1338599999999999</v>
      </c>
      <c r="I476">
        <v>31160.6</v>
      </c>
      <c r="J476">
        <v>43.337800000000001</v>
      </c>
    </row>
    <row r="477" spans="1:10" x14ac:dyDescent="0.25">
      <c r="A477">
        <v>3</v>
      </c>
      <c r="B477">
        <v>106.557</v>
      </c>
      <c r="C477">
        <v>114.913</v>
      </c>
      <c r="D477">
        <v>186.86600000000001</v>
      </c>
      <c r="E477">
        <v>9411.02</v>
      </c>
      <c r="F477">
        <v>14881.9</v>
      </c>
      <c r="G477">
        <v>24037.8</v>
      </c>
      <c r="H477">
        <v>1.6850400000000001</v>
      </c>
      <c r="I477">
        <v>28832.3</v>
      </c>
      <c r="J477">
        <v>36.273899999999998</v>
      </c>
    </row>
    <row r="478" spans="1:10" x14ac:dyDescent="0.25">
      <c r="A478">
        <v>3</v>
      </c>
      <c r="B478">
        <v>108.68300000000001</v>
      </c>
      <c r="C478">
        <v>118.054</v>
      </c>
      <c r="D478">
        <v>176.524</v>
      </c>
      <c r="E478">
        <v>7795.28</v>
      </c>
      <c r="F478">
        <v>11310.2</v>
      </c>
      <c r="G478">
        <v>18255.099999999999</v>
      </c>
      <c r="H478">
        <v>3.7637800000000001</v>
      </c>
      <c r="I478">
        <v>21527</v>
      </c>
      <c r="J478">
        <v>52.030999999999999</v>
      </c>
    </row>
    <row r="479" spans="1:10" x14ac:dyDescent="0.25">
      <c r="A479">
        <v>3</v>
      </c>
      <c r="B479">
        <v>105.139</v>
      </c>
      <c r="C479">
        <v>114.598</v>
      </c>
      <c r="D479">
        <v>181.852</v>
      </c>
      <c r="E479">
        <v>12812.6</v>
      </c>
      <c r="F479">
        <v>16157.5</v>
      </c>
      <c r="G479">
        <v>14513.4</v>
      </c>
      <c r="H479">
        <v>3.19685</v>
      </c>
      <c r="I479">
        <v>32909.699999999997</v>
      </c>
      <c r="J479">
        <v>20.960999999999999</v>
      </c>
    </row>
    <row r="480" spans="1:10" x14ac:dyDescent="0.25">
      <c r="A480">
        <v>3</v>
      </c>
      <c r="B480">
        <v>104.194</v>
      </c>
      <c r="C480">
        <v>114.913</v>
      </c>
      <c r="D480">
        <v>161.482</v>
      </c>
      <c r="E480">
        <v>16299.2</v>
      </c>
      <c r="F480">
        <v>31719.7</v>
      </c>
      <c r="G480">
        <v>25228.3</v>
      </c>
      <c r="H480">
        <v>3.7401599999999999</v>
      </c>
      <c r="I480">
        <v>61223.4</v>
      </c>
      <c r="J480">
        <v>30.739699999999999</v>
      </c>
    </row>
    <row r="481" spans="1:10" x14ac:dyDescent="0.25">
      <c r="A481">
        <v>3</v>
      </c>
      <c r="B481">
        <v>90.966099999999997</v>
      </c>
      <c r="C481">
        <v>114.598</v>
      </c>
      <c r="D481">
        <v>190</v>
      </c>
      <c r="E481">
        <v>10091.299999999999</v>
      </c>
      <c r="F481">
        <v>15902.4</v>
      </c>
      <c r="G481">
        <v>21826.799999999999</v>
      </c>
      <c r="H481">
        <v>2.8425199999999999</v>
      </c>
      <c r="I481">
        <v>28590.5</v>
      </c>
      <c r="J481">
        <v>42.361699999999999</v>
      </c>
    </row>
    <row r="482" spans="1:10" x14ac:dyDescent="0.25">
      <c r="A482">
        <v>3</v>
      </c>
      <c r="B482">
        <v>101.596</v>
      </c>
      <c r="C482">
        <v>138.79</v>
      </c>
      <c r="D482">
        <v>174.017</v>
      </c>
      <c r="E482">
        <v>7370.08</v>
      </c>
      <c r="F482">
        <v>13861.4</v>
      </c>
      <c r="G482">
        <v>21826.799999999999</v>
      </c>
      <c r="H482">
        <v>1.28346</v>
      </c>
      <c r="I482">
        <v>26473.599999999999</v>
      </c>
      <c r="J482">
        <v>141.42699999999999</v>
      </c>
    </row>
    <row r="483" spans="1:10" x14ac:dyDescent="0.25">
      <c r="A483">
        <v>3</v>
      </c>
      <c r="B483">
        <v>98.525199999999998</v>
      </c>
      <c r="C483">
        <v>118.68300000000001</v>
      </c>
      <c r="D483">
        <v>169.63</v>
      </c>
      <c r="E483">
        <v>10006.299999999999</v>
      </c>
      <c r="F483">
        <v>24321.3</v>
      </c>
      <c r="G483">
        <v>10941.7</v>
      </c>
      <c r="H483">
        <v>2.9133900000000001</v>
      </c>
      <c r="I483">
        <v>41229.1</v>
      </c>
      <c r="J483">
        <v>39.272399999999998</v>
      </c>
    </row>
    <row r="484" spans="1:10" x14ac:dyDescent="0.25">
      <c r="A484">
        <v>3</v>
      </c>
      <c r="B484">
        <v>97.107900000000001</v>
      </c>
      <c r="C484">
        <v>110.828</v>
      </c>
      <c r="D484">
        <v>169.00299999999999</v>
      </c>
      <c r="E484">
        <v>9496.06</v>
      </c>
      <c r="F484">
        <v>15137</v>
      </c>
      <c r="G484">
        <v>12472.4</v>
      </c>
      <c r="H484">
        <v>2.6063000000000001</v>
      </c>
      <c r="I484">
        <v>29041.9</v>
      </c>
      <c r="J484">
        <v>78.856499999999997</v>
      </c>
    </row>
    <row r="485" spans="1:10" x14ac:dyDescent="0.25">
      <c r="A485">
        <v>3</v>
      </c>
      <c r="B485">
        <v>101.36</v>
      </c>
      <c r="C485">
        <v>113.65600000000001</v>
      </c>
      <c r="D485">
        <v>186.86600000000001</v>
      </c>
      <c r="E485">
        <v>11962.2</v>
      </c>
      <c r="F485">
        <v>15392.1</v>
      </c>
      <c r="G485">
        <v>19105.5</v>
      </c>
      <c r="H485">
        <v>2.8897599999999999</v>
      </c>
      <c r="I485">
        <v>30180.9</v>
      </c>
      <c r="J485">
        <v>30.4725</v>
      </c>
    </row>
    <row r="486" spans="1:10" x14ac:dyDescent="0.25">
      <c r="A486">
        <v>3</v>
      </c>
      <c r="B486">
        <v>92.147199999999998</v>
      </c>
      <c r="C486">
        <v>113.97</v>
      </c>
      <c r="D486">
        <v>187.18</v>
      </c>
      <c r="E486">
        <v>9921.26</v>
      </c>
      <c r="F486">
        <v>16412.599999999999</v>
      </c>
      <c r="G486">
        <v>21316.5</v>
      </c>
      <c r="H486">
        <v>3.00787</v>
      </c>
      <c r="I486">
        <v>29308</v>
      </c>
      <c r="J486">
        <v>29.028600000000001</v>
      </c>
    </row>
    <row r="487" spans="1:10" x14ac:dyDescent="0.25">
      <c r="A487">
        <v>3</v>
      </c>
      <c r="B487">
        <v>98.052800000000005</v>
      </c>
      <c r="C487">
        <v>114.598</v>
      </c>
      <c r="D487">
        <v>182.792</v>
      </c>
      <c r="E487">
        <v>11196.9</v>
      </c>
      <c r="F487">
        <v>16922.8</v>
      </c>
      <c r="G487">
        <v>13663</v>
      </c>
      <c r="H487">
        <v>1.37795</v>
      </c>
      <c r="I487">
        <v>34449.4</v>
      </c>
      <c r="J487">
        <v>30.9604</v>
      </c>
    </row>
    <row r="488" spans="1:10" x14ac:dyDescent="0.25">
      <c r="A488">
        <v>3</v>
      </c>
      <c r="B488">
        <v>108.446</v>
      </c>
      <c r="C488">
        <v>114.598</v>
      </c>
      <c r="D488">
        <v>175.27099999999999</v>
      </c>
      <c r="E488">
        <v>7285.04</v>
      </c>
      <c r="F488">
        <v>16922.8</v>
      </c>
      <c r="G488">
        <v>18085</v>
      </c>
      <c r="H488">
        <v>3.1259800000000002</v>
      </c>
      <c r="I488">
        <v>28449.5</v>
      </c>
      <c r="J488">
        <v>28.0016</v>
      </c>
    </row>
    <row r="489" spans="1:10" x14ac:dyDescent="0.25">
      <c r="A489">
        <v>3</v>
      </c>
      <c r="B489">
        <v>88.131500000000003</v>
      </c>
      <c r="C489">
        <v>119.93899999999999</v>
      </c>
      <c r="D489">
        <v>187.80600000000001</v>
      </c>
      <c r="E489">
        <v>9240.94</v>
      </c>
      <c r="F489">
        <v>14881.9</v>
      </c>
      <c r="G489">
        <v>16384.3</v>
      </c>
      <c r="H489">
        <v>2.8425199999999999</v>
      </c>
      <c r="I489">
        <v>28125</v>
      </c>
      <c r="J489">
        <v>39.500799999999998</v>
      </c>
    </row>
    <row r="490" spans="1:10" x14ac:dyDescent="0.25">
      <c r="A490">
        <v>3</v>
      </c>
      <c r="B490">
        <v>106.79300000000001</v>
      </c>
      <c r="C490">
        <v>118.68300000000001</v>
      </c>
      <c r="D490">
        <v>179.97200000000001</v>
      </c>
      <c r="E490">
        <v>7880.31</v>
      </c>
      <c r="F490">
        <v>12330.7</v>
      </c>
      <c r="G490">
        <v>24037.8</v>
      </c>
      <c r="H490">
        <v>3.1732300000000002</v>
      </c>
      <c r="I490">
        <v>22812</v>
      </c>
      <c r="J490">
        <v>43.624099999999999</v>
      </c>
    </row>
    <row r="491" spans="1:10" x14ac:dyDescent="0.25">
      <c r="A491">
        <v>3</v>
      </c>
      <c r="B491">
        <v>93.092100000000002</v>
      </c>
      <c r="C491">
        <v>124.652</v>
      </c>
      <c r="D491">
        <v>169.63</v>
      </c>
      <c r="E491">
        <v>11366.9</v>
      </c>
      <c r="F491">
        <v>11055.1</v>
      </c>
      <c r="G491">
        <v>23187.4</v>
      </c>
      <c r="H491">
        <v>3.3858299999999999</v>
      </c>
      <c r="I491">
        <v>25159.3</v>
      </c>
      <c r="J491">
        <v>56.012500000000003</v>
      </c>
    </row>
    <row r="492" spans="1:10" x14ac:dyDescent="0.25">
      <c r="A492">
        <v>3</v>
      </c>
      <c r="B492">
        <v>104.667</v>
      </c>
      <c r="C492">
        <v>138.161</v>
      </c>
      <c r="D492">
        <v>169.63</v>
      </c>
      <c r="E492">
        <v>10091.299999999999</v>
      </c>
      <c r="F492">
        <v>11055.1</v>
      </c>
      <c r="G492">
        <v>26078.7</v>
      </c>
      <c r="H492">
        <v>3.14961</v>
      </c>
      <c r="I492">
        <v>24674.5</v>
      </c>
      <c r="J492">
        <v>139.81399999999999</v>
      </c>
    </row>
    <row r="493" spans="1:10" x14ac:dyDescent="0.25">
      <c r="A493">
        <v>3</v>
      </c>
      <c r="B493">
        <v>100.887</v>
      </c>
      <c r="C493">
        <v>113.342</v>
      </c>
      <c r="D493">
        <v>158.035</v>
      </c>
      <c r="E493">
        <v>11281.9</v>
      </c>
      <c r="F493">
        <v>12330.7</v>
      </c>
      <c r="G493">
        <v>12132.3</v>
      </c>
      <c r="H493">
        <v>2.7716500000000002</v>
      </c>
      <c r="I493">
        <v>38221.599999999999</v>
      </c>
      <c r="J493">
        <v>81.0334</v>
      </c>
    </row>
    <row r="494" spans="1:10" x14ac:dyDescent="0.25">
      <c r="A494">
        <v>3</v>
      </c>
      <c r="B494">
        <v>109.864</v>
      </c>
      <c r="C494">
        <v>114.598</v>
      </c>
      <c r="D494">
        <v>169.00299999999999</v>
      </c>
      <c r="E494">
        <v>10856.7</v>
      </c>
      <c r="F494">
        <v>11310.2</v>
      </c>
      <c r="G494">
        <v>25398.400000000001</v>
      </c>
      <c r="H494">
        <v>3.3858299999999999</v>
      </c>
      <c r="I494">
        <v>25626.3</v>
      </c>
      <c r="J494">
        <v>36.209800000000001</v>
      </c>
    </row>
    <row r="495" spans="1:10" x14ac:dyDescent="0.25">
      <c r="A495">
        <v>3</v>
      </c>
      <c r="B495">
        <v>100.41500000000001</v>
      </c>
      <c r="C495">
        <v>123.709</v>
      </c>
      <c r="D495">
        <v>168.69</v>
      </c>
      <c r="E495">
        <v>11366.9</v>
      </c>
      <c r="F495">
        <v>18708.7</v>
      </c>
      <c r="G495">
        <v>21826.799999999999</v>
      </c>
      <c r="H495">
        <v>3.0551200000000001</v>
      </c>
      <c r="I495">
        <v>36649.300000000003</v>
      </c>
      <c r="J495">
        <v>106.858</v>
      </c>
    </row>
    <row r="496" spans="1:10" x14ac:dyDescent="0.25">
      <c r="A496">
        <v>3</v>
      </c>
      <c r="B496">
        <v>99.470100000000002</v>
      </c>
      <c r="C496">
        <v>114.598</v>
      </c>
      <c r="D496">
        <v>169.63</v>
      </c>
      <c r="E496">
        <v>7370.08</v>
      </c>
      <c r="F496">
        <v>13351.2</v>
      </c>
      <c r="G496">
        <v>23867.7</v>
      </c>
      <c r="H496">
        <v>3.00787</v>
      </c>
      <c r="I496">
        <v>24654.6</v>
      </c>
      <c r="J496">
        <v>86.202200000000005</v>
      </c>
    </row>
    <row r="497" spans="1:10" x14ac:dyDescent="0.25">
      <c r="A497">
        <v>3</v>
      </c>
      <c r="B497">
        <v>104.194</v>
      </c>
      <c r="C497">
        <v>114.598</v>
      </c>
      <c r="D497">
        <v>186.553</v>
      </c>
      <c r="E497">
        <v>16214.2</v>
      </c>
      <c r="F497">
        <v>15137</v>
      </c>
      <c r="G497">
        <v>14513.4</v>
      </c>
      <c r="H497">
        <v>3.19685</v>
      </c>
      <c r="I497">
        <v>36072.400000000001</v>
      </c>
      <c r="J497">
        <v>23.267499999999998</v>
      </c>
    </row>
    <row r="498" spans="1:10" x14ac:dyDescent="0.25">
      <c r="A498">
        <v>3</v>
      </c>
      <c r="B498">
        <v>107.029</v>
      </c>
      <c r="C498">
        <v>114.598</v>
      </c>
      <c r="D498">
        <v>169.31700000000001</v>
      </c>
      <c r="E498">
        <v>11962.2</v>
      </c>
      <c r="F498">
        <v>11310.2</v>
      </c>
      <c r="G498">
        <v>18425.2</v>
      </c>
      <c r="H498">
        <v>2.9842499999999998</v>
      </c>
      <c r="I498">
        <v>26783.3</v>
      </c>
      <c r="J498">
        <v>38.944000000000003</v>
      </c>
    </row>
    <row r="499" spans="1:10" x14ac:dyDescent="0.25">
      <c r="A499">
        <v>3</v>
      </c>
      <c r="B499">
        <v>109.864</v>
      </c>
      <c r="C499">
        <v>123.395</v>
      </c>
      <c r="D499">
        <v>163.36199999999999</v>
      </c>
      <c r="E499">
        <v>9496.06</v>
      </c>
      <c r="F499">
        <v>27127.599999999999</v>
      </c>
      <c r="G499">
        <v>25228.3</v>
      </c>
      <c r="H499">
        <v>3.9527600000000001</v>
      </c>
      <c r="I499">
        <v>47548.5</v>
      </c>
      <c r="J499">
        <v>24.069400000000002</v>
      </c>
    </row>
    <row r="500" spans="1:10" x14ac:dyDescent="0.25">
      <c r="A500">
        <v>3</v>
      </c>
      <c r="B500">
        <v>89.076400000000007</v>
      </c>
      <c r="C500">
        <v>114.598</v>
      </c>
      <c r="D500">
        <v>190</v>
      </c>
      <c r="E500">
        <v>12132.3</v>
      </c>
      <c r="F500">
        <v>15392.1</v>
      </c>
      <c r="G500">
        <v>21146.5</v>
      </c>
      <c r="H500">
        <v>3.55118</v>
      </c>
      <c r="I500">
        <v>29804.799999999999</v>
      </c>
      <c r="J500">
        <v>46.1464</v>
      </c>
    </row>
    <row r="501" spans="1:10" x14ac:dyDescent="0.25">
      <c r="A501">
        <v>3</v>
      </c>
      <c r="B501">
        <v>90.966099999999997</v>
      </c>
      <c r="C501">
        <v>124.652</v>
      </c>
      <c r="D501">
        <v>169.31700000000001</v>
      </c>
      <c r="E501">
        <v>7370.08</v>
      </c>
      <c r="F501">
        <v>11820.5</v>
      </c>
      <c r="G501">
        <v>21826.799999999999</v>
      </c>
      <c r="H501">
        <v>2.5590600000000001</v>
      </c>
      <c r="I501">
        <v>22400.1</v>
      </c>
      <c r="J501">
        <v>51.270099999999999</v>
      </c>
    </row>
    <row r="502" spans="1:10" x14ac:dyDescent="0.25">
      <c r="A502">
        <v>3</v>
      </c>
      <c r="B502">
        <v>104.667</v>
      </c>
      <c r="C502">
        <v>113.342</v>
      </c>
      <c r="D502">
        <v>166.809</v>
      </c>
      <c r="E502">
        <v>8815.75</v>
      </c>
      <c r="F502">
        <v>24066.1</v>
      </c>
      <c r="G502">
        <v>9070.8700000000008</v>
      </c>
      <c r="H502">
        <v>1.4960599999999999</v>
      </c>
      <c r="I502">
        <v>42891.4</v>
      </c>
      <c r="J502">
        <v>27.0947</v>
      </c>
    </row>
    <row r="503" spans="1:10" x14ac:dyDescent="0.25">
      <c r="A503">
        <v>3</v>
      </c>
      <c r="B503">
        <v>81.989800000000002</v>
      </c>
      <c r="C503">
        <v>114.598</v>
      </c>
      <c r="D503">
        <v>189.37299999999999</v>
      </c>
      <c r="E503">
        <v>15618.9</v>
      </c>
      <c r="F503">
        <v>37332.300000000003</v>
      </c>
      <c r="G503">
        <v>21826.799999999999</v>
      </c>
      <c r="H503">
        <v>1.6614199999999999</v>
      </c>
      <c r="I503">
        <v>59165.2</v>
      </c>
      <c r="J503">
        <v>37.3992</v>
      </c>
    </row>
    <row r="504" spans="1:10" x14ac:dyDescent="0.25">
      <c r="A504">
        <v>3</v>
      </c>
      <c r="B504">
        <v>83.4071</v>
      </c>
      <c r="C504">
        <v>113.342</v>
      </c>
      <c r="D504">
        <v>168.06299999999999</v>
      </c>
      <c r="E504">
        <v>11452</v>
      </c>
      <c r="F504">
        <v>23811</v>
      </c>
      <c r="G504">
        <v>12472.4</v>
      </c>
      <c r="H504">
        <v>2.9370099999999999</v>
      </c>
      <c r="I504">
        <v>42086.400000000001</v>
      </c>
      <c r="J504">
        <v>36.07</v>
      </c>
    </row>
    <row r="505" spans="1:10" x14ac:dyDescent="0.25">
      <c r="A505">
        <v>3</v>
      </c>
      <c r="B505">
        <v>93.092100000000002</v>
      </c>
      <c r="C505">
        <v>113.342</v>
      </c>
      <c r="D505">
        <v>179.97200000000001</v>
      </c>
      <c r="E505">
        <v>8815.75</v>
      </c>
      <c r="F505">
        <v>16667.7</v>
      </c>
      <c r="G505">
        <v>19785.8</v>
      </c>
      <c r="H505">
        <v>4</v>
      </c>
      <c r="I505">
        <v>27845.200000000001</v>
      </c>
      <c r="J505">
        <v>43.386699999999998</v>
      </c>
    </row>
    <row r="506" spans="1:10" x14ac:dyDescent="0.25">
      <c r="A506">
        <v>3</v>
      </c>
      <c r="B506">
        <v>95.218100000000007</v>
      </c>
      <c r="C506">
        <v>114.598</v>
      </c>
      <c r="D506">
        <v>169.31700000000001</v>
      </c>
      <c r="E506">
        <v>11962.2</v>
      </c>
      <c r="F506">
        <v>11310.2</v>
      </c>
      <c r="G506">
        <v>25398.400000000001</v>
      </c>
      <c r="H506">
        <v>2.9133900000000001</v>
      </c>
      <c r="I506">
        <v>27252.5</v>
      </c>
      <c r="J506">
        <v>69.624799999999993</v>
      </c>
    </row>
    <row r="507" spans="1:10" x14ac:dyDescent="0.25">
      <c r="A507">
        <v>3</v>
      </c>
      <c r="B507">
        <v>109.864</v>
      </c>
      <c r="C507">
        <v>114.598</v>
      </c>
      <c r="D507">
        <v>161.482</v>
      </c>
      <c r="E507">
        <v>16554.3</v>
      </c>
      <c r="F507">
        <v>27637.8</v>
      </c>
      <c r="G507">
        <v>24888.2</v>
      </c>
      <c r="H507">
        <v>2.25197</v>
      </c>
      <c r="I507">
        <v>56942.7</v>
      </c>
      <c r="J507">
        <v>28.878799999999998</v>
      </c>
    </row>
    <row r="508" spans="1:10" x14ac:dyDescent="0.25">
      <c r="A508">
        <v>3</v>
      </c>
      <c r="B508">
        <v>108.68300000000001</v>
      </c>
      <c r="C508">
        <v>119.31100000000001</v>
      </c>
      <c r="D508">
        <v>176.524</v>
      </c>
      <c r="E508">
        <v>7625.2</v>
      </c>
      <c r="F508">
        <v>11310.2</v>
      </c>
      <c r="G508">
        <v>18255.099999999999</v>
      </c>
      <c r="H508">
        <v>2.5354299999999999</v>
      </c>
      <c r="I508">
        <v>22023.599999999999</v>
      </c>
      <c r="J508">
        <v>42.276899999999998</v>
      </c>
    </row>
    <row r="509" spans="1:10" x14ac:dyDescent="0.25">
      <c r="A509">
        <v>3</v>
      </c>
      <c r="B509">
        <v>89.076400000000007</v>
      </c>
      <c r="C509">
        <v>124.652</v>
      </c>
      <c r="D509">
        <v>179.97200000000001</v>
      </c>
      <c r="E509">
        <v>7370.08</v>
      </c>
      <c r="F509">
        <v>11820.5</v>
      </c>
      <c r="G509">
        <v>21826.799999999999</v>
      </c>
      <c r="H509">
        <v>3.5039400000000001</v>
      </c>
      <c r="I509">
        <v>21390.1</v>
      </c>
      <c r="J509">
        <v>54.182099999999998</v>
      </c>
    </row>
    <row r="510" spans="1:10" x14ac:dyDescent="0.25">
      <c r="A510">
        <v>3</v>
      </c>
      <c r="B510">
        <v>98.052800000000005</v>
      </c>
      <c r="C510">
        <v>115.855</v>
      </c>
      <c r="D510">
        <v>159.91499999999999</v>
      </c>
      <c r="E510">
        <v>8305.51</v>
      </c>
      <c r="F510">
        <v>15902.4</v>
      </c>
      <c r="G510">
        <v>13833.1</v>
      </c>
      <c r="H510">
        <v>2.9133900000000001</v>
      </c>
      <c r="I510">
        <v>39735.4</v>
      </c>
      <c r="J510">
        <v>31.3948</v>
      </c>
    </row>
    <row r="511" spans="1:10" x14ac:dyDescent="0.25">
      <c r="A511">
        <v>3</v>
      </c>
      <c r="B511">
        <v>91.674800000000005</v>
      </c>
      <c r="C511">
        <v>123.709</v>
      </c>
      <c r="D511">
        <v>179.65799999999999</v>
      </c>
      <c r="E511">
        <v>9921.26</v>
      </c>
      <c r="F511">
        <v>11055.1</v>
      </c>
      <c r="G511">
        <v>19275.599999999999</v>
      </c>
      <c r="H511">
        <v>3.6929099999999999</v>
      </c>
      <c r="I511">
        <v>23321</v>
      </c>
      <c r="J511">
        <v>108.785</v>
      </c>
    </row>
    <row r="512" spans="1:10" x14ac:dyDescent="0.25">
      <c r="A512">
        <v>3</v>
      </c>
      <c r="B512">
        <v>108.68300000000001</v>
      </c>
      <c r="C512">
        <v>113.65600000000001</v>
      </c>
      <c r="D512">
        <v>179.65799999999999</v>
      </c>
      <c r="E512">
        <v>10176.4</v>
      </c>
      <c r="F512">
        <v>12330.7</v>
      </c>
      <c r="G512">
        <v>19785.8</v>
      </c>
      <c r="H512">
        <v>3.9527600000000001</v>
      </c>
      <c r="I512">
        <v>24794.1</v>
      </c>
      <c r="J512">
        <v>43.034599999999998</v>
      </c>
    </row>
    <row r="513" spans="1:10" x14ac:dyDescent="0.25">
      <c r="A513">
        <v>3</v>
      </c>
      <c r="B513">
        <v>107.265</v>
      </c>
      <c r="C513">
        <v>114.598</v>
      </c>
      <c r="D513">
        <v>159.91499999999999</v>
      </c>
      <c r="E513">
        <v>10601.6</v>
      </c>
      <c r="F513">
        <v>12330.7</v>
      </c>
      <c r="G513">
        <v>19785.8</v>
      </c>
      <c r="H513">
        <v>3.9527600000000001</v>
      </c>
      <c r="I513">
        <v>39430.199999999997</v>
      </c>
      <c r="J513">
        <v>40.658099999999997</v>
      </c>
    </row>
    <row r="514" spans="1:10" x14ac:dyDescent="0.25">
      <c r="A514">
        <v>3</v>
      </c>
      <c r="B514">
        <v>107.029</v>
      </c>
      <c r="C514">
        <v>114.913</v>
      </c>
      <c r="D514">
        <v>166.809</v>
      </c>
      <c r="E514">
        <v>8305.51</v>
      </c>
      <c r="F514">
        <v>15392.1</v>
      </c>
      <c r="G514">
        <v>24548</v>
      </c>
      <c r="H514">
        <v>3.7637800000000001</v>
      </c>
      <c r="I514">
        <v>27394.2</v>
      </c>
      <c r="J514">
        <v>27.9758</v>
      </c>
    </row>
    <row r="515" spans="1:10" x14ac:dyDescent="0.25">
      <c r="A515">
        <v>3</v>
      </c>
      <c r="B515">
        <v>87.186599999999999</v>
      </c>
      <c r="C515">
        <v>124.652</v>
      </c>
      <c r="D515">
        <v>183.10599999999999</v>
      </c>
      <c r="E515">
        <v>9921.26</v>
      </c>
      <c r="F515">
        <v>13096.1</v>
      </c>
      <c r="G515">
        <v>21656.7</v>
      </c>
      <c r="H515">
        <v>1.51969</v>
      </c>
      <c r="I515">
        <v>29376.9</v>
      </c>
      <c r="J515">
        <v>29.3751</v>
      </c>
    </row>
    <row r="516" spans="1:10" x14ac:dyDescent="0.25">
      <c r="A516">
        <v>3</v>
      </c>
      <c r="B516">
        <v>102.069</v>
      </c>
      <c r="C516">
        <v>114.913</v>
      </c>
      <c r="D516">
        <v>155.84100000000001</v>
      </c>
      <c r="E516">
        <v>11962.2</v>
      </c>
      <c r="F516">
        <v>15137</v>
      </c>
      <c r="G516">
        <v>20466.099999999999</v>
      </c>
      <c r="H516">
        <v>3.90551</v>
      </c>
      <c r="I516">
        <v>53255.8</v>
      </c>
      <c r="J516">
        <v>48.010100000000001</v>
      </c>
    </row>
    <row r="517" spans="1:10" x14ac:dyDescent="0.25">
      <c r="A517">
        <v>3</v>
      </c>
      <c r="B517">
        <v>104.194</v>
      </c>
      <c r="C517">
        <v>112.08499999999999</v>
      </c>
      <c r="D517">
        <v>164.30199999999999</v>
      </c>
      <c r="E517">
        <v>7285.04</v>
      </c>
      <c r="F517">
        <v>15647.2</v>
      </c>
      <c r="G517">
        <v>20466.099999999999</v>
      </c>
      <c r="H517">
        <v>3.0787399999999998</v>
      </c>
      <c r="I517">
        <v>29967.1</v>
      </c>
      <c r="J517">
        <v>57.874499999999998</v>
      </c>
    </row>
    <row r="518" spans="1:10" x14ac:dyDescent="0.25">
      <c r="A518">
        <v>3</v>
      </c>
      <c r="B518">
        <v>95.454300000000003</v>
      </c>
      <c r="C518">
        <v>112.08499999999999</v>
      </c>
      <c r="D518">
        <v>169.00299999999999</v>
      </c>
      <c r="E518">
        <v>15533.9</v>
      </c>
      <c r="F518">
        <v>17433.099999999999</v>
      </c>
      <c r="G518">
        <v>19275.599999999999</v>
      </c>
      <c r="H518">
        <v>2.79528</v>
      </c>
      <c r="I518">
        <v>37880.699999999997</v>
      </c>
      <c r="J518">
        <v>32.138399999999997</v>
      </c>
    </row>
    <row r="519" spans="1:10" x14ac:dyDescent="0.25">
      <c r="A519">
        <v>3</v>
      </c>
      <c r="B519">
        <v>106.557</v>
      </c>
      <c r="C519">
        <v>124.96599999999999</v>
      </c>
      <c r="D519">
        <v>189.37299999999999</v>
      </c>
      <c r="E519">
        <v>17659.8</v>
      </c>
      <c r="F519">
        <v>16922.8</v>
      </c>
      <c r="G519">
        <v>11622</v>
      </c>
      <c r="H519">
        <v>2.8189000000000002</v>
      </c>
      <c r="I519">
        <v>37887.699999999997</v>
      </c>
      <c r="J519">
        <v>91.111199999999997</v>
      </c>
    </row>
    <row r="520" spans="1:10" x14ac:dyDescent="0.25">
      <c r="A520">
        <v>3</v>
      </c>
      <c r="B520">
        <v>102.777</v>
      </c>
      <c r="C520">
        <v>113.342</v>
      </c>
      <c r="D520">
        <v>169.63</v>
      </c>
      <c r="E520">
        <v>12897.6</v>
      </c>
      <c r="F520">
        <v>16922.8</v>
      </c>
      <c r="G520">
        <v>18595.3</v>
      </c>
      <c r="H520">
        <v>2.6063000000000001</v>
      </c>
      <c r="I520">
        <v>33880.1</v>
      </c>
      <c r="J520">
        <v>26.476400000000002</v>
      </c>
    </row>
    <row r="521" spans="1:10" x14ac:dyDescent="0.25">
      <c r="A521">
        <v>3</v>
      </c>
      <c r="B521">
        <v>107.265</v>
      </c>
      <c r="C521">
        <v>124.652</v>
      </c>
      <c r="D521">
        <v>169.94300000000001</v>
      </c>
      <c r="E521">
        <v>10601.6</v>
      </c>
      <c r="F521">
        <v>10800</v>
      </c>
      <c r="G521">
        <v>20466.099999999999</v>
      </c>
      <c r="H521">
        <v>3.7637800000000001</v>
      </c>
      <c r="I521">
        <v>24071.200000000001</v>
      </c>
      <c r="J521">
        <v>35.462600000000002</v>
      </c>
    </row>
    <row r="522" spans="1:10" x14ac:dyDescent="0.25">
      <c r="A522">
        <v>3</v>
      </c>
      <c r="B522">
        <v>108.68300000000001</v>
      </c>
      <c r="C522">
        <v>119.31100000000001</v>
      </c>
      <c r="D522">
        <v>176.524</v>
      </c>
      <c r="E522">
        <v>7625.2</v>
      </c>
      <c r="F522">
        <v>11310.2</v>
      </c>
      <c r="G522">
        <v>18255.099999999999</v>
      </c>
      <c r="H522">
        <v>2.5354299999999999</v>
      </c>
      <c r="I522">
        <v>22023.599999999999</v>
      </c>
      <c r="J522">
        <v>42.276899999999998</v>
      </c>
    </row>
    <row r="523" spans="1:10" x14ac:dyDescent="0.25">
      <c r="A523">
        <v>3</v>
      </c>
      <c r="B523">
        <v>109.39100000000001</v>
      </c>
      <c r="C523">
        <v>113.65600000000001</v>
      </c>
      <c r="D523">
        <v>169.63</v>
      </c>
      <c r="E523">
        <v>11452</v>
      </c>
      <c r="F523">
        <v>15392.1</v>
      </c>
      <c r="G523">
        <v>19955.900000000001</v>
      </c>
      <c r="H523">
        <v>3.3622000000000001</v>
      </c>
      <c r="I523">
        <v>31754.2</v>
      </c>
      <c r="J523">
        <v>24.3203</v>
      </c>
    </row>
    <row r="524" spans="1:10" x14ac:dyDescent="0.25">
      <c r="A524">
        <v>3</v>
      </c>
      <c r="B524">
        <v>109.864</v>
      </c>
      <c r="C524">
        <v>123.395</v>
      </c>
      <c r="D524">
        <v>162.10900000000001</v>
      </c>
      <c r="E524">
        <v>16639.400000000001</v>
      </c>
      <c r="F524">
        <v>27637.8</v>
      </c>
      <c r="G524">
        <v>25228.3</v>
      </c>
      <c r="H524">
        <v>2.25197</v>
      </c>
      <c r="I524">
        <v>54963.199999999997</v>
      </c>
      <c r="J524">
        <v>18.724399999999999</v>
      </c>
    </row>
    <row r="525" spans="1:10" x14ac:dyDescent="0.25">
      <c r="A525">
        <v>3</v>
      </c>
      <c r="B525">
        <v>108.68300000000001</v>
      </c>
      <c r="C525">
        <v>119.31100000000001</v>
      </c>
      <c r="D525">
        <v>176.524</v>
      </c>
      <c r="E525">
        <v>7625.2</v>
      </c>
      <c r="F525">
        <v>11310.2</v>
      </c>
      <c r="G525">
        <v>18255.099999999999</v>
      </c>
      <c r="H525">
        <v>2.5354299999999999</v>
      </c>
      <c r="I525">
        <v>22023.599999999999</v>
      </c>
      <c r="J525">
        <v>42.276899999999998</v>
      </c>
    </row>
    <row r="526" spans="1:10" x14ac:dyDescent="0.25">
      <c r="A526">
        <v>3</v>
      </c>
      <c r="B526">
        <v>109.864</v>
      </c>
      <c r="C526">
        <v>124.652</v>
      </c>
      <c r="D526">
        <v>184.672</v>
      </c>
      <c r="E526">
        <v>10176.4</v>
      </c>
      <c r="F526">
        <v>10800</v>
      </c>
      <c r="G526">
        <v>25228.3</v>
      </c>
      <c r="H526">
        <v>2.2283499999999998</v>
      </c>
      <c r="I526">
        <v>26281</v>
      </c>
      <c r="J526">
        <v>25.187100000000001</v>
      </c>
    </row>
    <row r="527" spans="1:10" x14ac:dyDescent="0.25">
      <c r="A527">
        <v>3</v>
      </c>
      <c r="B527">
        <v>108.68300000000001</v>
      </c>
      <c r="C527">
        <v>119.31100000000001</v>
      </c>
      <c r="D527">
        <v>176.524</v>
      </c>
      <c r="E527">
        <v>7625.2</v>
      </c>
      <c r="F527">
        <v>11310.2</v>
      </c>
      <c r="G527">
        <v>18255.099999999999</v>
      </c>
      <c r="H527">
        <v>2.5354299999999999</v>
      </c>
      <c r="I527">
        <v>22023.599999999999</v>
      </c>
      <c r="J527">
        <v>42.276899999999998</v>
      </c>
    </row>
    <row r="528" spans="1:10" x14ac:dyDescent="0.25">
      <c r="A528">
        <v>3</v>
      </c>
      <c r="B528">
        <v>109.864</v>
      </c>
      <c r="C528">
        <v>124.652</v>
      </c>
      <c r="D528">
        <v>184.672</v>
      </c>
      <c r="E528">
        <v>10176.4</v>
      </c>
      <c r="F528">
        <v>10800</v>
      </c>
      <c r="G528">
        <v>25228.3</v>
      </c>
      <c r="H528">
        <v>2.2283499999999998</v>
      </c>
      <c r="I528">
        <v>26281</v>
      </c>
      <c r="J528">
        <v>25.187100000000001</v>
      </c>
    </row>
    <row r="529" spans="1:10" x14ac:dyDescent="0.25">
      <c r="A529">
        <v>3</v>
      </c>
      <c r="B529">
        <v>102.30500000000001</v>
      </c>
      <c r="C529">
        <v>113.65600000000001</v>
      </c>
      <c r="D529">
        <v>186.239</v>
      </c>
      <c r="E529">
        <v>11962.2</v>
      </c>
      <c r="F529">
        <v>18708.7</v>
      </c>
      <c r="G529">
        <v>21826.799999999999</v>
      </c>
      <c r="H529">
        <v>2.9606300000000001</v>
      </c>
      <c r="I529">
        <v>34419.599999999999</v>
      </c>
      <c r="J529">
        <v>20.557300000000001</v>
      </c>
    </row>
    <row r="530" spans="1:10" x14ac:dyDescent="0.25">
      <c r="A530">
        <v>3</v>
      </c>
      <c r="B530">
        <v>89.076400000000007</v>
      </c>
      <c r="C530">
        <v>124.652</v>
      </c>
      <c r="D530">
        <v>179.97200000000001</v>
      </c>
      <c r="E530">
        <v>7370.08</v>
      </c>
      <c r="F530">
        <v>11820.5</v>
      </c>
      <c r="G530">
        <v>21826.799999999999</v>
      </c>
      <c r="H530">
        <v>3.5039400000000001</v>
      </c>
      <c r="I530">
        <v>21390.1</v>
      </c>
      <c r="J530">
        <v>54.182099999999998</v>
      </c>
    </row>
    <row r="531" spans="1:10" x14ac:dyDescent="0.25">
      <c r="A531">
        <v>3</v>
      </c>
      <c r="B531">
        <v>98.052800000000005</v>
      </c>
      <c r="C531">
        <v>110.828</v>
      </c>
      <c r="D531">
        <v>169.31700000000001</v>
      </c>
      <c r="E531">
        <v>11537</v>
      </c>
      <c r="F531">
        <v>24321.3</v>
      </c>
      <c r="G531">
        <v>12472.4</v>
      </c>
      <c r="H531">
        <v>2.9133900000000001</v>
      </c>
      <c r="I531">
        <v>41324.199999999997</v>
      </c>
      <c r="J531">
        <v>20.279499999999999</v>
      </c>
    </row>
    <row r="532" spans="1:10" x14ac:dyDescent="0.25">
      <c r="A532">
        <v>3</v>
      </c>
      <c r="B532">
        <v>109.864</v>
      </c>
      <c r="C532">
        <v>124.652</v>
      </c>
      <c r="D532">
        <v>184.672</v>
      </c>
      <c r="E532">
        <v>10176.4</v>
      </c>
      <c r="F532">
        <v>10800</v>
      </c>
      <c r="G532">
        <v>25228.3</v>
      </c>
      <c r="H532">
        <v>2.2283499999999998</v>
      </c>
      <c r="I532">
        <v>26281</v>
      </c>
      <c r="J532">
        <v>25.187100000000001</v>
      </c>
    </row>
    <row r="533" spans="1:10" x14ac:dyDescent="0.25">
      <c r="A533">
        <v>3</v>
      </c>
      <c r="B533">
        <v>108.68300000000001</v>
      </c>
      <c r="C533">
        <v>118.054</v>
      </c>
      <c r="D533">
        <v>176.524</v>
      </c>
      <c r="E533">
        <v>7795.28</v>
      </c>
      <c r="F533">
        <v>11310.2</v>
      </c>
      <c r="G533">
        <v>18255.099999999999</v>
      </c>
      <c r="H533">
        <v>3.7637800000000001</v>
      </c>
      <c r="I533">
        <v>21527</v>
      </c>
      <c r="J533">
        <v>52.030999999999999</v>
      </c>
    </row>
    <row r="534" spans="1:10" x14ac:dyDescent="0.25">
      <c r="A534">
        <v>3</v>
      </c>
      <c r="B534">
        <v>105.139</v>
      </c>
      <c r="C534">
        <v>114.598</v>
      </c>
      <c r="D534">
        <v>181.852</v>
      </c>
      <c r="E534">
        <v>12812.6</v>
      </c>
      <c r="F534">
        <v>16157.5</v>
      </c>
      <c r="G534">
        <v>14513.4</v>
      </c>
      <c r="H534">
        <v>3.19685</v>
      </c>
      <c r="I534">
        <v>32909.699999999997</v>
      </c>
      <c r="J534">
        <v>20.960999999999999</v>
      </c>
    </row>
    <row r="561" spans="1:10" x14ac:dyDescent="0.25">
      <c r="A561">
        <v>4</v>
      </c>
      <c r="B561">
        <v>109.864</v>
      </c>
      <c r="C561">
        <v>124.652</v>
      </c>
      <c r="D561">
        <v>184.672</v>
      </c>
      <c r="E561">
        <v>10176.4</v>
      </c>
      <c r="F561">
        <v>10800</v>
      </c>
      <c r="G561">
        <v>25228.3</v>
      </c>
      <c r="H561">
        <v>2.2283499999999998</v>
      </c>
      <c r="I561">
        <v>26281</v>
      </c>
      <c r="J561">
        <v>25.187100000000001</v>
      </c>
    </row>
    <row r="562" spans="1:10" x14ac:dyDescent="0.25">
      <c r="A562">
        <v>4</v>
      </c>
      <c r="B562">
        <v>107.265</v>
      </c>
      <c r="C562">
        <v>124.652</v>
      </c>
      <c r="D562">
        <v>169.94300000000001</v>
      </c>
      <c r="E562">
        <v>10601.6</v>
      </c>
      <c r="F562">
        <v>10800</v>
      </c>
      <c r="G562">
        <v>20466.099999999999</v>
      </c>
      <c r="H562">
        <v>3.7637800000000001</v>
      </c>
      <c r="I562">
        <v>24071.200000000001</v>
      </c>
      <c r="J562">
        <v>35.462600000000002</v>
      </c>
    </row>
    <row r="563" spans="1:10" x14ac:dyDescent="0.25">
      <c r="A563">
        <v>4</v>
      </c>
      <c r="B563">
        <v>105.139</v>
      </c>
      <c r="C563">
        <v>114.598</v>
      </c>
      <c r="D563">
        <v>181.852</v>
      </c>
      <c r="E563">
        <v>12812.6</v>
      </c>
      <c r="F563">
        <v>16157.5</v>
      </c>
      <c r="G563">
        <v>14513.4</v>
      </c>
      <c r="H563">
        <v>3.19685</v>
      </c>
      <c r="I563">
        <v>32909.699999999997</v>
      </c>
      <c r="J563">
        <v>20.960999999999999</v>
      </c>
    </row>
    <row r="564" spans="1:10" x14ac:dyDescent="0.25">
      <c r="A564">
        <v>4</v>
      </c>
      <c r="B564">
        <v>102.30500000000001</v>
      </c>
      <c r="C564">
        <v>113.65600000000001</v>
      </c>
      <c r="D564">
        <v>186.239</v>
      </c>
      <c r="E564">
        <v>11962.2</v>
      </c>
      <c r="F564">
        <v>18708.7</v>
      </c>
      <c r="G564">
        <v>21826.799999999999</v>
      </c>
      <c r="H564">
        <v>2.9606300000000001</v>
      </c>
      <c r="I564">
        <v>34419.599999999999</v>
      </c>
      <c r="J564">
        <v>20.557300000000001</v>
      </c>
    </row>
    <row r="565" spans="1:10" x14ac:dyDescent="0.25">
      <c r="A565">
        <v>4</v>
      </c>
      <c r="B565">
        <v>98.052800000000005</v>
      </c>
      <c r="C565">
        <v>110.828</v>
      </c>
      <c r="D565">
        <v>169.31700000000001</v>
      </c>
      <c r="E565">
        <v>11537</v>
      </c>
      <c r="F565">
        <v>24321.3</v>
      </c>
      <c r="G565">
        <v>12472.4</v>
      </c>
      <c r="H565">
        <v>2.9133900000000001</v>
      </c>
      <c r="I565">
        <v>41324.199999999997</v>
      </c>
      <c r="J565">
        <v>20.279499999999999</v>
      </c>
    </row>
    <row r="566" spans="1:10" x14ac:dyDescent="0.25">
      <c r="A566">
        <v>4</v>
      </c>
      <c r="B566">
        <v>109.39100000000001</v>
      </c>
      <c r="C566">
        <v>113.65600000000001</v>
      </c>
      <c r="D566">
        <v>169.63</v>
      </c>
      <c r="E566">
        <v>11452</v>
      </c>
      <c r="F566">
        <v>15392.1</v>
      </c>
      <c r="G566">
        <v>19955.900000000001</v>
      </c>
      <c r="H566">
        <v>3.3622000000000001</v>
      </c>
      <c r="I566">
        <v>31754.2</v>
      </c>
      <c r="J566">
        <v>24.3203</v>
      </c>
    </row>
    <row r="567" spans="1:10" x14ac:dyDescent="0.25">
      <c r="A567">
        <v>4</v>
      </c>
      <c r="B567">
        <v>108.68300000000001</v>
      </c>
      <c r="C567">
        <v>118.054</v>
      </c>
      <c r="D567">
        <v>176.524</v>
      </c>
      <c r="E567">
        <v>7795.28</v>
      </c>
      <c r="F567">
        <v>11310.2</v>
      </c>
      <c r="G567">
        <v>18255.099999999999</v>
      </c>
      <c r="H567">
        <v>3.7637800000000001</v>
      </c>
      <c r="I567">
        <v>21527</v>
      </c>
      <c r="J567">
        <v>52.030999999999999</v>
      </c>
    </row>
    <row r="568" spans="1:10" x14ac:dyDescent="0.25">
      <c r="A568">
        <v>4</v>
      </c>
      <c r="B568">
        <v>109.864</v>
      </c>
      <c r="C568">
        <v>123.395</v>
      </c>
      <c r="D568">
        <v>162.10900000000001</v>
      </c>
      <c r="E568">
        <v>16639.400000000001</v>
      </c>
      <c r="F568">
        <v>27637.8</v>
      </c>
      <c r="G568">
        <v>25228.3</v>
      </c>
      <c r="H568">
        <v>2.25197</v>
      </c>
      <c r="I568">
        <v>54963.199999999997</v>
      </c>
      <c r="J568">
        <v>18.724399999999999</v>
      </c>
    </row>
    <row r="569" spans="1:10" x14ac:dyDescent="0.25">
      <c r="A569">
        <v>4</v>
      </c>
      <c r="B569">
        <v>101.83199999999999</v>
      </c>
      <c r="C569">
        <v>113.65600000000001</v>
      </c>
      <c r="D569">
        <v>160.85499999999999</v>
      </c>
      <c r="E569">
        <v>12132.3</v>
      </c>
      <c r="F569">
        <v>16412.599999999999</v>
      </c>
      <c r="G569">
        <v>7540.16</v>
      </c>
      <c r="H569">
        <v>3.4094500000000001</v>
      </c>
      <c r="I569">
        <v>38022.800000000003</v>
      </c>
      <c r="J569">
        <v>29.079000000000001</v>
      </c>
    </row>
    <row r="570" spans="1:10" x14ac:dyDescent="0.25">
      <c r="A570">
        <v>4</v>
      </c>
      <c r="B570">
        <v>108.919</v>
      </c>
      <c r="C570">
        <v>114.913</v>
      </c>
      <c r="D570">
        <v>156.78100000000001</v>
      </c>
      <c r="E570">
        <v>7625.2</v>
      </c>
      <c r="F570">
        <v>15392.1</v>
      </c>
      <c r="G570">
        <v>18595.3</v>
      </c>
      <c r="H570">
        <v>2.5354299999999999</v>
      </c>
      <c r="I570">
        <v>44141.4</v>
      </c>
      <c r="J570">
        <v>22.0504</v>
      </c>
    </row>
    <row r="571" spans="1:10" x14ac:dyDescent="0.25">
      <c r="A571">
        <v>4</v>
      </c>
      <c r="B571">
        <v>102.069</v>
      </c>
      <c r="C571">
        <v>113.65600000000001</v>
      </c>
      <c r="D571">
        <v>186.239</v>
      </c>
      <c r="E571">
        <v>8050.39</v>
      </c>
      <c r="F571">
        <v>18453.5</v>
      </c>
      <c r="G571">
        <v>21656.7</v>
      </c>
      <c r="H571">
        <v>2.9606300000000001</v>
      </c>
      <c r="I571">
        <v>30076.799999999999</v>
      </c>
      <c r="J571">
        <v>35.999499999999998</v>
      </c>
    </row>
    <row r="572" spans="1:10" x14ac:dyDescent="0.25">
      <c r="A572">
        <v>4</v>
      </c>
      <c r="B572">
        <v>107.265</v>
      </c>
      <c r="C572">
        <v>134.70599999999999</v>
      </c>
      <c r="D572">
        <v>169.00299999999999</v>
      </c>
      <c r="E572">
        <v>9921.26</v>
      </c>
      <c r="F572">
        <v>11310.2</v>
      </c>
      <c r="G572">
        <v>18595.3</v>
      </c>
      <c r="H572">
        <v>3.19685</v>
      </c>
      <c r="I572">
        <v>25606</v>
      </c>
      <c r="J572">
        <v>125.67100000000001</v>
      </c>
    </row>
    <row r="573" spans="1:10" x14ac:dyDescent="0.25">
      <c r="A573">
        <v>4</v>
      </c>
      <c r="B573">
        <v>102.30500000000001</v>
      </c>
      <c r="C573">
        <v>114.598</v>
      </c>
      <c r="D573">
        <v>169.31700000000001</v>
      </c>
      <c r="E573">
        <v>11537</v>
      </c>
      <c r="F573">
        <v>24321.3</v>
      </c>
      <c r="G573">
        <v>9751.18</v>
      </c>
      <c r="H573">
        <v>2.6299199999999998</v>
      </c>
      <c r="I573">
        <v>42635.199999999997</v>
      </c>
      <c r="J573">
        <v>26.602599999999999</v>
      </c>
    </row>
    <row r="574" spans="1:10" x14ac:dyDescent="0.25">
      <c r="A574">
        <v>4</v>
      </c>
      <c r="B574">
        <v>98.525199999999998</v>
      </c>
      <c r="C574">
        <v>113.342</v>
      </c>
      <c r="D574">
        <v>181.53899999999999</v>
      </c>
      <c r="E574">
        <v>11111.8</v>
      </c>
      <c r="F574">
        <v>11310.2</v>
      </c>
      <c r="G574">
        <v>22507.1</v>
      </c>
      <c r="H574">
        <v>1.54331</v>
      </c>
      <c r="I574">
        <v>26806.400000000001</v>
      </c>
      <c r="J574">
        <v>56.552399999999999</v>
      </c>
    </row>
    <row r="575" spans="1:10" x14ac:dyDescent="0.25">
      <c r="A575">
        <v>4</v>
      </c>
      <c r="B575">
        <v>87.186599999999999</v>
      </c>
      <c r="C575">
        <v>114.598</v>
      </c>
      <c r="D575">
        <v>181.22499999999999</v>
      </c>
      <c r="E575">
        <v>11962.2</v>
      </c>
      <c r="F575">
        <v>17688.2</v>
      </c>
      <c r="G575">
        <v>21826.799999999999</v>
      </c>
      <c r="H575">
        <v>1.4252</v>
      </c>
      <c r="I575">
        <v>35194.199999999997</v>
      </c>
      <c r="J575">
        <v>30.642099999999999</v>
      </c>
    </row>
    <row r="576" spans="1:10" x14ac:dyDescent="0.25">
      <c r="A576">
        <v>4</v>
      </c>
      <c r="B576">
        <v>89.076400000000007</v>
      </c>
      <c r="C576">
        <v>124.652</v>
      </c>
      <c r="D576">
        <v>179.97200000000001</v>
      </c>
      <c r="E576">
        <v>7370.08</v>
      </c>
      <c r="F576">
        <v>12330.7</v>
      </c>
      <c r="G576">
        <v>21486.6</v>
      </c>
      <c r="H576">
        <v>3.5039400000000001</v>
      </c>
      <c r="I576">
        <v>22096</v>
      </c>
      <c r="J576">
        <v>51.308900000000001</v>
      </c>
    </row>
    <row r="577" spans="1:10" x14ac:dyDescent="0.25">
      <c r="A577">
        <v>4</v>
      </c>
      <c r="B577">
        <v>82.462199999999996</v>
      </c>
      <c r="C577">
        <v>110.828</v>
      </c>
      <c r="D577">
        <v>164.30199999999999</v>
      </c>
      <c r="E577">
        <v>10176.4</v>
      </c>
      <c r="F577">
        <v>25086.6</v>
      </c>
      <c r="G577">
        <v>21996.9</v>
      </c>
      <c r="H577">
        <v>2.9842499999999998</v>
      </c>
      <c r="I577">
        <v>41863</v>
      </c>
      <c r="J577">
        <v>27.6496</v>
      </c>
    </row>
    <row r="578" spans="1:10" x14ac:dyDescent="0.25">
      <c r="A578">
        <v>4</v>
      </c>
      <c r="B578">
        <v>88.131500000000003</v>
      </c>
      <c r="C578">
        <v>114.913</v>
      </c>
      <c r="D578">
        <v>159.91499999999999</v>
      </c>
      <c r="E578">
        <v>8050.39</v>
      </c>
      <c r="F578">
        <v>11055.1</v>
      </c>
      <c r="G578">
        <v>15023.6</v>
      </c>
      <c r="H578">
        <v>3.9527600000000001</v>
      </c>
      <c r="I578">
        <v>35372</v>
      </c>
      <c r="J578">
        <v>106.50700000000001</v>
      </c>
    </row>
    <row r="579" spans="1:10" x14ac:dyDescent="0.25">
      <c r="A579">
        <v>4</v>
      </c>
      <c r="B579">
        <v>105.376</v>
      </c>
      <c r="C579">
        <v>114.913</v>
      </c>
      <c r="D579">
        <v>166.49600000000001</v>
      </c>
      <c r="E579">
        <v>12982.7</v>
      </c>
      <c r="F579">
        <v>11820.5</v>
      </c>
      <c r="G579">
        <v>25398.400000000001</v>
      </c>
      <c r="H579">
        <v>3.10236</v>
      </c>
      <c r="I579">
        <v>29213.4</v>
      </c>
      <c r="J579">
        <v>45.921300000000002</v>
      </c>
    </row>
    <row r="580" spans="1:10" x14ac:dyDescent="0.25">
      <c r="A580">
        <v>4</v>
      </c>
      <c r="B580">
        <v>108.446</v>
      </c>
      <c r="C580">
        <v>114.913</v>
      </c>
      <c r="D580">
        <v>179.03100000000001</v>
      </c>
      <c r="E580">
        <v>10091.299999999999</v>
      </c>
      <c r="F580">
        <v>15392.1</v>
      </c>
      <c r="G580">
        <v>18595.3</v>
      </c>
      <c r="H580">
        <v>3.00787</v>
      </c>
      <c r="I580">
        <v>29705.599999999999</v>
      </c>
      <c r="J580">
        <v>34.084000000000003</v>
      </c>
    </row>
    <row r="581" spans="1:10" x14ac:dyDescent="0.25">
      <c r="A581">
        <v>4</v>
      </c>
      <c r="B581">
        <v>106.084</v>
      </c>
      <c r="C581">
        <v>113.342</v>
      </c>
      <c r="D581">
        <v>162.422</v>
      </c>
      <c r="E581">
        <v>16639.400000000001</v>
      </c>
      <c r="F581">
        <v>12330.7</v>
      </c>
      <c r="G581">
        <v>14513.4</v>
      </c>
      <c r="H581">
        <v>2.25197</v>
      </c>
      <c r="I581">
        <v>37942.6</v>
      </c>
      <c r="J581">
        <v>25.6173</v>
      </c>
    </row>
    <row r="582" spans="1:10" x14ac:dyDescent="0.25">
      <c r="A582">
        <v>4</v>
      </c>
      <c r="B582">
        <v>108.446</v>
      </c>
      <c r="C582">
        <v>118.68300000000001</v>
      </c>
      <c r="D582">
        <v>169.94300000000001</v>
      </c>
      <c r="E582">
        <v>9921.26</v>
      </c>
      <c r="F582">
        <v>16412.599999999999</v>
      </c>
      <c r="G582">
        <v>19955.900000000001</v>
      </c>
      <c r="H582">
        <v>3.7401599999999999</v>
      </c>
      <c r="I582">
        <v>31993.1</v>
      </c>
      <c r="J582">
        <v>21.443300000000001</v>
      </c>
    </row>
    <row r="583" spans="1:10" x14ac:dyDescent="0.25">
      <c r="A583">
        <v>4</v>
      </c>
      <c r="B583">
        <v>98.525199999999998</v>
      </c>
      <c r="C583">
        <v>114.598</v>
      </c>
      <c r="D583">
        <v>184.35900000000001</v>
      </c>
      <c r="E583">
        <v>10176.4</v>
      </c>
      <c r="F583">
        <v>16922.8</v>
      </c>
      <c r="G583">
        <v>21146.5</v>
      </c>
      <c r="H583">
        <v>1.1417299999999999</v>
      </c>
      <c r="I583">
        <v>33336.699999999997</v>
      </c>
      <c r="J583">
        <v>31.698699999999999</v>
      </c>
    </row>
    <row r="584" spans="1:10" x14ac:dyDescent="0.25">
      <c r="A584">
        <v>4</v>
      </c>
      <c r="B584">
        <v>89.312600000000003</v>
      </c>
      <c r="C584">
        <v>124.96599999999999</v>
      </c>
      <c r="D584">
        <v>179.97200000000001</v>
      </c>
      <c r="E584">
        <v>7540.16</v>
      </c>
      <c r="F584">
        <v>10800</v>
      </c>
      <c r="G584">
        <v>18255.099999999999</v>
      </c>
      <c r="H584">
        <v>2.74803</v>
      </c>
      <c r="I584">
        <v>21143</v>
      </c>
      <c r="J584">
        <v>106.333</v>
      </c>
    </row>
    <row r="585" spans="1:10" x14ac:dyDescent="0.25">
      <c r="A585">
        <v>4</v>
      </c>
      <c r="B585">
        <v>102.30500000000001</v>
      </c>
      <c r="C585">
        <v>113.65600000000001</v>
      </c>
      <c r="D585">
        <v>167.12299999999999</v>
      </c>
      <c r="E585">
        <v>12557.5</v>
      </c>
      <c r="F585">
        <v>29933.9</v>
      </c>
      <c r="G585">
        <v>22507.1</v>
      </c>
      <c r="H585">
        <v>3.7637800000000001</v>
      </c>
      <c r="I585">
        <v>50066.7</v>
      </c>
      <c r="J585">
        <v>29.779399999999999</v>
      </c>
    </row>
    <row r="586" spans="1:10" x14ac:dyDescent="0.25">
      <c r="A586">
        <v>4</v>
      </c>
      <c r="B586">
        <v>90.021299999999997</v>
      </c>
      <c r="C586">
        <v>123.395</v>
      </c>
      <c r="D586">
        <v>169.94300000000001</v>
      </c>
      <c r="E586">
        <v>10006.299999999999</v>
      </c>
      <c r="F586">
        <v>15392.1</v>
      </c>
      <c r="G586">
        <v>23867.7</v>
      </c>
      <c r="H586">
        <v>3.7401599999999999</v>
      </c>
      <c r="I586">
        <v>30004.7</v>
      </c>
      <c r="J586">
        <v>106.334</v>
      </c>
    </row>
    <row r="587" spans="1:10" x14ac:dyDescent="0.25">
      <c r="A587">
        <v>4</v>
      </c>
      <c r="B587">
        <v>94.509399999999999</v>
      </c>
      <c r="C587">
        <v>129.679</v>
      </c>
      <c r="D587">
        <v>169.00299999999999</v>
      </c>
      <c r="E587">
        <v>7540.16</v>
      </c>
      <c r="F587">
        <v>11820.5</v>
      </c>
      <c r="G587">
        <v>21656.7</v>
      </c>
      <c r="H587">
        <v>2.5354299999999999</v>
      </c>
      <c r="I587">
        <v>23632.1</v>
      </c>
      <c r="J587">
        <v>118.26900000000001</v>
      </c>
    </row>
    <row r="588" spans="1:10" x14ac:dyDescent="0.25">
      <c r="A588">
        <v>4</v>
      </c>
      <c r="B588">
        <v>103.25</v>
      </c>
      <c r="C588">
        <v>119.93899999999999</v>
      </c>
      <c r="D588">
        <v>187.80600000000001</v>
      </c>
      <c r="E588">
        <v>14683.5</v>
      </c>
      <c r="F588">
        <v>16922.8</v>
      </c>
      <c r="G588">
        <v>17744.900000000001</v>
      </c>
      <c r="H588">
        <v>3.1732300000000002</v>
      </c>
      <c r="I588">
        <v>35194.6</v>
      </c>
      <c r="J588">
        <v>77.451899999999995</v>
      </c>
    </row>
    <row r="589" spans="1:10" x14ac:dyDescent="0.25">
      <c r="A589">
        <v>4</v>
      </c>
      <c r="B589">
        <v>109.39100000000001</v>
      </c>
      <c r="C589">
        <v>118.68300000000001</v>
      </c>
      <c r="D589">
        <v>176.524</v>
      </c>
      <c r="E589">
        <v>7795.28</v>
      </c>
      <c r="F589">
        <v>15392.1</v>
      </c>
      <c r="G589">
        <v>21316.5</v>
      </c>
      <c r="H589">
        <v>3.3622000000000001</v>
      </c>
      <c r="I589">
        <v>27389.9</v>
      </c>
      <c r="J589">
        <v>28.491700000000002</v>
      </c>
    </row>
    <row r="590" spans="1:10" x14ac:dyDescent="0.25">
      <c r="A590">
        <v>4</v>
      </c>
      <c r="B590">
        <v>83.4071</v>
      </c>
      <c r="C590">
        <v>113.02800000000001</v>
      </c>
      <c r="D590">
        <v>165.24299999999999</v>
      </c>
      <c r="E590">
        <v>9921.26</v>
      </c>
      <c r="F590">
        <v>17178</v>
      </c>
      <c r="G590">
        <v>8730.7099999999991</v>
      </c>
      <c r="H590">
        <v>2.8897599999999999</v>
      </c>
      <c r="I590">
        <v>33024</v>
      </c>
      <c r="J590">
        <v>45.765599999999999</v>
      </c>
    </row>
    <row r="591" spans="1:10" x14ac:dyDescent="0.25">
      <c r="A591">
        <v>4</v>
      </c>
      <c r="B591">
        <v>109.39100000000001</v>
      </c>
      <c r="C591">
        <v>114.598</v>
      </c>
      <c r="D591">
        <v>175.27099999999999</v>
      </c>
      <c r="E591">
        <v>7455.12</v>
      </c>
      <c r="F591">
        <v>17433.099999999999</v>
      </c>
      <c r="G591">
        <v>18255.099999999999</v>
      </c>
      <c r="H591">
        <v>2.9606300000000001</v>
      </c>
      <c r="I591">
        <v>29423.5</v>
      </c>
      <c r="J591">
        <v>25.471</v>
      </c>
    </row>
    <row r="592" spans="1:10" x14ac:dyDescent="0.25">
      <c r="A592">
        <v>4</v>
      </c>
      <c r="B592">
        <v>105.139</v>
      </c>
      <c r="C592">
        <v>110.828</v>
      </c>
      <c r="D592">
        <v>166.809</v>
      </c>
      <c r="E592">
        <v>11537</v>
      </c>
      <c r="F592">
        <v>23555.9</v>
      </c>
      <c r="G592">
        <v>27269.3</v>
      </c>
      <c r="H592">
        <v>3.00787</v>
      </c>
      <c r="I592">
        <v>41684.199999999997</v>
      </c>
      <c r="J592">
        <v>25.23</v>
      </c>
    </row>
    <row r="593" spans="1:10" x14ac:dyDescent="0.25">
      <c r="A593">
        <v>4</v>
      </c>
      <c r="B593">
        <v>109.864</v>
      </c>
      <c r="C593">
        <v>113.342</v>
      </c>
      <c r="D593">
        <v>169.00299999999999</v>
      </c>
      <c r="E593">
        <v>10091.299999999999</v>
      </c>
      <c r="F593">
        <v>15392.1</v>
      </c>
      <c r="G593">
        <v>9751.18</v>
      </c>
      <c r="H593">
        <v>2.5354299999999999</v>
      </c>
      <c r="I593">
        <v>30541.8</v>
      </c>
      <c r="J593">
        <v>31.096800000000002</v>
      </c>
    </row>
    <row r="594" spans="1:10" x14ac:dyDescent="0.25">
      <c r="A594">
        <v>4</v>
      </c>
      <c r="B594">
        <v>100.41500000000001</v>
      </c>
      <c r="C594">
        <v>114.598</v>
      </c>
      <c r="D594">
        <v>183.10599999999999</v>
      </c>
      <c r="E594">
        <v>16214.2</v>
      </c>
      <c r="F594">
        <v>15647.2</v>
      </c>
      <c r="G594">
        <v>26589</v>
      </c>
      <c r="H594">
        <v>3.0551200000000001</v>
      </c>
      <c r="I594">
        <v>36031.5</v>
      </c>
      <c r="J594">
        <v>27.9102</v>
      </c>
    </row>
    <row r="595" spans="1:10" x14ac:dyDescent="0.25">
      <c r="A595">
        <v>4</v>
      </c>
      <c r="B595">
        <v>94.745699999999999</v>
      </c>
      <c r="C595">
        <v>123.709</v>
      </c>
      <c r="D595">
        <v>186.239</v>
      </c>
      <c r="E595">
        <v>8560.6299999999992</v>
      </c>
      <c r="F595">
        <v>20749.599999999999</v>
      </c>
      <c r="G595">
        <v>21826.799999999999</v>
      </c>
      <c r="H595">
        <v>3.6929099999999999</v>
      </c>
      <c r="I595">
        <v>32018.9</v>
      </c>
      <c r="J595">
        <v>109.593</v>
      </c>
    </row>
    <row r="596" spans="1:10" x14ac:dyDescent="0.25">
      <c r="A596">
        <v>4</v>
      </c>
      <c r="B596">
        <v>90.966099999999997</v>
      </c>
      <c r="C596">
        <v>114.598</v>
      </c>
      <c r="D596">
        <v>179.97200000000001</v>
      </c>
      <c r="E596">
        <v>7455.12</v>
      </c>
      <c r="F596">
        <v>10800</v>
      </c>
      <c r="G596">
        <v>21316.5</v>
      </c>
      <c r="H596">
        <v>3.3385799999999999</v>
      </c>
      <c r="I596">
        <v>21225.4</v>
      </c>
      <c r="J596">
        <v>138.66</v>
      </c>
    </row>
    <row r="597" spans="1:10" x14ac:dyDescent="0.25">
      <c r="A597">
        <v>4</v>
      </c>
      <c r="B597">
        <v>90.966099999999997</v>
      </c>
      <c r="C597">
        <v>112.08499999999999</v>
      </c>
      <c r="D597">
        <v>189.06</v>
      </c>
      <c r="E597">
        <v>11537</v>
      </c>
      <c r="F597">
        <v>24321.3</v>
      </c>
      <c r="G597">
        <v>12472.4</v>
      </c>
      <c r="H597">
        <v>2.9133900000000001</v>
      </c>
      <c r="I597">
        <v>40507.9</v>
      </c>
      <c r="J597">
        <v>36.298099999999998</v>
      </c>
    </row>
    <row r="598" spans="1:10" x14ac:dyDescent="0.25">
      <c r="A598">
        <v>4</v>
      </c>
      <c r="B598">
        <v>94.981899999999996</v>
      </c>
      <c r="C598">
        <v>133.44900000000001</v>
      </c>
      <c r="D598">
        <v>179.97200000000001</v>
      </c>
      <c r="E598">
        <v>8730.7099999999991</v>
      </c>
      <c r="F598">
        <v>11310.2</v>
      </c>
      <c r="G598">
        <v>18595.3</v>
      </c>
      <c r="H598">
        <v>3.2440899999999999</v>
      </c>
      <c r="I598">
        <v>23021.9</v>
      </c>
      <c r="J598">
        <v>131.15199999999999</v>
      </c>
    </row>
    <row r="599" spans="1:10" x14ac:dyDescent="0.25">
      <c r="A599">
        <v>4</v>
      </c>
      <c r="B599">
        <v>106.79300000000001</v>
      </c>
      <c r="C599">
        <v>124.652</v>
      </c>
      <c r="D599">
        <v>189.68700000000001</v>
      </c>
      <c r="E599">
        <v>10601.6</v>
      </c>
      <c r="F599">
        <v>10800</v>
      </c>
      <c r="G599">
        <v>20466.099999999999</v>
      </c>
      <c r="H599">
        <v>3.7637800000000001</v>
      </c>
      <c r="I599">
        <v>24051.9</v>
      </c>
      <c r="J599">
        <v>101.373</v>
      </c>
    </row>
    <row r="600" spans="1:10" x14ac:dyDescent="0.25">
      <c r="A600">
        <v>4</v>
      </c>
      <c r="B600">
        <v>106.084</v>
      </c>
      <c r="C600">
        <v>113.342</v>
      </c>
      <c r="D600">
        <v>190</v>
      </c>
      <c r="E600">
        <v>8560.6299999999992</v>
      </c>
      <c r="F600">
        <v>14881.9</v>
      </c>
      <c r="G600">
        <v>19105.5</v>
      </c>
      <c r="H600">
        <v>2.7244100000000002</v>
      </c>
      <c r="I600">
        <v>26097</v>
      </c>
      <c r="J600">
        <v>34.766500000000001</v>
      </c>
    </row>
    <row r="601" spans="1:10" x14ac:dyDescent="0.25">
      <c r="A601">
        <v>4</v>
      </c>
      <c r="B601">
        <v>109.39100000000001</v>
      </c>
      <c r="C601">
        <v>114.598</v>
      </c>
      <c r="D601">
        <v>189.68700000000001</v>
      </c>
      <c r="E601">
        <v>10006.299999999999</v>
      </c>
      <c r="F601">
        <v>16922.8</v>
      </c>
      <c r="G601">
        <v>25228.3</v>
      </c>
      <c r="H601">
        <v>3.8346499999999999</v>
      </c>
      <c r="I601">
        <v>31043.9</v>
      </c>
      <c r="J601">
        <v>27.939900000000002</v>
      </c>
    </row>
    <row r="602" spans="1:10" x14ac:dyDescent="0.25">
      <c r="A602">
        <v>4</v>
      </c>
      <c r="B602">
        <v>98.052800000000005</v>
      </c>
      <c r="C602">
        <v>110.828</v>
      </c>
      <c r="D602">
        <v>169.31700000000001</v>
      </c>
      <c r="E602">
        <v>11537</v>
      </c>
      <c r="F602">
        <v>24321.3</v>
      </c>
      <c r="G602">
        <v>12472.4</v>
      </c>
      <c r="H602">
        <v>2.9133900000000001</v>
      </c>
      <c r="I602">
        <v>41324.199999999997</v>
      </c>
      <c r="J602">
        <v>20.279499999999999</v>
      </c>
    </row>
    <row r="603" spans="1:10" x14ac:dyDescent="0.25">
      <c r="A603">
        <v>4</v>
      </c>
      <c r="B603">
        <v>106.79300000000001</v>
      </c>
      <c r="C603">
        <v>114.28400000000001</v>
      </c>
      <c r="D603">
        <v>187.18</v>
      </c>
      <c r="E603">
        <v>7370.08</v>
      </c>
      <c r="F603">
        <v>11310.2</v>
      </c>
      <c r="G603">
        <v>19275.599999999999</v>
      </c>
      <c r="H603">
        <v>3.7637800000000001</v>
      </c>
      <c r="I603">
        <v>20970.2</v>
      </c>
      <c r="J603">
        <v>78.617999999999995</v>
      </c>
    </row>
    <row r="604" spans="1:10" x14ac:dyDescent="0.25">
      <c r="A604">
        <v>4</v>
      </c>
      <c r="B604">
        <v>94.745699999999999</v>
      </c>
      <c r="C604">
        <v>124.652</v>
      </c>
      <c r="D604">
        <v>189.68700000000001</v>
      </c>
      <c r="E604">
        <v>10091.299999999999</v>
      </c>
      <c r="F604">
        <v>10800</v>
      </c>
      <c r="G604">
        <v>28629.9</v>
      </c>
      <c r="H604">
        <v>2.4645700000000001</v>
      </c>
      <c r="I604">
        <v>23747.599999999999</v>
      </c>
      <c r="J604">
        <v>46.600200000000001</v>
      </c>
    </row>
    <row r="605" spans="1:10" x14ac:dyDescent="0.25">
      <c r="A605">
        <v>4</v>
      </c>
      <c r="B605">
        <v>110.1</v>
      </c>
      <c r="C605">
        <v>114.913</v>
      </c>
      <c r="D605">
        <v>178.405</v>
      </c>
      <c r="E605">
        <v>10431.5</v>
      </c>
      <c r="F605">
        <v>16412.599999999999</v>
      </c>
      <c r="G605">
        <v>21316.5</v>
      </c>
      <c r="H605">
        <v>2.1810999999999998</v>
      </c>
      <c r="I605">
        <v>32691.8</v>
      </c>
      <c r="J605">
        <v>29.8949</v>
      </c>
    </row>
    <row r="606" spans="1:10" x14ac:dyDescent="0.25">
      <c r="A606">
        <v>4</v>
      </c>
      <c r="B606">
        <v>92.855900000000005</v>
      </c>
      <c r="C606">
        <v>114.598</v>
      </c>
      <c r="D606">
        <v>164.30199999999999</v>
      </c>
      <c r="E606">
        <v>10091.299999999999</v>
      </c>
      <c r="F606">
        <v>15392.1</v>
      </c>
      <c r="G606">
        <v>21826.799999999999</v>
      </c>
      <c r="H606">
        <v>1.09449</v>
      </c>
      <c r="I606">
        <v>33067.4</v>
      </c>
      <c r="J606">
        <v>26.4421</v>
      </c>
    </row>
    <row r="607" spans="1:10" x14ac:dyDescent="0.25">
      <c r="A607">
        <v>4</v>
      </c>
      <c r="B607">
        <v>98.525199999999998</v>
      </c>
      <c r="C607">
        <v>119.625</v>
      </c>
      <c r="D607">
        <v>186.86600000000001</v>
      </c>
      <c r="E607">
        <v>15618.9</v>
      </c>
      <c r="F607">
        <v>23045.7</v>
      </c>
      <c r="G607">
        <v>18595.3</v>
      </c>
      <c r="H607">
        <v>3.00787</v>
      </c>
      <c r="I607">
        <v>42431.9</v>
      </c>
      <c r="J607">
        <v>85.198999999999998</v>
      </c>
    </row>
    <row r="608" spans="1:10" x14ac:dyDescent="0.25">
      <c r="A608">
        <v>4</v>
      </c>
      <c r="B608">
        <v>108.21</v>
      </c>
      <c r="C608">
        <v>114.598</v>
      </c>
      <c r="D608">
        <v>185.29900000000001</v>
      </c>
      <c r="E608">
        <v>16724.400000000001</v>
      </c>
      <c r="F608">
        <v>15647.2</v>
      </c>
      <c r="G608">
        <v>24548</v>
      </c>
      <c r="H608">
        <v>3.1732300000000002</v>
      </c>
      <c r="I608">
        <v>36665.1</v>
      </c>
      <c r="J608">
        <v>29.7408</v>
      </c>
    </row>
    <row r="609" spans="1:10" x14ac:dyDescent="0.25">
      <c r="A609">
        <v>4</v>
      </c>
      <c r="B609">
        <v>93.800799999999995</v>
      </c>
      <c r="C609">
        <v>124.652</v>
      </c>
      <c r="D609">
        <v>188.12</v>
      </c>
      <c r="E609">
        <v>10091.299999999999</v>
      </c>
      <c r="F609">
        <v>17688.2</v>
      </c>
      <c r="G609">
        <v>21996.9</v>
      </c>
      <c r="H609">
        <v>3.7401599999999999</v>
      </c>
      <c r="I609">
        <v>30585.7</v>
      </c>
      <c r="J609">
        <v>105.90600000000001</v>
      </c>
    </row>
    <row r="610" spans="1:10" x14ac:dyDescent="0.25">
      <c r="A610">
        <v>4</v>
      </c>
      <c r="B610">
        <v>105.139</v>
      </c>
      <c r="C610">
        <v>113.342</v>
      </c>
      <c r="D610">
        <v>186.86600000000001</v>
      </c>
      <c r="E610">
        <v>11452</v>
      </c>
      <c r="F610">
        <v>24066.1</v>
      </c>
      <c r="G610">
        <v>9751.18</v>
      </c>
      <c r="H610">
        <v>3.19685</v>
      </c>
      <c r="I610">
        <v>40017.599999999999</v>
      </c>
      <c r="J610">
        <v>29.588999999999999</v>
      </c>
    </row>
    <row r="611" spans="1:10" x14ac:dyDescent="0.25">
      <c r="A611">
        <v>4</v>
      </c>
      <c r="B611">
        <v>102.30500000000001</v>
      </c>
      <c r="C611">
        <v>114.913</v>
      </c>
      <c r="D611">
        <v>186.86600000000001</v>
      </c>
      <c r="E611">
        <v>9921.26</v>
      </c>
      <c r="F611">
        <v>16157.5</v>
      </c>
      <c r="G611">
        <v>8900.7900000000009</v>
      </c>
      <c r="H611">
        <v>3.2440899999999999</v>
      </c>
      <c r="I611">
        <v>28830.1</v>
      </c>
      <c r="J611">
        <v>31.566500000000001</v>
      </c>
    </row>
    <row r="612" spans="1:10" x14ac:dyDescent="0.25">
      <c r="A612">
        <v>4</v>
      </c>
      <c r="B612">
        <v>109.864</v>
      </c>
      <c r="C612">
        <v>124.652</v>
      </c>
      <c r="D612">
        <v>184.04599999999999</v>
      </c>
      <c r="E612">
        <v>11537</v>
      </c>
      <c r="F612">
        <v>24066.1</v>
      </c>
      <c r="G612">
        <v>19785.8</v>
      </c>
      <c r="H612">
        <v>2.25197</v>
      </c>
      <c r="I612">
        <v>39652.9</v>
      </c>
      <c r="J612">
        <v>100.40900000000001</v>
      </c>
    </row>
    <row r="613" spans="1:10" x14ac:dyDescent="0.25">
      <c r="A613">
        <v>4</v>
      </c>
      <c r="B613">
        <v>90.729900000000001</v>
      </c>
      <c r="C613">
        <v>114.598</v>
      </c>
      <c r="D613">
        <v>172.137</v>
      </c>
      <c r="E613">
        <v>8135.43</v>
      </c>
      <c r="F613">
        <v>11310.2</v>
      </c>
      <c r="G613">
        <v>21996.9</v>
      </c>
      <c r="H613">
        <v>2.5826799999999999</v>
      </c>
      <c r="I613">
        <v>23196.9</v>
      </c>
      <c r="J613">
        <v>105.163</v>
      </c>
    </row>
    <row r="614" spans="1:10" x14ac:dyDescent="0.25">
      <c r="A614">
        <v>4</v>
      </c>
      <c r="B614">
        <v>108.68300000000001</v>
      </c>
      <c r="C614">
        <v>119.93899999999999</v>
      </c>
      <c r="D614">
        <v>189.06</v>
      </c>
      <c r="E614">
        <v>7710.24</v>
      </c>
      <c r="F614">
        <v>11310.2</v>
      </c>
      <c r="G614">
        <v>18595.3</v>
      </c>
      <c r="H614">
        <v>2.6299199999999998</v>
      </c>
      <c r="I614">
        <v>21825.7</v>
      </c>
      <c r="J614">
        <v>47.731299999999997</v>
      </c>
    </row>
    <row r="615" spans="1:10" x14ac:dyDescent="0.25">
      <c r="A615">
        <v>4</v>
      </c>
      <c r="B615">
        <v>107.738</v>
      </c>
      <c r="C615">
        <v>128.422</v>
      </c>
      <c r="D615">
        <v>182.16499999999999</v>
      </c>
      <c r="E615">
        <v>7965.35</v>
      </c>
      <c r="F615">
        <v>11310.2</v>
      </c>
      <c r="G615">
        <v>24037.8</v>
      </c>
      <c r="H615">
        <v>1.4960599999999999</v>
      </c>
      <c r="I615">
        <v>24311.8</v>
      </c>
      <c r="J615">
        <v>113.76300000000001</v>
      </c>
    </row>
    <row r="616" spans="1:10" x14ac:dyDescent="0.25">
      <c r="A616">
        <v>4</v>
      </c>
      <c r="B616">
        <v>109.864</v>
      </c>
      <c r="C616">
        <v>114.913</v>
      </c>
      <c r="D616">
        <v>189.68700000000001</v>
      </c>
      <c r="E616">
        <v>12132.3</v>
      </c>
      <c r="F616">
        <v>16667.7</v>
      </c>
      <c r="G616">
        <v>18595.3</v>
      </c>
      <c r="H616">
        <v>3.3858299999999999</v>
      </c>
      <c r="I616">
        <v>32554.2</v>
      </c>
      <c r="J616">
        <v>33.1419</v>
      </c>
    </row>
    <row r="617" spans="1:10" x14ac:dyDescent="0.25">
      <c r="A617">
        <v>4</v>
      </c>
      <c r="B617">
        <v>109.864</v>
      </c>
      <c r="C617">
        <v>113.97</v>
      </c>
      <c r="D617">
        <v>167.75</v>
      </c>
      <c r="E617">
        <v>16214.2</v>
      </c>
      <c r="F617">
        <v>14881.9</v>
      </c>
      <c r="G617">
        <v>25398.400000000001</v>
      </c>
      <c r="H617">
        <v>3.2204700000000002</v>
      </c>
      <c r="I617">
        <v>37224</v>
      </c>
      <c r="J617">
        <v>31.1754</v>
      </c>
    </row>
    <row r="618" spans="1:10" x14ac:dyDescent="0.25">
      <c r="A618">
        <v>4</v>
      </c>
      <c r="B618">
        <v>108.68300000000001</v>
      </c>
      <c r="C618">
        <v>138.79</v>
      </c>
      <c r="D618">
        <v>189.06</v>
      </c>
      <c r="E618">
        <v>7625.2</v>
      </c>
      <c r="F618">
        <v>11310.2</v>
      </c>
      <c r="G618">
        <v>18595.3</v>
      </c>
      <c r="H618">
        <v>2.8189000000000002</v>
      </c>
      <c r="I618">
        <v>21492.3</v>
      </c>
      <c r="J618">
        <v>145.952</v>
      </c>
    </row>
    <row r="619" spans="1:10" x14ac:dyDescent="0.25">
      <c r="A619">
        <v>4</v>
      </c>
      <c r="B619">
        <v>109.864</v>
      </c>
      <c r="C619">
        <v>124.652</v>
      </c>
      <c r="D619">
        <v>179.03100000000001</v>
      </c>
      <c r="E619">
        <v>10856.7</v>
      </c>
      <c r="F619">
        <v>10800</v>
      </c>
      <c r="G619">
        <v>25228.3</v>
      </c>
      <c r="H619">
        <v>2.25197</v>
      </c>
      <c r="I619">
        <v>25489.3</v>
      </c>
      <c r="J619">
        <v>100.059</v>
      </c>
    </row>
    <row r="620" spans="1:10" x14ac:dyDescent="0.25">
      <c r="A620">
        <v>4</v>
      </c>
      <c r="B620">
        <v>109.864</v>
      </c>
      <c r="C620">
        <v>113.342</v>
      </c>
      <c r="D620">
        <v>169.00299999999999</v>
      </c>
      <c r="E620">
        <v>11537</v>
      </c>
      <c r="F620">
        <v>15392.1</v>
      </c>
      <c r="G620">
        <v>25398.400000000001</v>
      </c>
      <c r="H620">
        <v>3.3858299999999999</v>
      </c>
      <c r="I620">
        <v>31805.200000000001</v>
      </c>
      <c r="J620">
        <v>23.852599999999999</v>
      </c>
    </row>
    <row r="621" spans="1:10" x14ac:dyDescent="0.25">
      <c r="A621">
        <v>4</v>
      </c>
      <c r="B621">
        <v>106.79300000000001</v>
      </c>
      <c r="C621">
        <v>114.913</v>
      </c>
      <c r="D621">
        <v>189.68700000000001</v>
      </c>
      <c r="E621">
        <v>9921.26</v>
      </c>
      <c r="F621">
        <v>11310.2</v>
      </c>
      <c r="G621">
        <v>20636.2</v>
      </c>
      <c r="H621">
        <v>3.7637800000000001</v>
      </c>
      <c r="I621">
        <v>23364.5</v>
      </c>
      <c r="J621">
        <v>45.381799999999998</v>
      </c>
    </row>
    <row r="622" spans="1:10" x14ac:dyDescent="0.25">
      <c r="A622">
        <v>4</v>
      </c>
      <c r="B622">
        <v>107.265</v>
      </c>
      <c r="C622">
        <v>123.395</v>
      </c>
      <c r="D622">
        <v>169.63</v>
      </c>
      <c r="E622">
        <v>7710.24</v>
      </c>
      <c r="F622">
        <v>11310.2</v>
      </c>
      <c r="G622">
        <v>18425.2</v>
      </c>
      <c r="H622">
        <v>3.19685</v>
      </c>
      <c r="I622">
        <v>23384.9</v>
      </c>
      <c r="J622">
        <v>92.595600000000005</v>
      </c>
    </row>
    <row r="623" spans="1:10" x14ac:dyDescent="0.25">
      <c r="A623">
        <v>4</v>
      </c>
      <c r="B623">
        <v>108.68300000000001</v>
      </c>
      <c r="C623">
        <v>118.68300000000001</v>
      </c>
      <c r="D623">
        <v>169.31700000000001</v>
      </c>
      <c r="E623">
        <v>9921.26</v>
      </c>
      <c r="F623">
        <v>11310.2</v>
      </c>
      <c r="G623">
        <v>18085</v>
      </c>
      <c r="H623">
        <v>3.0314999999999999</v>
      </c>
      <c r="I623">
        <v>24015.5</v>
      </c>
      <c r="J623">
        <v>38.414200000000001</v>
      </c>
    </row>
    <row r="624" spans="1:10" x14ac:dyDescent="0.25">
      <c r="A624">
        <v>4</v>
      </c>
      <c r="B624">
        <v>95.218100000000007</v>
      </c>
      <c r="C624">
        <v>112.399</v>
      </c>
      <c r="D624">
        <v>169.31700000000001</v>
      </c>
      <c r="E624">
        <v>9496.06</v>
      </c>
      <c r="F624">
        <v>15902.4</v>
      </c>
      <c r="G624">
        <v>28119.7</v>
      </c>
      <c r="H624">
        <v>3.10236</v>
      </c>
      <c r="I624">
        <v>29036.5</v>
      </c>
      <c r="J624">
        <v>51.228900000000003</v>
      </c>
    </row>
    <row r="625" spans="1:10" x14ac:dyDescent="0.25">
      <c r="A625">
        <v>4</v>
      </c>
      <c r="B625">
        <v>106.084</v>
      </c>
      <c r="C625">
        <v>123.395</v>
      </c>
      <c r="D625">
        <v>167.43600000000001</v>
      </c>
      <c r="E625">
        <v>10856.7</v>
      </c>
      <c r="F625">
        <v>28148</v>
      </c>
      <c r="G625">
        <v>8900.7900000000009</v>
      </c>
      <c r="H625">
        <v>2.4881899999999999</v>
      </c>
      <c r="I625">
        <v>45928.4</v>
      </c>
      <c r="J625">
        <v>77.642799999999994</v>
      </c>
    </row>
    <row r="626" spans="1:10" x14ac:dyDescent="0.25">
      <c r="A626">
        <v>4</v>
      </c>
      <c r="B626">
        <v>109.864</v>
      </c>
      <c r="C626">
        <v>124.652</v>
      </c>
      <c r="D626">
        <v>179.345</v>
      </c>
      <c r="E626">
        <v>7200</v>
      </c>
      <c r="F626">
        <v>17943.3</v>
      </c>
      <c r="G626">
        <v>21826.799999999999</v>
      </c>
      <c r="H626">
        <v>2.5590600000000001</v>
      </c>
      <c r="I626">
        <v>29205</v>
      </c>
      <c r="J626">
        <v>103.489</v>
      </c>
    </row>
    <row r="627" spans="1:10" x14ac:dyDescent="0.25">
      <c r="A627">
        <v>4</v>
      </c>
      <c r="B627">
        <v>97.107900000000001</v>
      </c>
      <c r="C627">
        <v>117.11199999999999</v>
      </c>
      <c r="D627">
        <v>188.12</v>
      </c>
      <c r="E627">
        <v>9240.94</v>
      </c>
      <c r="F627">
        <v>23300.799999999999</v>
      </c>
      <c r="G627">
        <v>17915</v>
      </c>
      <c r="H627">
        <v>2.7716500000000002</v>
      </c>
      <c r="I627">
        <v>38125.300000000003</v>
      </c>
      <c r="J627">
        <v>50.887599999999999</v>
      </c>
    </row>
    <row r="628" spans="1:10" x14ac:dyDescent="0.25">
      <c r="A628">
        <v>4</v>
      </c>
      <c r="B628">
        <v>108.68300000000001</v>
      </c>
      <c r="C628">
        <v>118.054</v>
      </c>
      <c r="D628">
        <v>179.65799999999999</v>
      </c>
      <c r="E628">
        <v>7795.28</v>
      </c>
      <c r="F628">
        <v>11310.2</v>
      </c>
      <c r="G628">
        <v>19445.7</v>
      </c>
      <c r="H628">
        <v>3.7637800000000001</v>
      </c>
      <c r="I628">
        <v>21541.200000000001</v>
      </c>
      <c r="J628">
        <v>50.750599999999999</v>
      </c>
    </row>
    <row r="629" spans="1:10" x14ac:dyDescent="0.25">
      <c r="A629">
        <v>4</v>
      </c>
      <c r="B629">
        <v>107.502</v>
      </c>
      <c r="C629">
        <v>113.342</v>
      </c>
      <c r="D629">
        <v>166.809</v>
      </c>
      <c r="E629">
        <v>10856.7</v>
      </c>
      <c r="F629">
        <v>15392.1</v>
      </c>
      <c r="G629">
        <v>25908.7</v>
      </c>
      <c r="H629">
        <v>3.7637800000000001</v>
      </c>
      <c r="I629">
        <v>30252.5</v>
      </c>
      <c r="J629">
        <v>30.2575</v>
      </c>
    </row>
    <row r="630" spans="1:10" x14ac:dyDescent="0.25">
      <c r="A630">
        <v>4</v>
      </c>
      <c r="B630">
        <v>98.052800000000005</v>
      </c>
      <c r="C630">
        <v>111.143</v>
      </c>
      <c r="D630">
        <v>169.94300000000001</v>
      </c>
      <c r="E630">
        <v>11537</v>
      </c>
      <c r="F630">
        <v>24831.5</v>
      </c>
      <c r="G630">
        <v>11792.1</v>
      </c>
      <c r="H630">
        <v>3.6692900000000002</v>
      </c>
      <c r="I630">
        <v>41261.199999999997</v>
      </c>
      <c r="J630">
        <v>20.351299999999998</v>
      </c>
    </row>
    <row r="631" spans="1:10" x14ac:dyDescent="0.25">
      <c r="A631">
        <v>4</v>
      </c>
      <c r="B631">
        <v>94.745699999999999</v>
      </c>
      <c r="C631">
        <v>124.652</v>
      </c>
      <c r="D631">
        <v>159.91499999999999</v>
      </c>
      <c r="E631">
        <v>8050.39</v>
      </c>
      <c r="F631">
        <v>11310.2</v>
      </c>
      <c r="G631">
        <v>24718.1</v>
      </c>
      <c r="H631">
        <v>3.2913399999999999</v>
      </c>
      <c r="I631">
        <v>34473.300000000003</v>
      </c>
      <c r="J631">
        <v>93.623000000000005</v>
      </c>
    </row>
    <row r="632" spans="1:10" x14ac:dyDescent="0.25">
      <c r="A632">
        <v>4</v>
      </c>
      <c r="B632">
        <v>108.919</v>
      </c>
      <c r="C632">
        <v>124.652</v>
      </c>
      <c r="D632">
        <v>164.929</v>
      </c>
      <c r="E632">
        <v>16129.1</v>
      </c>
      <c r="F632">
        <v>27637.8</v>
      </c>
      <c r="G632">
        <v>25908.7</v>
      </c>
      <c r="H632">
        <v>2.25197</v>
      </c>
      <c r="I632">
        <v>52747.7</v>
      </c>
      <c r="J632">
        <v>20.225100000000001</v>
      </c>
    </row>
    <row r="633" spans="1:10" x14ac:dyDescent="0.25">
      <c r="A633">
        <v>4</v>
      </c>
      <c r="B633">
        <v>94.037000000000006</v>
      </c>
      <c r="C633">
        <v>113.97</v>
      </c>
      <c r="D633">
        <v>187.18</v>
      </c>
      <c r="E633">
        <v>11281.9</v>
      </c>
      <c r="F633">
        <v>16412.599999999999</v>
      </c>
      <c r="G633">
        <v>21996.9</v>
      </c>
      <c r="H633">
        <v>2.9842499999999998</v>
      </c>
      <c r="I633">
        <v>30237.1</v>
      </c>
      <c r="J633">
        <v>35.581699999999998</v>
      </c>
    </row>
    <row r="634" spans="1:10" x14ac:dyDescent="0.25">
      <c r="A634">
        <v>4</v>
      </c>
      <c r="B634">
        <v>107.265</v>
      </c>
      <c r="C634">
        <v>113.02800000000001</v>
      </c>
      <c r="D634">
        <v>189.68700000000001</v>
      </c>
      <c r="E634">
        <v>10176.4</v>
      </c>
      <c r="F634">
        <v>16922.8</v>
      </c>
      <c r="G634">
        <v>18595.3</v>
      </c>
      <c r="H634">
        <v>3.6692900000000002</v>
      </c>
      <c r="I634">
        <v>30479.4</v>
      </c>
      <c r="J634">
        <v>26.623100000000001</v>
      </c>
    </row>
    <row r="635" spans="1:10" x14ac:dyDescent="0.25">
      <c r="A635">
        <v>4</v>
      </c>
      <c r="B635">
        <v>109.39100000000001</v>
      </c>
      <c r="C635">
        <v>114.598</v>
      </c>
      <c r="D635">
        <v>168.06299999999999</v>
      </c>
      <c r="E635">
        <v>8050.39</v>
      </c>
      <c r="F635">
        <v>15392.1</v>
      </c>
      <c r="G635">
        <v>25398.400000000001</v>
      </c>
      <c r="H635">
        <v>3.7637800000000001</v>
      </c>
      <c r="I635">
        <v>27671.9</v>
      </c>
      <c r="J635">
        <v>38.348500000000001</v>
      </c>
    </row>
    <row r="636" spans="1:10" x14ac:dyDescent="0.25">
      <c r="A636">
        <v>4</v>
      </c>
      <c r="B636">
        <v>107.974</v>
      </c>
      <c r="C636">
        <v>114.598</v>
      </c>
      <c r="D636">
        <v>186.553</v>
      </c>
      <c r="E636">
        <v>16214.2</v>
      </c>
      <c r="F636">
        <v>15137</v>
      </c>
      <c r="G636">
        <v>25398.400000000001</v>
      </c>
      <c r="H636">
        <v>3.19685</v>
      </c>
      <c r="I636">
        <v>35525.4</v>
      </c>
      <c r="J636">
        <v>23.1465</v>
      </c>
    </row>
    <row r="637" spans="1:10" x14ac:dyDescent="0.25">
      <c r="A637">
        <v>4</v>
      </c>
      <c r="B637">
        <v>108.68300000000001</v>
      </c>
      <c r="C637">
        <v>118.054</v>
      </c>
      <c r="D637">
        <v>179.65799999999999</v>
      </c>
      <c r="E637">
        <v>7625.2</v>
      </c>
      <c r="F637">
        <v>11310.2</v>
      </c>
      <c r="G637">
        <v>18425.2</v>
      </c>
      <c r="H637">
        <v>2.8189000000000002</v>
      </c>
      <c r="I637">
        <v>21628.2</v>
      </c>
      <c r="J637">
        <v>36.845399999999998</v>
      </c>
    </row>
    <row r="638" spans="1:10" x14ac:dyDescent="0.25">
      <c r="A638">
        <v>4</v>
      </c>
      <c r="B638">
        <v>105.848</v>
      </c>
      <c r="C638">
        <v>114.913</v>
      </c>
      <c r="D638">
        <v>189.37299999999999</v>
      </c>
      <c r="E638">
        <v>7795.28</v>
      </c>
      <c r="F638">
        <v>15392.1</v>
      </c>
      <c r="G638">
        <v>21486.6</v>
      </c>
      <c r="H638">
        <v>1</v>
      </c>
      <c r="I638">
        <v>29395.200000000001</v>
      </c>
      <c r="J638">
        <v>17.685400000000001</v>
      </c>
    </row>
    <row r="639" spans="1:10" x14ac:dyDescent="0.25">
      <c r="A639">
        <v>4</v>
      </c>
      <c r="B639">
        <v>103.25</v>
      </c>
      <c r="C639">
        <v>124.652</v>
      </c>
      <c r="D639">
        <v>169.94300000000001</v>
      </c>
      <c r="E639">
        <v>10091.299999999999</v>
      </c>
      <c r="F639">
        <v>10800</v>
      </c>
      <c r="G639">
        <v>23187.4</v>
      </c>
      <c r="H639">
        <v>3.9291299999999998</v>
      </c>
      <c r="I639">
        <v>24549.5</v>
      </c>
      <c r="J639">
        <v>109.036</v>
      </c>
    </row>
    <row r="640" spans="1:10" x14ac:dyDescent="0.25">
      <c r="A640">
        <v>4</v>
      </c>
      <c r="B640">
        <v>106.084</v>
      </c>
      <c r="C640">
        <v>120.88200000000001</v>
      </c>
      <c r="D640">
        <v>162.422</v>
      </c>
      <c r="E640">
        <v>10856.7</v>
      </c>
      <c r="F640">
        <v>15902.4</v>
      </c>
      <c r="G640">
        <v>26078.7</v>
      </c>
      <c r="H640">
        <v>2.25197</v>
      </c>
      <c r="I640">
        <v>39616.199999999997</v>
      </c>
      <c r="J640">
        <v>82.101399999999998</v>
      </c>
    </row>
    <row r="641" spans="1:10" x14ac:dyDescent="0.25">
      <c r="A641">
        <v>4</v>
      </c>
      <c r="B641">
        <v>102.541</v>
      </c>
      <c r="C641">
        <v>118.68300000000001</v>
      </c>
      <c r="D641">
        <v>175.584</v>
      </c>
      <c r="E641">
        <v>9921.26</v>
      </c>
      <c r="F641">
        <v>13351.2</v>
      </c>
      <c r="G641">
        <v>18085</v>
      </c>
      <c r="H641">
        <v>2.9133900000000001</v>
      </c>
      <c r="I641">
        <v>27741</v>
      </c>
      <c r="J641">
        <v>65.820999999999998</v>
      </c>
    </row>
    <row r="642" spans="1:10" x14ac:dyDescent="0.25">
      <c r="A642">
        <v>4</v>
      </c>
      <c r="B642">
        <v>108.68300000000001</v>
      </c>
      <c r="C642">
        <v>113.342</v>
      </c>
      <c r="D642">
        <v>169.94300000000001</v>
      </c>
      <c r="E642">
        <v>10601.6</v>
      </c>
      <c r="F642">
        <v>14881.9</v>
      </c>
      <c r="G642">
        <v>19955.900000000001</v>
      </c>
      <c r="H642">
        <v>3.3622000000000001</v>
      </c>
      <c r="I642">
        <v>29735.8</v>
      </c>
      <c r="J642">
        <v>28.519600000000001</v>
      </c>
    </row>
    <row r="643" spans="1:10" x14ac:dyDescent="0.25">
      <c r="A643">
        <v>4</v>
      </c>
      <c r="B643">
        <v>83.4071</v>
      </c>
      <c r="C643">
        <v>114.598</v>
      </c>
      <c r="D643">
        <v>184.35900000000001</v>
      </c>
      <c r="E643">
        <v>16554.3</v>
      </c>
      <c r="F643">
        <v>27127.599999999999</v>
      </c>
      <c r="G643">
        <v>21826.799999999999</v>
      </c>
      <c r="H643">
        <v>2.25197</v>
      </c>
      <c r="I643">
        <v>48602.7</v>
      </c>
      <c r="J643">
        <v>38.780999999999999</v>
      </c>
    </row>
    <row r="644" spans="1:10" x14ac:dyDescent="0.25">
      <c r="A644">
        <v>4</v>
      </c>
      <c r="B644">
        <v>107.265</v>
      </c>
      <c r="C644">
        <v>123.081</v>
      </c>
      <c r="D644">
        <v>177.465</v>
      </c>
      <c r="E644">
        <v>8135.43</v>
      </c>
      <c r="F644">
        <v>11310.2</v>
      </c>
      <c r="G644">
        <v>19615.7</v>
      </c>
      <c r="H644">
        <v>3.7637800000000001</v>
      </c>
      <c r="I644">
        <v>22549.599999999999</v>
      </c>
      <c r="J644">
        <v>90.394000000000005</v>
      </c>
    </row>
    <row r="645" spans="1:10" x14ac:dyDescent="0.25">
      <c r="A645">
        <v>4</v>
      </c>
      <c r="B645">
        <v>106.79300000000001</v>
      </c>
      <c r="C645">
        <v>124.652</v>
      </c>
      <c r="D645">
        <v>169.94300000000001</v>
      </c>
      <c r="E645">
        <v>10601.6</v>
      </c>
      <c r="F645">
        <v>10800</v>
      </c>
      <c r="G645">
        <v>20636.2</v>
      </c>
      <c r="H645">
        <v>3.7637800000000001</v>
      </c>
      <c r="I645">
        <v>25927</v>
      </c>
      <c r="J645">
        <v>101.373</v>
      </c>
    </row>
    <row r="646" spans="1:10" x14ac:dyDescent="0.25">
      <c r="A646">
        <v>4</v>
      </c>
      <c r="B646">
        <v>105.139</v>
      </c>
      <c r="C646">
        <v>114.598</v>
      </c>
      <c r="D646">
        <v>166.809</v>
      </c>
      <c r="E646">
        <v>9411.02</v>
      </c>
      <c r="F646">
        <v>24066.1</v>
      </c>
      <c r="G646">
        <v>19955.900000000001</v>
      </c>
      <c r="H646">
        <v>1.47244</v>
      </c>
      <c r="I646">
        <v>43709.1</v>
      </c>
      <c r="J646">
        <v>29.341100000000001</v>
      </c>
    </row>
    <row r="647" spans="1:10" x14ac:dyDescent="0.25">
      <c r="A647">
        <v>4</v>
      </c>
      <c r="B647">
        <v>106.79300000000001</v>
      </c>
      <c r="C647">
        <v>119.93899999999999</v>
      </c>
      <c r="D647">
        <v>179.97200000000001</v>
      </c>
      <c r="E647">
        <v>7880.31</v>
      </c>
      <c r="F647">
        <v>15902.4</v>
      </c>
      <c r="G647">
        <v>24037.8</v>
      </c>
      <c r="H647">
        <v>1.6614199999999999</v>
      </c>
      <c r="I647">
        <v>29733.1</v>
      </c>
      <c r="J647">
        <v>25.415400000000002</v>
      </c>
    </row>
    <row r="648" spans="1:10" x14ac:dyDescent="0.25">
      <c r="A648">
        <v>4</v>
      </c>
      <c r="B648">
        <v>109.628</v>
      </c>
      <c r="C648">
        <v>113.342</v>
      </c>
      <c r="D648">
        <v>187.80600000000001</v>
      </c>
      <c r="E648">
        <v>10091.299999999999</v>
      </c>
      <c r="F648">
        <v>15647.2</v>
      </c>
      <c r="G648">
        <v>25228.3</v>
      </c>
      <c r="H648">
        <v>3.9527600000000001</v>
      </c>
      <c r="I648">
        <v>29265.599999999999</v>
      </c>
      <c r="J648">
        <v>25.757300000000001</v>
      </c>
    </row>
    <row r="649" spans="1:10" x14ac:dyDescent="0.25">
      <c r="A649">
        <v>4</v>
      </c>
      <c r="B649">
        <v>87.186599999999999</v>
      </c>
      <c r="C649">
        <v>114.598</v>
      </c>
      <c r="D649">
        <v>184.672</v>
      </c>
      <c r="E649">
        <v>15959.1</v>
      </c>
      <c r="F649">
        <v>14881.9</v>
      </c>
      <c r="G649">
        <v>23187.4</v>
      </c>
      <c r="H649">
        <v>1.4960599999999999</v>
      </c>
      <c r="I649">
        <v>35090.6</v>
      </c>
      <c r="J649">
        <v>29.3596</v>
      </c>
    </row>
    <row r="650" spans="1:10" x14ac:dyDescent="0.25">
      <c r="A650">
        <v>4</v>
      </c>
      <c r="B650">
        <v>97.580299999999994</v>
      </c>
      <c r="C650">
        <v>113.342</v>
      </c>
      <c r="D650">
        <v>168.06299999999999</v>
      </c>
      <c r="E650">
        <v>10771.7</v>
      </c>
      <c r="F650">
        <v>24576.400000000001</v>
      </c>
      <c r="G650">
        <v>24718.1</v>
      </c>
      <c r="H650">
        <v>1.4960599999999999</v>
      </c>
      <c r="I650">
        <v>41828.5</v>
      </c>
      <c r="J650">
        <v>18.962</v>
      </c>
    </row>
    <row r="651" spans="1:10" x14ac:dyDescent="0.25">
      <c r="A651">
        <v>4</v>
      </c>
      <c r="B651">
        <v>109.864</v>
      </c>
      <c r="C651">
        <v>124.652</v>
      </c>
      <c r="D651">
        <v>190</v>
      </c>
      <c r="E651">
        <v>10176.4</v>
      </c>
      <c r="F651">
        <v>11820.5</v>
      </c>
      <c r="G651">
        <v>19105.5</v>
      </c>
      <c r="H651">
        <v>3.6929099999999999</v>
      </c>
      <c r="I651">
        <v>26205.7</v>
      </c>
      <c r="J651">
        <v>25.909600000000001</v>
      </c>
    </row>
    <row r="652" spans="1:10" x14ac:dyDescent="0.25">
      <c r="A652">
        <v>4</v>
      </c>
      <c r="B652">
        <v>91.674800000000005</v>
      </c>
      <c r="C652">
        <v>123.709</v>
      </c>
      <c r="D652">
        <v>190</v>
      </c>
      <c r="E652">
        <v>10771.7</v>
      </c>
      <c r="F652">
        <v>11055.1</v>
      </c>
      <c r="G652">
        <v>19105.5</v>
      </c>
      <c r="H652">
        <v>3.7637800000000001</v>
      </c>
      <c r="I652">
        <v>23954.1</v>
      </c>
      <c r="J652">
        <v>96.3536</v>
      </c>
    </row>
    <row r="653" spans="1:10" x14ac:dyDescent="0.25">
      <c r="A653">
        <v>4</v>
      </c>
      <c r="B653">
        <v>94.745699999999999</v>
      </c>
      <c r="C653">
        <v>114.598</v>
      </c>
      <c r="D653">
        <v>187.49299999999999</v>
      </c>
      <c r="E653">
        <v>8050.39</v>
      </c>
      <c r="F653">
        <v>14626.8</v>
      </c>
      <c r="G653">
        <v>21996.9</v>
      </c>
      <c r="H653">
        <v>2.9606300000000001</v>
      </c>
      <c r="I653">
        <v>25276.400000000001</v>
      </c>
      <c r="J653">
        <v>36.924500000000002</v>
      </c>
    </row>
    <row r="654" spans="1:10" x14ac:dyDescent="0.25">
      <c r="A654">
        <v>4</v>
      </c>
      <c r="B654">
        <v>90.021299999999997</v>
      </c>
      <c r="C654">
        <v>124.652</v>
      </c>
      <c r="D654">
        <v>189.37299999999999</v>
      </c>
      <c r="E654">
        <v>8050.39</v>
      </c>
      <c r="F654">
        <v>12330.7</v>
      </c>
      <c r="G654">
        <v>21316.5</v>
      </c>
      <c r="H654">
        <v>2.6063000000000001</v>
      </c>
      <c r="I654">
        <v>23475.3</v>
      </c>
      <c r="J654">
        <v>100.276</v>
      </c>
    </row>
    <row r="655" spans="1:10" x14ac:dyDescent="0.25">
      <c r="A655">
        <v>4</v>
      </c>
      <c r="B655">
        <v>108.68300000000001</v>
      </c>
      <c r="C655">
        <v>113.342</v>
      </c>
      <c r="D655">
        <v>169.63</v>
      </c>
      <c r="E655">
        <v>9921.26</v>
      </c>
      <c r="F655">
        <v>10800</v>
      </c>
      <c r="G655">
        <v>20466.099999999999</v>
      </c>
      <c r="H655">
        <v>3.7637800000000001</v>
      </c>
      <c r="I655">
        <v>24199.4</v>
      </c>
      <c r="J655">
        <v>62.305199999999999</v>
      </c>
    </row>
    <row r="656" spans="1:10" x14ac:dyDescent="0.25">
      <c r="A656">
        <v>4</v>
      </c>
      <c r="B656">
        <v>104.194</v>
      </c>
      <c r="C656">
        <v>122.139</v>
      </c>
      <c r="D656">
        <v>179.97200000000001</v>
      </c>
      <c r="E656">
        <v>7200</v>
      </c>
      <c r="F656">
        <v>11820.5</v>
      </c>
      <c r="G656">
        <v>21826.799999999999</v>
      </c>
      <c r="H656">
        <v>3.45669</v>
      </c>
      <c r="I656">
        <v>22960.7</v>
      </c>
      <c r="J656">
        <v>36.731699999999996</v>
      </c>
    </row>
    <row r="657" spans="1:10" x14ac:dyDescent="0.25">
      <c r="A657">
        <v>4</v>
      </c>
      <c r="B657">
        <v>98.525199999999998</v>
      </c>
      <c r="C657">
        <v>113.342</v>
      </c>
      <c r="D657">
        <v>184.35900000000001</v>
      </c>
      <c r="E657">
        <v>11537</v>
      </c>
      <c r="F657">
        <v>20239.400000000001</v>
      </c>
      <c r="G657">
        <v>9751.18</v>
      </c>
      <c r="H657">
        <v>2.9133900000000001</v>
      </c>
      <c r="I657">
        <v>36461.599999999999</v>
      </c>
      <c r="J657">
        <v>38.825699999999998</v>
      </c>
    </row>
    <row r="658" spans="1:10" x14ac:dyDescent="0.25">
      <c r="A658">
        <v>4</v>
      </c>
      <c r="B658">
        <v>102.777</v>
      </c>
      <c r="C658">
        <v>114.913</v>
      </c>
      <c r="D658">
        <v>169.94300000000001</v>
      </c>
      <c r="E658">
        <v>7965.35</v>
      </c>
      <c r="F658">
        <v>31719.7</v>
      </c>
      <c r="G658">
        <v>19105.5</v>
      </c>
      <c r="H658">
        <v>3.00787</v>
      </c>
      <c r="I658">
        <v>46307.199999999997</v>
      </c>
      <c r="J658">
        <v>35.815800000000003</v>
      </c>
    </row>
    <row r="659" spans="1:10" x14ac:dyDescent="0.25">
      <c r="A659">
        <v>4</v>
      </c>
      <c r="B659">
        <v>83.4071</v>
      </c>
      <c r="C659">
        <v>124.652</v>
      </c>
      <c r="D659">
        <v>169.31700000000001</v>
      </c>
      <c r="E659">
        <v>8815.75</v>
      </c>
      <c r="F659">
        <v>19984.3</v>
      </c>
      <c r="G659">
        <v>23357.5</v>
      </c>
      <c r="H659">
        <v>3.5275599999999998</v>
      </c>
      <c r="I659">
        <v>34581.199999999997</v>
      </c>
      <c r="J659">
        <v>86.8536</v>
      </c>
    </row>
    <row r="660" spans="1:10" x14ac:dyDescent="0.25">
      <c r="A660">
        <v>4</v>
      </c>
      <c r="B660">
        <v>107.974</v>
      </c>
      <c r="C660">
        <v>113.97</v>
      </c>
      <c r="D660">
        <v>186.553</v>
      </c>
      <c r="E660">
        <v>12897.6</v>
      </c>
      <c r="F660">
        <v>15392.1</v>
      </c>
      <c r="G660">
        <v>18595.3</v>
      </c>
      <c r="H660">
        <v>2.9133900000000001</v>
      </c>
      <c r="I660">
        <v>32814.400000000001</v>
      </c>
      <c r="J660">
        <v>26.106100000000001</v>
      </c>
    </row>
    <row r="661" spans="1:10" x14ac:dyDescent="0.25">
      <c r="A661">
        <v>4</v>
      </c>
      <c r="B661">
        <v>107.265</v>
      </c>
      <c r="C661">
        <v>124.652</v>
      </c>
      <c r="D661">
        <v>169.94300000000001</v>
      </c>
      <c r="E661">
        <v>10601.6</v>
      </c>
      <c r="F661">
        <v>10800</v>
      </c>
      <c r="G661">
        <v>20466.099999999999</v>
      </c>
      <c r="H661">
        <v>3.7637800000000001</v>
      </c>
      <c r="I661">
        <v>24071.200000000001</v>
      </c>
      <c r="J661">
        <v>35.462600000000002</v>
      </c>
    </row>
    <row r="662" spans="1:10" x14ac:dyDescent="0.25">
      <c r="A662">
        <v>4</v>
      </c>
      <c r="B662">
        <v>108.68300000000001</v>
      </c>
      <c r="C662">
        <v>118.054</v>
      </c>
      <c r="D662">
        <v>179.65799999999999</v>
      </c>
      <c r="E662">
        <v>7625.2</v>
      </c>
      <c r="F662">
        <v>11310.2</v>
      </c>
      <c r="G662">
        <v>18425.2</v>
      </c>
      <c r="H662">
        <v>2.8189000000000002</v>
      </c>
      <c r="I662">
        <v>21628.2</v>
      </c>
      <c r="J662">
        <v>36.845399999999998</v>
      </c>
    </row>
    <row r="663" spans="1:10" x14ac:dyDescent="0.25">
      <c r="A663">
        <v>4</v>
      </c>
      <c r="B663">
        <v>105.848</v>
      </c>
      <c r="C663">
        <v>114.913</v>
      </c>
      <c r="D663">
        <v>189.37299999999999</v>
      </c>
      <c r="E663">
        <v>7795.28</v>
      </c>
      <c r="F663">
        <v>15392.1</v>
      </c>
      <c r="G663">
        <v>21486.6</v>
      </c>
      <c r="H663">
        <v>1</v>
      </c>
      <c r="I663">
        <v>29395.200000000001</v>
      </c>
      <c r="J663">
        <v>17.685400000000001</v>
      </c>
    </row>
    <row r="664" spans="1:10" x14ac:dyDescent="0.25">
      <c r="A664">
        <v>4</v>
      </c>
      <c r="B664">
        <v>105.848</v>
      </c>
      <c r="C664">
        <v>114.913</v>
      </c>
      <c r="D664">
        <v>189.37299999999999</v>
      </c>
      <c r="E664">
        <v>7795.28</v>
      </c>
      <c r="F664">
        <v>15392.1</v>
      </c>
      <c r="G664">
        <v>21486.6</v>
      </c>
      <c r="H664">
        <v>1</v>
      </c>
      <c r="I664">
        <v>29395.200000000001</v>
      </c>
      <c r="J664">
        <v>17.685400000000001</v>
      </c>
    </row>
    <row r="665" spans="1:10" x14ac:dyDescent="0.25">
      <c r="A665">
        <v>4</v>
      </c>
      <c r="B665">
        <v>108.68300000000001</v>
      </c>
      <c r="C665">
        <v>118.054</v>
      </c>
      <c r="D665">
        <v>179.65799999999999</v>
      </c>
      <c r="E665">
        <v>7625.2</v>
      </c>
      <c r="F665">
        <v>11310.2</v>
      </c>
      <c r="G665">
        <v>18425.2</v>
      </c>
      <c r="H665">
        <v>2.8189000000000002</v>
      </c>
      <c r="I665">
        <v>21628.2</v>
      </c>
      <c r="J665">
        <v>36.845399999999998</v>
      </c>
    </row>
    <row r="666" spans="1:10" x14ac:dyDescent="0.25">
      <c r="A666">
        <v>4</v>
      </c>
      <c r="B666">
        <v>109.864</v>
      </c>
      <c r="C666">
        <v>124.652</v>
      </c>
      <c r="D666">
        <v>184.672</v>
      </c>
      <c r="E666">
        <v>10176.4</v>
      </c>
      <c r="F666">
        <v>10800</v>
      </c>
      <c r="G666">
        <v>25228.3</v>
      </c>
      <c r="H666">
        <v>2.2283499999999998</v>
      </c>
      <c r="I666">
        <v>26281</v>
      </c>
      <c r="J666">
        <v>25.187100000000001</v>
      </c>
    </row>
    <row r="667" spans="1:10" x14ac:dyDescent="0.25">
      <c r="A667">
        <v>4</v>
      </c>
      <c r="B667">
        <v>108.68300000000001</v>
      </c>
      <c r="C667">
        <v>118.054</v>
      </c>
      <c r="D667">
        <v>179.65799999999999</v>
      </c>
      <c r="E667">
        <v>7625.2</v>
      </c>
      <c r="F667">
        <v>11310.2</v>
      </c>
      <c r="G667">
        <v>18425.2</v>
      </c>
      <c r="H667">
        <v>2.8189000000000002</v>
      </c>
      <c r="I667">
        <v>21628.2</v>
      </c>
      <c r="J667">
        <v>36.845399999999998</v>
      </c>
    </row>
    <row r="668" spans="1:10" x14ac:dyDescent="0.25">
      <c r="A668">
        <v>4</v>
      </c>
      <c r="B668">
        <v>109.864</v>
      </c>
      <c r="C668">
        <v>124.652</v>
      </c>
      <c r="D668">
        <v>184.672</v>
      </c>
      <c r="E668">
        <v>10176.4</v>
      </c>
      <c r="F668">
        <v>10800</v>
      </c>
      <c r="G668">
        <v>25228.3</v>
      </c>
      <c r="H668">
        <v>2.2283499999999998</v>
      </c>
      <c r="I668">
        <v>26281</v>
      </c>
      <c r="J668">
        <v>25.187100000000001</v>
      </c>
    </row>
    <row r="669" spans="1:10" x14ac:dyDescent="0.25">
      <c r="A669">
        <v>4</v>
      </c>
      <c r="B669">
        <v>105.848</v>
      </c>
      <c r="C669">
        <v>114.913</v>
      </c>
      <c r="D669">
        <v>189.37299999999999</v>
      </c>
      <c r="E669">
        <v>7795.28</v>
      </c>
      <c r="F669">
        <v>15392.1</v>
      </c>
      <c r="G669">
        <v>21486.6</v>
      </c>
      <c r="H669">
        <v>1</v>
      </c>
      <c r="I669">
        <v>29395.200000000001</v>
      </c>
      <c r="J669">
        <v>17.685400000000001</v>
      </c>
    </row>
    <row r="670" spans="1:10" x14ac:dyDescent="0.25">
      <c r="A670">
        <v>4</v>
      </c>
      <c r="B670">
        <v>89.076400000000007</v>
      </c>
      <c r="C670">
        <v>124.652</v>
      </c>
      <c r="D670">
        <v>179.97200000000001</v>
      </c>
      <c r="E670">
        <v>7370.08</v>
      </c>
      <c r="F670">
        <v>11820.5</v>
      </c>
      <c r="G670">
        <v>21826.799999999999</v>
      </c>
      <c r="H670">
        <v>3.5039400000000001</v>
      </c>
      <c r="I670">
        <v>21390.1</v>
      </c>
      <c r="J670">
        <v>54.182099999999998</v>
      </c>
    </row>
    <row r="671" spans="1:10" x14ac:dyDescent="0.25">
      <c r="A671">
        <v>4</v>
      </c>
      <c r="B671">
        <v>105.848</v>
      </c>
      <c r="C671">
        <v>114.913</v>
      </c>
      <c r="D671">
        <v>189.37299999999999</v>
      </c>
      <c r="E671">
        <v>7795.28</v>
      </c>
      <c r="F671">
        <v>15392.1</v>
      </c>
      <c r="G671">
        <v>21486.6</v>
      </c>
      <c r="H671">
        <v>1</v>
      </c>
      <c r="I671">
        <v>29395.200000000001</v>
      </c>
      <c r="J671">
        <v>17.685400000000001</v>
      </c>
    </row>
    <row r="672" spans="1:10" x14ac:dyDescent="0.25">
      <c r="A672">
        <v>4</v>
      </c>
      <c r="B672">
        <v>109.864</v>
      </c>
      <c r="C672">
        <v>124.652</v>
      </c>
      <c r="D672">
        <v>184.672</v>
      </c>
      <c r="E672">
        <v>10176.4</v>
      </c>
      <c r="F672">
        <v>10800</v>
      </c>
      <c r="G672">
        <v>25228.3</v>
      </c>
      <c r="H672">
        <v>2.2283499999999998</v>
      </c>
      <c r="I672">
        <v>26281</v>
      </c>
      <c r="J672">
        <v>25.187100000000001</v>
      </c>
    </row>
    <row r="673" spans="1:10" x14ac:dyDescent="0.25">
      <c r="A673">
        <v>4</v>
      </c>
      <c r="B673">
        <v>108.68300000000001</v>
      </c>
      <c r="C673">
        <v>118.054</v>
      </c>
      <c r="D673">
        <v>176.524</v>
      </c>
      <c r="E673">
        <v>7795.28</v>
      </c>
      <c r="F673">
        <v>11310.2</v>
      </c>
      <c r="G673">
        <v>18255.099999999999</v>
      </c>
      <c r="H673">
        <v>3.7637800000000001</v>
      </c>
      <c r="I673">
        <v>21527</v>
      </c>
      <c r="J673">
        <v>52.030999999999999</v>
      </c>
    </row>
    <row r="674" spans="1:10" x14ac:dyDescent="0.25">
      <c r="A674">
        <v>4</v>
      </c>
      <c r="B674">
        <v>105.848</v>
      </c>
      <c r="C674">
        <v>114.913</v>
      </c>
      <c r="D674">
        <v>189.37299999999999</v>
      </c>
      <c r="E674">
        <v>7795.28</v>
      </c>
      <c r="F674">
        <v>15392.1</v>
      </c>
      <c r="G674">
        <v>21486.6</v>
      </c>
      <c r="H674">
        <v>1</v>
      </c>
      <c r="I674">
        <v>29395.200000000001</v>
      </c>
      <c r="J674">
        <v>17.685400000000001</v>
      </c>
    </row>
    <row r="675" spans="1:10" x14ac:dyDescent="0.25">
      <c r="A675">
        <v>4</v>
      </c>
      <c r="B675">
        <v>106.084</v>
      </c>
      <c r="C675">
        <v>113.342</v>
      </c>
      <c r="D675">
        <v>190</v>
      </c>
      <c r="E675">
        <v>8560.6299999999992</v>
      </c>
      <c r="F675">
        <v>14881.9</v>
      </c>
      <c r="G675">
        <v>19105.5</v>
      </c>
      <c r="H675">
        <v>2.7244100000000002</v>
      </c>
      <c r="I675">
        <v>26097</v>
      </c>
      <c r="J675">
        <v>34.766500000000001</v>
      </c>
    </row>
    <row r="676" spans="1:10" x14ac:dyDescent="0.25">
      <c r="A676">
        <v>4</v>
      </c>
      <c r="B676">
        <v>106.79300000000001</v>
      </c>
      <c r="C676">
        <v>114.28400000000001</v>
      </c>
      <c r="D676">
        <v>187.18</v>
      </c>
      <c r="E676">
        <v>7370.08</v>
      </c>
      <c r="F676">
        <v>11310.2</v>
      </c>
      <c r="G676">
        <v>19275.599999999999</v>
      </c>
      <c r="H676">
        <v>3.7637800000000001</v>
      </c>
      <c r="I676">
        <v>20970.2</v>
      </c>
      <c r="J676">
        <v>78.617999999999995</v>
      </c>
    </row>
    <row r="677" spans="1:10" x14ac:dyDescent="0.25">
      <c r="A677">
        <v>4</v>
      </c>
      <c r="B677">
        <v>108.68300000000001</v>
      </c>
      <c r="C677">
        <v>118.054</v>
      </c>
      <c r="D677">
        <v>179.65799999999999</v>
      </c>
      <c r="E677">
        <v>7795.28</v>
      </c>
      <c r="F677">
        <v>11310.2</v>
      </c>
      <c r="G677">
        <v>19445.7</v>
      </c>
      <c r="H677">
        <v>3.7637800000000001</v>
      </c>
      <c r="I677">
        <v>21541.200000000001</v>
      </c>
      <c r="J677">
        <v>50.750599999999999</v>
      </c>
    </row>
    <row r="678" spans="1:10" x14ac:dyDescent="0.25">
      <c r="A678">
        <v>4</v>
      </c>
      <c r="B678">
        <v>109.864</v>
      </c>
      <c r="C678">
        <v>124.652</v>
      </c>
      <c r="D678">
        <v>190</v>
      </c>
      <c r="E678">
        <v>10176.4</v>
      </c>
      <c r="F678">
        <v>11820.5</v>
      </c>
      <c r="G678">
        <v>19105.5</v>
      </c>
      <c r="H678">
        <v>3.6929099999999999</v>
      </c>
      <c r="I678">
        <v>26205.7</v>
      </c>
      <c r="J678">
        <v>25.909600000000001</v>
      </c>
    </row>
    <row r="679" spans="1:10" x14ac:dyDescent="0.25">
      <c r="A679">
        <v>4</v>
      </c>
      <c r="B679">
        <v>104.194</v>
      </c>
      <c r="C679">
        <v>122.139</v>
      </c>
      <c r="D679">
        <v>179.97200000000001</v>
      </c>
      <c r="E679">
        <v>7200</v>
      </c>
      <c r="F679">
        <v>11820.5</v>
      </c>
      <c r="G679">
        <v>21826.799999999999</v>
      </c>
      <c r="H679">
        <v>3.45669</v>
      </c>
      <c r="I679">
        <v>22960.7</v>
      </c>
      <c r="J679">
        <v>36.731699999999996</v>
      </c>
    </row>
    <row r="701" spans="1:10" x14ac:dyDescent="0.25">
      <c r="A701">
        <v>5</v>
      </c>
      <c r="B701">
        <v>106.79300000000001</v>
      </c>
      <c r="C701">
        <v>114.28400000000001</v>
      </c>
      <c r="D701">
        <v>187.18</v>
      </c>
      <c r="E701">
        <v>7370.08</v>
      </c>
      <c r="F701">
        <v>11310.2</v>
      </c>
      <c r="G701">
        <v>19275.599999999999</v>
      </c>
      <c r="H701">
        <v>3.7637800000000001</v>
      </c>
      <c r="I701">
        <v>20970.2</v>
      </c>
      <c r="J701">
        <v>78.617999999999995</v>
      </c>
    </row>
    <row r="702" spans="1:10" x14ac:dyDescent="0.25">
      <c r="A702">
        <v>5</v>
      </c>
      <c r="B702">
        <v>105.848</v>
      </c>
      <c r="C702">
        <v>114.913</v>
      </c>
      <c r="D702">
        <v>189.37299999999999</v>
      </c>
      <c r="E702">
        <v>7795.28</v>
      </c>
      <c r="F702">
        <v>15392.1</v>
      </c>
      <c r="G702">
        <v>21486.6</v>
      </c>
      <c r="H702">
        <v>1</v>
      </c>
      <c r="I702">
        <v>29395.200000000001</v>
      </c>
      <c r="J702">
        <v>17.685400000000001</v>
      </c>
    </row>
    <row r="703" spans="1:10" x14ac:dyDescent="0.25">
      <c r="A703">
        <v>5</v>
      </c>
      <c r="B703">
        <v>109.864</v>
      </c>
      <c r="C703">
        <v>124.652</v>
      </c>
      <c r="D703">
        <v>184.672</v>
      </c>
      <c r="E703">
        <v>10176.4</v>
      </c>
      <c r="F703">
        <v>10800</v>
      </c>
      <c r="G703">
        <v>25228.3</v>
      </c>
      <c r="H703">
        <v>2.2283499999999998</v>
      </c>
      <c r="I703">
        <v>26281</v>
      </c>
      <c r="J703">
        <v>25.187100000000001</v>
      </c>
    </row>
    <row r="704" spans="1:10" x14ac:dyDescent="0.25">
      <c r="A704">
        <v>5</v>
      </c>
      <c r="B704">
        <v>108.68300000000001</v>
      </c>
      <c r="C704">
        <v>118.054</v>
      </c>
      <c r="D704">
        <v>179.65799999999999</v>
      </c>
      <c r="E704">
        <v>7625.2</v>
      </c>
      <c r="F704">
        <v>11310.2</v>
      </c>
      <c r="G704">
        <v>18425.2</v>
      </c>
      <c r="H704">
        <v>2.8189000000000002</v>
      </c>
      <c r="I704">
        <v>21628.2</v>
      </c>
      <c r="J704">
        <v>36.845399999999998</v>
      </c>
    </row>
    <row r="705" spans="1:10" x14ac:dyDescent="0.25">
      <c r="A705">
        <v>5</v>
      </c>
      <c r="B705">
        <v>109.864</v>
      </c>
      <c r="C705">
        <v>124.652</v>
      </c>
      <c r="D705">
        <v>190</v>
      </c>
      <c r="E705">
        <v>10176.4</v>
      </c>
      <c r="F705">
        <v>11820.5</v>
      </c>
      <c r="G705">
        <v>19105.5</v>
      </c>
      <c r="H705">
        <v>3.6929099999999999</v>
      </c>
      <c r="I705">
        <v>26205.7</v>
      </c>
      <c r="J705">
        <v>25.909600000000001</v>
      </c>
    </row>
    <row r="706" spans="1:10" x14ac:dyDescent="0.25">
      <c r="A706">
        <v>5</v>
      </c>
      <c r="B706">
        <v>106.084</v>
      </c>
      <c r="C706">
        <v>113.342</v>
      </c>
      <c r="D706">
        <v>190</v>
      </c>
      <c r="E706">
        <v>8560.6299999999992</v>
      </c>
      <c r="F706">
        <v>14881.9</v>
      </c>
      <c r="G706">
        <v>19105.5</v>
      </c>
      <c r="H706">
        <v>2.7244100000000002</v>
      </c>
      <c r="I706">
        <v>26097</v>
      </c>
      <c r="J706">
        <v>34.766500000000001</v>
      </c>
    </row>
    <row r="707" spans="1:10" x14ac:dyDescent="0.25">
      <c r="A707">
        <v>5</v>
      </c>
      <c r="B707">
        <v>108.68300000000001</v>
      </c>
      <c r="C707">
        <v>118.054</v>
      </c>
      <c r="D707">
        <v>179.65799999999999</v>
      </c>
      <c r="E707">
        <v>7795.28</v>
      </c>
      <c r="F707">
        <v>11310.2</v>
      </c>
      <c r="G707">
        <v>19445.7</v>
      </c>
      <c r="H707">
        <v>3.7637800000000001</v>
      </c>
      <c r="I707">
        <v>21541.200000000001</v>
      </c>
      <c r="J707">
        <v>50.750599999999999</v>
      </c>
    </row>
    <row r="708" spans="1:10" x14ac:dyDescent="0.25">
      <c r="A708">
        <v>5</v>
      </c>
      <c r="B708">
        <v>104.194</v>
      </c>
      <c r="C708">
        <v>122.139</v>
      </c>
      <c r="D708">
        <v>179.97200000000001</v>
      </c>
      <c r="E708">
        <v>7200</v>
      </c>
      <c r="F708">
        <v>11820.5</v>
      </c>
      <c r="G708">
        <v>21826.799999999999</v>
      </c>
      <c r="H708">
        <v>3.45669</v>
      </c>
      <c r="I708">
        <v>22960.7</v>
      </c>
      <c r="J708">
        <v>36.731699999999996</v>
      </c>
    </row>
    <row r="709" spans="1:10" x14ac:dyDescent="0.25">
      <c r="A709">
        <v>5</v>
      </c>
      <c r="B709">
        <v>105.848</v>
      </c>
      <c r="C709">
        <v>114.913</v>
      </c>
      <c r="D709">
        <v>190</v>
      </c>
      <c r="E709">
        <v>7795.28</v>
      </c>
      <c r="F709">
        <v>15902.4</v>
      </c>
      <c r="G709">
        <v>18765.400000000001</v>
      </c>
      <c r="H709">
        <v>2.5118100000000001</v>
      </c>
      <c r="I709">
        <v>26868.5</v>
      </c>
      <c r="J709">
        <v>34.312899999999999</v>
      </c>
    </row>
    <row r="710" spans="1:10" x14ac:dyDescent="0.25">
      <c r="A710">
        <v>5</v>
      </c>
      <c r="B710">
        <v>108.446</v>
      </c>
      <c r="C710">
        <v>118.68300000000001</v>
      </c>
      <c r="D710">
        <v>169.94300000000001</v>
      </c>
      <c r="E710">
        <v>9921.26</v>
      </c>
      <c r="F710">
        <v>12330.7</v>
      </c>
      <c r="G710">
        <v>19955.900000000001</v>
      </c>
      <c r="H710">
        <v>3.7873999999999999</v>
      </c>
      <c r="I710">
        <v>24987.5</v>
      </c>
      <c r="J710">
        <v>29.467099999999999</v>
      </c>
    </row>
    <row r="711" spans="1:10" x14ac:dyDescent="0.25">
      <c r="A711">
        <v>5</v>
      </c>
      <c r="B711">
        <v>94.509399999999999</v>
      </c>
      <c r="C711">
        <v>113.65600000000001</v>
      </c>
      <c r="D711">
        <v>190</v>
      </c>
      <c r="E711">
        <v>7455.12</v>
      </c>
      <c r="F711">
        <v>13351.2</v>
      </c>
      <c r="G711">
        <v>22847.200000000001</v>
      </c>
      <c r="H711">
        <v>3.7637800000000001</v>
      </c>
      <c r="I711">
        <v>23059.8</v>
      </c>
      <c r="J711">
        <v>65.255399999999995</v>
      </c>
    </row>
    <row r="712" spans="1:10" x14ac:dyDescent="0.25">
      <c r="A712">
        <v>5</v>
      </c>
      <c r="B712">
        <v>94.509399999999999</v>
      </c>
      <c r="C712">
        <v>119.625</v>
      </c>
      <c r="D712">
        <v>177.15100000000001</v>
      </c>
      <c r="E712">
        <v>7455.12</v>
      </c>
      <c r="F712">
        <v>11310.2</v>
      </c>
      <c r="G712">
        <v>20976.400000000001</v>
      </c>
      <c r="H712">
        <v>3.0551200000000001</v>
      </c>
      <c r="I712">
        <v>21653.4</v>
      </c>
      <c r="J712">
        <v>50.222799999999999</v>
      </c>
    </row>
    <row r="713" spans="1:10" x14ac:dyDescent="0.25">
      <c r="A713">
        <v>5</v>
      </c>
      <c r="B713">
        <v>98.052800000000005</v>
      </c>
      <c r="C713">
        <v>112.399</v>
      </c>
      <c r="D713">
        <v>189.37299999999999</v>
      </c>
      <c r="E713">
        <v>7795.28</v>
      </c>
      <c r="F713">
        <v>16157.5</v>
      </c>
      <c r="G713">
        <v>11962.2</v>
      </c>
      <c r="H713">
        <v>2.9133900000000001</v>
      </c>
      <c r="I713">
        <v>26582.3</v>
      </c>
      <c r="J713">
        <v>42.788800000000002</v>
      </c>
    </row>
    <row r="714" spans="1:10" x14ac:dyDescent="0.25">
      <c r="A714">
        <v>5</v>
      </c>
      <c r="B714">
        <v>108.446</v>
      </c>
      <c r="C714">
        <v>114.28400000000001</v>
      </c>
      <c r="D714">
        <v>176.524</v>
      </c>
      <c r="E714">
        <v>7625.2</v>
      </c>
      <c r="F714">
        <v>15392.1</v>
      </c>
      <c r="G714">
        <v>19445.7</v>
      </c>
      <c r="H714">
        <v>2.9133900000000001</v>
      </c>
      <c r="I714">
        <v>26704.400000000001</v>
      </c>
      <c r="J714">
        <v>25.3935</v>
      </c>
    </row>
    <row r="715" spans="1:10" x14ac:dyDescent="0.25">
      <c r="A715">
        <v>5</v>
      </c>
      <c r="B715">
        <v>109.39100000000001</v>
      </c>
      <c r="C715">
        <v>113.342</v>
      </c>
      <c r="D715">
        <v>189.68700000000001</v>
      </c>
      <c r="E715">
        <v>8560.6299999999992</v>
      </c>
      <c r="F715">
        <v>14881.9</v>
      </c>
      <c r="G715">
        <v>19785.8</v>
      </c>
      <c r="H715">
        <v>3.45669</v>
      </c>
      <c r="I715">
        <v>26463.200000000001</v>
      </c>
      <c r="J715">
        <v>36.534799999999997</v>
      </c>
    </row>
    <row r="716" spans="1:10" x14ac:dyDescent="0.25">
      <c r="A716">
        <v>5</v>
      </c>
      <c r="B716">
        <v>106.79300000000001</v>
      </c>
      <c r="C716">
        <v>113.97</v>
      </c>
      <c r="D716">
        <v>189.37299999999999</v>
      </c>
      <c r="E716">
        <v>8730.7099999999991</v>
      </c>
      <c r="F716">
        <v>19984.3</v>
      </c>
      <c r="G716">
        <v>9751.18</v>
      </c>
      <c r="H716">
        <v>3.00787</v>
      </c>
      <c r="I716">
        <v>32535.5</v>
      </c>
      <c r="J716">
        <v>24.206199999999999</v>
      </c>
    </row>
    <row r="717" spans="1:10" x14ac:dyDescent="0.25">
      <c r="A717">
        <v>5</v>
      </c>
      <c r="B717">
        <v>109.864</v>
      </c>
      <c r="C717">
        <v>124.33799999999999</v>
      </c>
      <c r="D717">
        <v>177.465</v>
      </c>
      <c r="E717">
        <v>7795.28</v>
      </c>
      <c r="F717">
        <v>10800</v>
      </c>
      <c r="G717">
        <v>18255.099999999999</v>
      </c>
      <c r="H717">
        <v>3.7637800000000001</v>
      </c>
      <c r="I717">
        <v>21360.400000000001</v>
      </c>
      <c r="J717">
        <v>108.39</v>
      </c>
    </row>
    <row r="718" spans="1:10" x14ac:dyDescent="0.25">
      <c r="A718">
        <v>5</v>
      </c>
      <c r="B718">
        <v>107.974</v>
      </c>
      <c r="C718">
        <v>124.96599999999999</v>
      </c>
      <c r="D718">
        <v>190</v>
      </c>
      <c r="E718">
        <v>9921.26</v>
      </c>
      <c r="F718">
        <v>10800</v>
      </c>
      <c r="G718">
        <v>18765.400000000001</v>
      </c>
      <c r="H718">
        <v>2.5590600000000001</v>
      </c>
      <c r="I718">
        <v>24166.5</v>
      </c>
      <c r="J718">
        <v>87.597200000000001</v>
      </c>
    </row>
    <row r="719" spans="1:10" x14ac:dyDescent="0.25">
      <c r="A719">
        <v>5</v>
      </c>
      <c r="B719">
        <v>109.864</v>
      </c>
      <c r="C719">
        <v>113.342</v>
      </c>
      <c r="D719">
        <v>190</v>
      </c>
      <c r="E719">
        <v>11281.9</v>
      </c>
      <c r="F719">
        <v>15392.1</v>
      </c>
      <c r="G719">
        <v>18595.3</v>
      </c>
      <c r="H719">
        <v>3.4803099999999998</v>
      </c>
      <c r="I719">
        <v>30129.4</v>
      </c>
      <c r="J719">
        <v>23.752600000000001</v>
      </c>
    </row>
    <row r="720" spans="1:10" x14ac:dyDescent="0.25">
      <c r="A720">
        <v>5</v>
      </c>
      <c r="B720">
        <v>109.628</v>
      </c>
      <c r="C720">
        <v>128.422</v>
      </c>
      <c r="D720">
        <v>179.65799999999999</v>
      </c>
      <c r="E720">
        <v>7455.12</v>
      </c>
      <c r="F720">
        <v>11310.2</v>
      </c>
      <c r="G720">
        <v>19785.8</v>
      </c>
      <c r="H720">
        <v>2.6063000000000001</v>
      </c>
      <c r="I720">
        <v>22102.6</v>
      </c>
      <c r="J720">
        <v>118.434</v>
      </c>
    </row>
    <row r="721" spans="1:10" x14ac:dyDescent="0.25">
      <c r="A721">
        <v>5</v>
      </c>
      <c r="B721">
        <v>89.076400000000007</v>
      </c>
      <c r="C721">
        <v>113.342</v>
      </c>
      <c r="D721">
        <v>179.97200000000001</v>
      </c>
      <c r="E721">
        <v>8815.75</v>
      </c>
      <c r="F721">
        <v>24321.3</v>
      </c>
      <c r="G721">
        <v>21656.7</v>
      </c>
      <c r="H721">
        <v>3.0787399999999998</v>
      </c>
      <c r="I721">
        <v>38846.1</v>
      </c>
      <c r="J721">
        <v>36.808399999999999</v>
      </c>
    </row>
    <row r="722" spans="1:10" x14ac:dyDescent="0.25">
      <c r="A722">
        <v>5</v>
      </c>
      <c r="B722">
        <v>108.446</v>
      </c>
      <c r="C722">
        <v>113.97</v>
      </c>
      <c r="D722">
        <v>176.524</v>
      </c>
      <c r="E722">
        <v>12897.6</v>
      </c>
      <c r="F722">
        <v>16667.7</v>
      </c>
      <c r="G722">
        <v>19445.7</v>
      </c>
      <c r="H722">
        <v>3.9527600000000001</v>
      </c>
      <c r="I722">
        <v>34951.9</v>
      </c>
      <c r="J722">
        <v>25.331</v>
      </c>
    </row>
    <row r="723" spans="1:10" x14ac:dyDescent="0.25">
      <c r="A723">
        <v>5</v>
      </c>
      <c r="B723">
        <v>94.981899999999996</v>
      </c>
      <c r="C723">
        <v>124.652</v>
      </c>
      <c r="D723">
        <v>179.97200000000001</v>
      </c>
      <c r="E723">
        <v>10431.5</v>
      </c>
      <c r="F723">
        <v>10800</v>
      </c>
      <c r="G723">
        <v>27269.3</v>
      </c>
      <c r="H723">
        <v>3.5039400000000001</v>
      </c>
      <c r="I723">
        <v>23700.7</v>
      </c>
      <c r="J723">
        <v>88.551199999999994</v>
      </c>
    </row>
    <row r="724" spans="1:10" x14ac:dyDescent="0.25">
      <c r="A724">
        <v>5</v>
      </c>
      <c r="B724">
        <v>106.084</v>
      </c>
      <c r="C724">
        <v>114.913</v>
      </c>
      <c r="D724">
        <v>179.345</v>
      </c>
      <c r="E724">
        <v>7795.28</v>
      </c>
      <c r="F724">
        <v>11310.2</v>
      </c>
      <c r="G724">
        <v>21826.799999999999</v>
      </c>
      <c r="H724">
        <v>1.7559100000000001</v>
      </c>
      <c r="I724">
        <v>23062.5</v>
      </c>
      <c r="J724">
        <v>55.5794</v>
      </c>
    </row>
    <row r="725" spans="1:10" x14ac:dyDescent="0.25">
      <c r="A725">
        <v>5</v>
      </c>
      <c r="B725">
        <v>94.273200000000003</v>
      </c>
      <c r="C725">
        <v>113.342</v>
      </c>
      <c r="D725">
        <v>189.68700000000001</v>
      </c>
      <c r="E725">
        <v>7370.08</v>
      </c>
      <c r="F725">
        <v>10800</v>
      </c>
      <c r="G725">
        <v>22677.200000000001</v>
      </c>
      <c r="H725">
        <v>3.3385799999999999</v>
      </c>
      <c r="I725">
        <v>20784.099999999999</v>
      </c>
      <c r="J725">
        <v>118.542</v>
      </c>
    </row>
    <row r="726" spans="1:10" x14ac:dyDescent="0.25">
      <c r="A726">
        <v>5</v>
      </c>
      <c r="B726">
        <v>101.124</v>
      </c>
      <c r="C726">
        <v>113.342</v>
      </c>
      <c r="D726">
        <v>168.06299999999999</v>
      </c>
      <c r="E726">
        <v>10771.7</v>
      </c>
      <c r="F726">
        <v>15392.1</v>
      </c>
      <c r="G726">
        <v>20636.2</v>
      </c>
      <c r="H726">
        <v>2.6063000000000001</v>
      </c>
      <c r="I726">
        <v>30310</v>
      </c>
      <c r="J726">
        <v>54.197400000000002</v>
      </c>
    </row>
    <row r="727" spans="1:10" x14ac:dyDescent="0.25">
      <c r="A727">
        <v>5</v>
      </c>
      <c r="B727">
        <v>109.39100000000001</v>
      </c>
      <c r="C727">
        <v>114.598</v>
      </c>
      <c r="D727">
        <v>189.68700000000001</v>
      </c>
      <c r="E727">
        <v>10091.299999999999</v>
      </c>
      <c r="F727">
        <v>11310.2</v>
      </c>
      <c r="G727">
        <v>23187.4</v>
      </c>
      <c r="H727">
        <v>2.25197</v>
      </c>
      <c r="I727">
        <v>24544.400000000001</v>
      </c>
      <c r="J727">
        <v>29.324999999999999</v>
      </c>
    </row>
    <row r="728" spans="1:10" x14ac:dyDescent="0.25">
      <c r="A728">
        <v>5</v>
      </c>
      <c r="B728">
        <v>108.68300000000001</v>
      </c>
      <c r="C728">
        <v>113.02800000000001</v>
      </c>
      <c r="D728">
        <v>169.63</v>
      </c>
      <c r="E728">
        <v>10176.4</v>
      </c>
      <c r="F728">
        <v>11310.2</v>
      </c>
      <c r="G728">
        <v>19785.8</v>
      </c>
      <c r="H728">
        <v>3.7637800000000001</v>
      </c>
      <c r="I728">
        <v>24836.1</v>
      </c>
      <c r="J728">
        <v>62.698099999999997</v>
      </c>
    </row>
    <row r="729" spans="1:10" x14ac:dyDescent="0.25">
      <c r="A729">
        <v>5</v>
      </c>
      <c r="B729">
        <v>108.919</v>
      </c>
      <c r="C729">
        <v>113.342</v>
      </c>
      <c r="D729">
        <v>179.65799999999999</v>
      </c>
      <c r="E729">
        <v>10431.5</v>
      </c>
      <c r="F729">
        <v>11310.2</v>
      </c>
      <c r="G729">
        <v>18425.2</v>
      </c>
      <c r="H729">
        <v>3.19685</v>
      </c>
      <c r="I729">
        <v>24345.200000000001</v>
      </c>
      <c r="J729">
        <v>47.8292</v>
      </c>
    </row>
    <row r="730" spans="1:10" x14ac:dyDescent="0.25">
      <c r="A730">
        <v>5</v>
      </c>
      <c r="B730">
        <v>105.139</v>
      </c>
      <c r="C730">
        <v>114.598</v>
      </c>
      <c r="D730">
        <v>181.852</v>
      </c>
      <c r="E730">
        <v>12812.6</v>
      </c>
      <c r="F730">
        <v>16157.5</v>
      </c>
      <c r="G730">
        <v>14513.4</v>
      </c>
      <c r="H730">
        <v>3.19685</v>
      </c>
      <c r="I730">
        <v>32909.699999999997</v>
      </c>
      <c r="J730">
        <v>20.960999999999999</v>
      </c>
    </row>
    <row r="731" spans="1:10" x14ac:dyDescent="0.25">
      <c r="A731">
        <v>5</v>
      </c>
      <c r="B731">
        <v>92.147199999999998</v>
      </c>
      <c r="C731">
        <v>129.99299999999999</v>
      </c>
      <c r="D731">
        <v>179.97200000000001</v>
      </c>
      <c r="E731">
        <v>7880.31</v>
      </c>
      <c r="F731">
        <v>11820.5</v>
      </c>
      <c r="G731">
        <v>18595.3</v>
      </c>
      <c r="H731">
        <v>2.70079</v>
      </c>
      <c r="I731">
        <v>22988.9</v>
      </c>
      <c r="J731">
        <v>123.32599999999999</v>
      </c>
    </row>
    <row r="732" spans="1:10" x14ac:dyDescent="0.25">
      <c r="A732">
        <v>5</v>
      </c>
      <c r="B732">
        <v>108.919</v>
      </c>
      <c r="C732">
        <v>114.598</v>
      </c>
      <c r="D732">
        <v>190</v>
      </c>
      <c r="E732">
        <v>11962.2</v>
      </c>
      <c r="F732">
        <v>11820.5</v>
      </c>
      <c r="G732">
        <v>20466.099999999999</v>
      </c>
      <c r="H732">
        <v>3.6692900000000002</v>
      </c>
      <c r="I732">
        <v>26517.9</v>
      </c>
      <c r="J732">
        <v>40.675600000000003</v>
      </c>
    </row>
    <row r="733" spans="1:10" x14ac:dyDescent="0.25">
      <c r="A733">
        <v>5</v>
      </c>
      <c r="B733">
        <v>102.30500000000001</v>
      </c>
      <c r="C733">
        <v>124.652</v>
      </c>
      <c r="D733">
        <v>187.18</v>
      </c>
      <c r="E733">
        <v>10006.299999999999</v>
      </c>
      <c r="F733">
        <v>16157.5</v>
      </c>
      <c r="G733">
        <v>14343.3</v>
      </c>
      <c r="H733">
        <v>4</v>
      </c>
      <c r="I733">
        <v>28886.3</v>
      </c>
      <c r="J733">
        <v>105.072</v>
      </c>
    </row>
    <row r="734" spans="1:10" x14ac:dyDescent="0.25">
      <c r="A734">
        <v>5</v>
      </c>
      <c r="B734">
        <v>108.446</v>
      </c>
      <c r="C734">
        <v>113.342</v>
      </c>
      <c r="D734">
        <v>189.68700000000001</v>
      </c>
      <c r="E734">
        <v>7795.28</v>
      </c>
      <c r="F734">
        <v>12840.9</v>
      </c>
      <c r="G734">
        <v>19445.7</v>
      </c>
      <c r="H734">
        <v>3.9527600000000001</v>
      </c>
      <c r="I734">
        <v>22714.3</v>
      </c>
      <c r="J734">
        <v>48.542999999999999</v>
      </c>
    </row>
    <row r="735" spans="1:10" x14ac:dyDescent="0.25">
      <c r="A735">
        <v>5</v>
      </c>
      <c r="B735">
        <v>108.68300000000001</v>
      </c>
      <c r="C735">
        <v>114.28400000000001</v>
      </c>
      <c r="D735">
        <v>187.18</v>
      </c>
      <c r="E735">
        <v>7370.08</v>
      </c>
      <c r="F735">
        <v>11310.2</v>
      </c>
      <c r="G735">
        <v>18595.3</v>
      </c>
      <c r="H735">
        <v>1.4960599999999999</v>
      </c>
      <c r="I735">
        <v>22952</v>
      </c>
      <c r="J735">
        <v>48.572099999999999</v>
      </c>
    </row>
    <row r="736" spans="1:10" x14ac:dyDescent="0.25">
      <c r="A736">
        <v>5</v>
      </c>
      <c r="B736">
        <v>109.39100000000001</v>
      </c>
      <c r="C736">
        <v>118.68300000000001</v>
      </c>
      <c r="D736">
        <v>179.03100000000001</v>
      </c>
      <c r="E736">
        <v>7710.24</v>
      </c>
      <c r="F736">
        <v>15392.1</v>
      </c>
      <c r="G736">
        <v>18595.3</v>
      </c>
      <c r="H736">
        <v>3.3622000000000001</v>
      </c>
      <c r="I736">
        <v>27106.7</v>
      </c>
      <c r="J736">
        <v>28.392399999999999</v>
      </c>
    </row>
    <row r="737" spans="1:10" x14ac:dyDescent="0.25">
      <c r="A737">
        <v>5</v>
      </c>
      <c r="B737">
        <v>109.864</v>
      </c>
      <c r="C737">
        <v>113.342</v>
      </c>
      <c r="D737">
        <v>179.97200000000001</v>
      </c>
      <c r="E737">
        <v>8730.7099999999991</v>
      </c>
      <c r="F737">
        <v>15392.1</v>
      </c>
      <c r="G737">
        <v>19275.599999999999</v>
      </c>
      <c r="H737">
        <v>2.8189000000000002</v>
      </c>
      <c r="I737">
        <v>28105.1</v>
      </c>
      <c r="J737">
        <v>24.717199999999998</v>
      </c>
    </row>
    <row r="738" spans="1:10" x14ac:dyDescent="0.25">
      <c r="A738">
        <v>5</v>
      </c>
      <c r="B738">
        <v>94.745699999999999</v>
      </c>
      <c r="C738">
        <v>124.652</v>
      </c>
      <c r="D738">
        <v>189.68700000000001</v>
      </c>
      <c r="E738">
        <v>10091.299999999999</v>
      </c>
      <c r="F738">
        <v>10800</v>
      </c>
      <c r="G738">
        <v>25908.7</v>
      </c>
      <c r="H738">
        <v>2.4173200000000001</v>
      </c>
      <c r="I738">
        <v>23833.5</v>
      </c>
      <c r="J738">
        <v>106.699</v>
      </c>
    </row>
    <row r="739" spans="1:10" x14ac:dyDescent="0.25">
      <c r="A739">
        <v>5</v>
      </c>
      <c r="B739">
        <v>109.155</v>
      </c>
      <c r="C739">
        <v>118.369</v>
      </c>
      <c r="D739">
        <v>190</v>
      </c>
      <c r="E739">
        <v>7455.12</v>
      </c>
      <c r="F739">
        <v>11820.5</v>
      </c>
      <c r="G739">
        <v>18085</v>
      </c>
      <c r="H739">
        <v>3.64567</v>
      </c>
      <c r="I739">
        <v>21543.200000000001</v>
      </c>
      <c r="J739">
        <v>47.3932</v>
      </c>
    </row>
    <row r="740" spans="1:10" x14ac:dyDescent="0.25">
      <c r="A740">
        <v>5</v>
      </c>
      <c r="B740">
        <v>109.628</v>
      </c>
      <c r="C740">
        <v>124.652</v>
      </c>
      <c r="D740">
        <v>190</v>
      </c>
      <c r="E740">
        <v>7795.28</v>
      </c>
      <c r="F740">
        <v>16412.599999999999</v>
      </c>
      <c r="G740">
        <v>21826.799999999999</v>
      </c>
      <c r="H740">
        <v>3.6929099999999999</v>
      </c>
      <c r="I740">
        <v>27993.599999999999</v>
      </c>
      <c r="J740">
        <v>49.3767</v>
      </c>
    </row>
    <row r="741" spans="1:10" x14ac:dyDescent="0.25">
      <c r="A741">
        <v>5</v>
      </c>
      <c r="B741">
        <v>105.848</v>
      </c>
      <c r="C741">
        <v>114.913</v>
      </c>
      <c r="D741">
        <v>189.37299999999999</v>
      </c>
      <c r="E741">
        <v>7710.24</v>
      </c>
      <c r="F741">
        <v>15392.1</v>
      </c>
      <c r="G741">
        <v>20976.400000000001</v>
      </c>
      <c r="H741">
        <v>1</v>
      </c>
      <c r="I741">
        <v>29378.3</v>
      </c>
      <c r="J741">
        <v>17.155000000000001</v>
      </c>
    </row>
    <row r="742" spans="1:10" x14ac:dyDescent="0.25">
      <c r="A742">
        <v>5</v>
      </c>
      <c r="B742">
        <v>109.628</v>
      </c>
      <c r="C742">
        <v>113.342</v>
      </c>
      <c r="D742">
        <v>187.80600000000001</v>
      </c>
      <c r="E742">
        <v>10176.4</v>
      </c>
      <c r="F742">
        <v>14881.9</v>
      </c>
      <c r="G742">
        <v>25228.3</v>
      </c>
      <c r="H742">
        <v>2.4409399999999999</v>
      </c>
      <c r="I742">
        <v>28901.9</v>
      </c>
      <c r="J742">
        <v>27.893999999999998</v>
      </c>
    </row>
    <row r="743" spans="1:10" x14ac:dyDescent="0.25">
      <c r="A743">
        <v>5</v>
      </c>
      <c r="B743">
        <v>109.39100000000001</v>
      </c>
      <c r="C743">
        <v>113.65600000000001</v>
      </c>
      <c r="D743">
        <v>157.09399999999999</v>
      </c>
      <c r="E743">
        <v>11792.1</v>
      </c>
      <c r="F743">
        <v>11310.2</v>
      </c>
      <c r="G743">
        <v>7710.24</v>
      </c>
      <c r="H743">
        <v>3.3622000000000001</v>
      </c>
      <c r="I743">
        <v>32794.5</v>
      </c>
      <c r="J743">
        <v>33.192500000000003</v>
      </c>
    </row>
    <row r="744" spans="1:10" x14ac:dyDescent="0.25">
      <c r="A744">
        <v>5</v>
      </c>
      <c r="B744">
        <v>104.431</v>
      </c>
      <c r="C744">
        <v>124.652</v>
      </c>
      <c r="D744">
        <v>179.97200000000001</v>
      </c>
      <c r="E744">
        <v>7540.16</v>
      </c>
      <c r="F744">
        <v>10800</v>
      </c>
      <c r="G744">
        <v>21996.9</v>
      </c>
      <c r="H744">
        <v>2.74803</v>
      </c>
      <c r="I744">
        <v>21636.9</v>
      </c>
      <c r="J744">
        <v>93.710700000000003</v>
      </c>
    </row>
    <row r="745" spans="1:10" x14ac:dyDescent="0.25">
      <c r="A745">
        <v>5</v>
      </c>
      <c r="B745">
        <v>109.39100000000001</v>
      </c>
      <c r="C745">
        <v>114.913</v>
      </c>
      <c r="D745">
        <v>189.68700000000001</v>
      </c>
      <c r="E745">
        <v>10176.4</v>
      </c>
      <c r="F745">
        <v>11820.5</v>
      </c>
      <c r="G745">
        <v>19105.5</v>
      </c>
      <c r="H745">
        <v>3.6692900000000002</v>
      </c>
      <c r="I745">
        <v>24177.5</v>
      </c>
      <c r="J745">
        <v>34.311599999999999</v>
      </c>
    </row>
    <row r="746" spans="1:10" x14ac:dyDescent="0.25">
      <c r="A746">
        <v>5</v>
      </c>
      <c r="B746">
        <v>109.628</v>
      </c>
      <c r="C746">
        <v>113.342</v>
      </c>
      <c r="D746">
        <v>169.00299999999999</v>
      </c>
      <c r="E746">
        <v>11452</v>
      </c>
      <c r="F746">
        <v>10800</v>
      </c>
      <c r="G746">
        <v>25398.400000000001</v>
      </c>
      <c r="H746">
        <v>3.7637800000000001</v>
      </c>
      <c r="I746">
        <v>25559.599999999999</v>
      </c>
      <c r="J746">
        <v>42.611600000000003</v>
      </c>
    </row>
    <row r="747" spans="1:10" x14ac:dyDescent="0.25">
      <c r="A747">
        <v>5</v>
      </c>
      <c r="B747">
        <v>90.257499999999993</v>
      </c>
      <c r="C747">
        <v>114.913</v>
      </c>
      <c r="D747">
        <v>179.65799999999999</v>
      </c>
      <c r="E747">
        <v>7540.16</v>
      </c>
      <c r="F747">
        <v>11310.2</v>
      </c>
      <c r="G747">
        <v>18255.099999999999</v>
      </c>
      <c r="H747">
        <v>2.8661400000000001</v>
      </c>
      <c r="I747">
        <v>21888.2</v>
      </c>
      <c r="J747">
        <v>96.297600000000003</v>
      </c>
    </row>
    <row r="748" spans="1:10" x14ac:dyDescent="0.25">
      <c r="A748">
        <v>5</v>
      </c>
      <c r="B748">
        <v>109.864</v>
      </c>
      <c r="C748">
        <v>124.652</v>
      </c>
      <c r="D748">
        <v>184.04599999999999</v>
      </c>
      <c r="E748">
        <v>10091.299999999999</v>
      </c>
      <c r="F748">
        <v>15902.4</v>
      </c>
      <c r="G748">
        <v>18595.3</v>
      </c>
      <c r="H748">
        <v>3.0314999999999999</v>
      </c>
      <c r="I748">
        <v>29370.400000000001</v>
      </c>
      <c r="J748">
        <v>95.553600000000003</v>
      </c>
    </row>
    <row r="749" spans="1:10" x14ac:dyDescent="0.25">
      <c r="A749">
        <v>5</v>
      </c>
      <c r="B749">
        <v>92.147199999999998</v>
      </c>
      <c r="C749">
        <v>118.68300000000001</v>
      </c>
      <c r="D749">
        <v>179.97200000000001</v>
      </c>
      <c r="E749">
        <v>7540.16</v>
      </c>
      <c r="F749">
        <v>10800</v>
      </c>
      <c r="G749">
        <v>18255.099999999999</v>
      </c>
      <c r="H749">
        <v>2.79528</v>
      </c>
      <c r="I749">
        <v>21232.5</v>
      </c>
      <c r="J749">
        <v>71.826899999999995</v>
      </c>
    </row>
    <row r="750" spans="1:10" x14ac:dyDescent="0.25">
      <c r="A750">
        <v>5</v>
      </c>
      <c r="B750">
        <v>108.446</v>
      </c>
      <c r="C750">
        <v>118.68300000000001</v>
      </c>
      <c r="D750">
        <v>169.94300000000001</v>
      </c>
      <c r="E750">
        <v>9921.26</v>
      </c>
      <c r="F750">
        <v>16412.599999999999</v>
      </c>
      <c r="G750">
        <v>19955.900000000001</v>
      </c>
      <c r="H750">
        <v>3.7401599999999999</v>
      </c>
      <c r="I750">
        <v>31993.1</v>
      </c>
      <c r="J750">
        <v>21.443300000000001</v>
      </c>
    </row>
    <row r="751" spans="1:10" x14ac:dyDescent="0.25">
      <c r="A751">
        <v>5</v>
      </c>
      <c r="B751">
        <v>95.218100000000007</v>
      </c>
      <c r="C751">
        <v>123.395</v>
      </c>
      <c r="D751">
        <v>169.94300000000001</v>
      </c>
      <c r="E751">
        <v>10856.7</v>
      </c>
      <c r="F751">
        <v>11310.2</v>
      </c>
      <c r="G751">
        <v>11792.1</v>
      </c>
      <c r="H751">
        <v>3.6692900000000002</v>
      </c>
      <c r="I751">
        <v>24911.4</v>
      </c>
      <c r="J751">
        <v>104.101</v>
      </c>
    </row>
    <row r="752" spans="1:10" x14ac:dyDescent="0.25">
      <c r="A752">
        <v>5</v>
      </c>
      <c r="B752">
        <v>106.084</v>
      </c>
      <c r="C752">
        <v>113.342</v>
      </c>
      <c r="D752">
        <v>177.465</v>
      </c>
      <c r="E752">
        <v>8985.83</v>
      </c>
      <c r="F752">
        <v>14881.9</v>
      </c>
      <c r="G752">
        <v>18595.3</v>
      </c>
      <c r="H752">
        <v>2.7244100000000002</v>
      </c>
      <c r="I752">
        <v>26918.1</v>
      </c>
      <c r="J752">
        <v>36.014200000000002</v>
      </c>
    </row>
    <row r="753" spans="1:10" x14ac:dyDescent="0.25">
      <c r="A753">
        <v>5</v>
      </c>
      <c r="B753">
        <v>103.72199999999999</v>
      </c>
      <c r="C753">
        <v>122.453</v>
      </c>
      <c r="D753">
        <v>179.97200000000001</v>
      </c>
      <c r="E753">
        <v>7200</v>
      </c>
      <c r="F753">
        <v>15392.1</v>
      </c>
      <c r="G753">
        <v>21826.799999999999</v>
      </c>
      <c r="H753">
        <v>1.9448799999999999</v>
      </c>
      <c r="I753">
        <v>27220.400000000001</v>
      </c>
      <c r="J753">
        <v>81.975700000000003</v>
      </c>
    </row>
    <row r="754" spans="1:10" x14ac:dyDescent="0.25">
      <c r="A754">
        <v>5</v>
      </c>
      <c r="B754">
        <v>106.79300000000001</v>
      </c>
      <c r="C754">
        <v>113.65600000000001</v>
      </c>
      <c r="D754">
        <v>189.68700000000001</v>
      </c>
      <c r="E754">
        <v>10516.5</v>
      </c>
      <c r="F754">
        <v>11310.2</v>
      </c>
      <c r="G754">
        <v>20636.2</v>
      </c>
      <c r="H754">
        <v>3.7637800000000001</v>
      </c>
      <c r="I754">
        <v>24066.5</v>
      </c>
      <c r="J754">
        <v>62.6999</v>
      </c>
    </row>
    <row r="755" spans="1:10" x14ac:dyDescent="0.25">
      <c r="A755">
        <v>5</v>
      </c>
      <c r="B755">
        <v>105.376</v>
      </c>
      <c r="C755">
        <v>119.625</v>
      </c>
      <c r="D755">
        <v>189.37299999999999</v>
      </c>
      <c r="E755">
        <v>12812.6</v>
      </c>
      <c r="F755">
        <v>15647.2</v>
      </c>
      <c r="G755">
        <v>19955.900000000001</v>
      </c>
      <c r="H755">
        <v>2.8189000000000002</v>
      </c>
      <c r="I755">
        <v>33238.1</v>
      </c>
      <c r="J755">
        <v>38.167999999999999</v>
      </c>
    </row>
    <row r="756" spans="1:10" x14ac:dyDescent="0.25">
      <c r="A756">
        <v>5</v>
      </c>
      <c r="B756">
        <v>108.446</v>
      </c>
      <c r="C756">
        <v>119.93899999999999</v>
      </c>
      <c r="D756">
        <v>167.75</v>
      </c>
      <c r="E756">
        <v>10431.5</v>
      </c>
      <c r="F756">
        <v>11310.2</v>
      </c>
      <c r="G756">
        <v>24718.1</v>
      </c>
      <c r="H756">
        <v>1.1181099999999999</v>
      </c>
      <c r="I756">
        <v>27673.5</v>
      </c>
      <c r="J756">
        <v>18.264900000000001</v>
      </c>
    </row>
    <row r="757" spans="1:10" x14ac:dyDescent="0.25">
      <c r="A757">
        <v>5</v>
      </c>
      <c r="B757">
        <v>109.628</v>
      </c>
      <c r="C757">
        <v>113.02800000000001</v>
      </c>
      <c r="D757">
        <v>179.97200000000001</v>
      </c>
      <c r="E757">
        <v>7455.12</v>
      </c>
      <c r="F757">
        <v>10800</v>
      </c>
      <c r="G757">
        <v>21316.5</v>
      </c>
      <c r="H757">
        <v>3.4330699999999998</v>
      </c>
      <c r="I757">
        <v>20924.8</v>
      </c>
      <c r="J757">
        <v>74.702600000000004</v>
      </c>
    </row>
    <row r="758" spans="1:10" x14ac:dyDescent="0.25">
      <c r="A758">
        <v>5</v>
      </c>
      <c r="B758">
        <v>98.761399999999995</v>
      </c>
      <c r="C758">
        <v>113.65600000000001</v>
      </c>
      <c r="D758">
        <v>185.613</v>
      </c>
      <c r="E758">
        <v>10176.4</v>
      </c>
      <c r="F758">
        <v>17688.2</v>
      </c>
      <c r="G758">
        <v>21486.6</v>
      </c>
      <c r="H758">
        <v>1.40157</v>
      </c>
      <c r="I758">
        <v>33501.699999999997</v>
      </c>
      <c r="J758">
        <v>26.502199999999998</v>
      </c>
    </row>
    <row r="759" spans="1:10" x14ac:dyDescent="0.25">
      <c r="A759">
        <v>5</v>
      </c>
      <c r="B759">
        <v>108.68300000000001</v>
      </c>
      <c r="C759">
        <v>124.652</v>
      </c>
      <c r="D759">
        <v>168.06299999999999</v>
      </c>
      <c r="E759">
        <v>10516.5</v>
      </c>
      <c r="F759">
        <v>11310.2</v>
      </c>
      <c r="G759">
        <v>19615.7</v>
      </c>
      <c r="H759">
        <v>2.25197</v>
      </c>
      <c r="I759">
        <v>26608.1</v>
      </c>
      <c r="J759">
        <v>20.0974</v>
      </c>
    </row>
    <row r="760" spans="1:10" x14ac:dyDescent="0.25">
      <c r="A760">
        <v>5</v>
      </c>
      <c r="B760">
        <v>95.690600000000003</v>
      </c>
      <c r="C760">
        <v>114.28400000000001</v>
      </c>
      <c r="D760">
        <v>169.94300000000001</v>
      </c>
      <c r="E760">
        <v>10771.7</v>
      </c>
      <c r="F760">
        <v>16412.599999999999</v>
      </c>
      <c r="G760">
        <v>24718.1</v>
      </c>
      <c r="H760">
        <v>2.25197</v>
      </c>
      <c r="I760">
        <v>32165.1</v>
      </c>
      <c r="J760">
        <v>31.977599999999999</v>
      </c>
    </row>
    <row r="761" spans="1:10" x14ac:dyDescent="0.25">
      <c r="A761">
        <v>5</v>
      </c>
      <c r="B761">
        <v>107.974</v>
      </c>
      <c r="C761">
        <v>113.342</v>
      </c>
      <c r="D761">
        <v>186.553</v>
      </c>
      <c r="E761">
        <v>12132.3</v>
      </c>
      <c r="F761">
        <v>15647.2</v>
      </c>
      <c r="G761">
        <v>25398.400000000001</v>
      </c>
      <c r="H761">
        <v>3.9527600000000001</v>
      </c>
      <c r="I761">
        <v>31881.7</v>
      </c>
      <c r="J761">
        <v>27.359000000000002</v>
      </c>
    </row>
    <row r="762" spans="1:10" x14ac:dyDescent="0.25">
      <c r="A762">
        <v>5</v>
      </c>
      <c r="B762">
        <v>106.084</v>
      </c>
      <c r="C762">
        <v>114.598</v>
      </c>
      <c r="D762">
        <v>184.35900000000001</v>
      </c>
      <c r="E762">
        <v>10176.4</v>
      </c>
      <c r="F762">
        <v>12075.6</v>
      </c>
      <c r="G762">
        <v>23867.7</v>
      </c>
      <c r="H762">
        <v>3.8582700000000001</v>
      </c>
      <c r="I762">
        <v>24496.1</v>
      </c>
      <c r="J762">
        <v>59.617400000000004</v>
      </c>
    </row>
    <row r="763" spans="1:10" x14ac:dyDescent="0.25">
      <c r="A763">
        <v>5</v>
      </c>
      <c r="B763">
        <v>105.848</v>
      </c>
      <c r="C763">
        <v>114.598</v>
      </c>
      <c r="D763">
        <v>179.97200000000001</v>
      </c>
      <c r="E763">
        <v>10006.299999999999</v>
      </c>
      <c r="F763">
        <v>11310.2</v>
      </c>
      <c r="G763">
        <v>18595.3</v>
      </c>
      <c r="H763">
        <v>3.6692900000000002</v>
      </c>
      <c r="I763">
        <v>23823.8</v>
      </c>
      <c r="J763">
        <v>51.937100000000001</v>
      </c>
    </row>
    <row r="764" spans="1:10" x14ac:dyDescent="0.25">
      <c r="A764">
        <v>5</v>
      </c>
      <c r="B764">
        <v>107.265</v>
      </c>
      <c r="C764">
        <v>122.767</v>
      </c>
      <c r="D764">
        <v>167.43600000000001</v>
      </c>
      <c r="E764">
        <v>10771.7</v>
      </c>
      <c r="F764">
        <v>11310.2</v>
      </c>
      <c r="G764">
        <v>19955.900000000001</v>
      </c>
      <c r="H764">
        <v>3.7637800000000001</v>
      </c>
      <c r="I764">
        <v>27665.1</v>
      </c>
      <c r="J764">
        <v>86.066699999999997</v>
      </c>
    </row>
    <row r="765" spans="1:10" x14ac:dyDescent="0.25">
      <c r="A765">
        <v>5</v>
      </c>
      <c r="B765">
        <v>93.328299999999999</v>
      </c>
      <c r="C765">
        <v>138.476</v>
      </c>
      <c r="D765">
        <v>190</v>
      </c>
      <c r="E765">
        <v>7455.12</v>
      </c>
      <c r="F765">
        <v>12330.7</v>
      </c>
      <c r="G765">
        <v>20976.400000000001</v>
      </c>
      <c r="H765">
        <v>2.79528</v>
      </c>
      <c r="I765">
        <v>22522.3</v>
      </c>
      <c r="J765">
        <v>146.36099999999999</v>
      </c>
    </row>
    <row r="766" spans="1:10" x14ac:dyDescent="0.25">
      <c r="A766">
        <v>5</v>
      </c>
      <c r="B766">
        <v>108.919</v>
      </c>
      <c r="C766">
        <v>122.139</v>
      </c>
      <c r="D766">
        <v>169.94300000000001</v>
      </c>
      <c r="E766">
        <v>10686.6</v>
      </c>
      <c r="F766">
        <v>23300.799999999999</v>
      </c>
      <c r="G766">
        <v>9581.1</v>
      </c>
      <c r="H766">
        <v>3.7637800000000001</v>
      </c>
      <c r="I766">
        <v>40529.599999999999</v>
      </c>
      <c r="J766">
        <v>24.077999999999999</v>
      </c>
    </row>
    <row r="767" spans="1:10" x14ac:dyDescent="0.25">
      <c r="A767">
        <v>5</v>
      </c>
      <c r="B767">
        <v>107.029</v>
      </c>
      <c r="C767">
        <v>114.598</v>
      </c>
      <c r="D767">
        <v>181.852</v>
      </c>
      <c r="E767">
        <v>12812.6</v>
      </c>
      <c r="F767">
        <v>10800</v>
      </c>
      <c r="G767">
        <v>24037.8</v>
      </c>
      <c r="H767">
        <v>3.9527600000000001</v>
      </c>
      <c r="I767">
        <v>25753.3</v>
      </c>
      <c r="J767">
        <v>38.298000000000002</v>
      </c>
    </row>
    <row r="768" spans="1:10" x14ac:dyDescent="0.25">
      <c r="A768">
        <v>5</v>
      </c>
      <c r="B768">
        <v>98.052800000000005</v>
      </c>
      <c r="C768">
        <v>113.65600000000001</v>
      </c>
      <c r="D768">
        <v>190</v>
      </c>
      <c r="E768">
        <v>10176.4</v>
      </c>
      <c r="F768">
        <v>20239.400000000001</v>
      </c>
      <c r="G768">
        <v>22507.1</v>
      </c>
      <c r="H768">
        <v>3.64567</v>
      </c>
      <c r="I768">
        <v>34322.300000000003</v>
      </c>
      <c r="J768">
        <v>41.584800000000001</v>
      </c>
    </row>
    <row r="769" spans="1:10" x14ac:dyDescent="0.25">
      <c r="A769">
        <v>5</v>
      </c>
      <c r="B769">
        <v>94.981899999999996</v>
      </c>
      <c r="C769">
        <v>113.342</v>
      </c>
      <c r="D769">
        <v>179.65799999999999</v>
      </c>
      <c r="E769">
        <v>7455.12</v>
      </c>
      <c r="F769">
        <v>11310.2</v>
      </c>
      <c r="G769">
        <v>19615.7</v>
      </c>
      <c r="H769">
        <v>3.0551200000000001</v>
      </c>
      <c r="I769">
        <v>21684</v>
      </c>
      <c r="J769">
        <v>94.624200000000002</v>
      </c>
    </row>
    <row r="770" spans="1:10" x14ac:dyDescent="0.25">
      <c r="A770">
        <v>5</v>
      </c>
      <c r="B770">
        <v>109.864</v>
      </c>
      <c r="C770">
        <v>114.598</v>
      </c>
      <c r="D770">
        <v>190</v>
      </c>
      <c r="E770">
        <v>10091.299999999999</v>
      </c>
      <c r="F770">
        <v>16157.5</v>
      </c>
      <c r="G770">
        <v>18425.2</v>
      </c>
      <c r="H770">
        <v>3.0314999999999999</v>
      </c>
      <c r="I770">
        <v>30213.3</v>
      </c>
      <c r="J770">
        <v>25.985399999999998</v>
      </c>
    </row>
    <row r="771" spans="1:10" x14ac:dyDescent="0.25">
      <c r="A771">
        <v>5</v>
      </c>
      <c r="B771">
        <v>109.155</v>
      </c>
      <c r="C771">
        <v>119.625</v>
      </c>
      <c r="D771">
        <v>169.63</v>
      </c>
      <c r="E771">
        <v>10601.6</v>
      </c>
      <c r="F771">
        <v>27637.8</v>
      </c>
      <c r="G771">
        <v>18595.3</v>
      </c>
      <c r="H771">
        <v>3.7637800000000001</v>
      </c>
      <c r="I771">
        <v>44671.9</v>
      </c>
      <c r="J771">
        <v>21.4893</v>
      </c>
    </row>
    <row r="772" spans="1:10" x14ac:dyDescent="0.25">
      <c r="A772">
        <v>5</v>
      </c>
      <c r="B772">
        <v>89.312600000000003</v>
      </c>
      <c r="C772">
        <v>124.96599999999999</v>
      </c>
      <c r="D772">
        <v>179.97200000000001</v>
      </c>
      <c r="E772">
        <v>7540.16</v>
      </c>
      <c r="F772">
        <v>10800</v>
      </c>
      <c r="G772">
        <v>19615.7</v>
      </c>
      <c r="H772">
        <v>2.8189000000000002</v>
      </c>
      <c r="I772">
        <v>21034.3</v>
      </c>
      <c r="J772">
        <v>33.902299999999997</v>
      </c>
    </row>
    <row r="773" spans="1:10" x14ac:dyDescent="0.25">
      <c r="A773">
        <v>5</v>
      </c>
      <c r="B773">
        <v>108.68300000000001</v>
      </c>
      <c r="C773">
        <v>119.625</v>
      </c>
      <c r="D773">
        <v>187.80600000000001</v>
      </c>
      <c r="E773">
        <v>7455.12</v>
      </c>
      <c r="F773">
        <v>15392.1</v>
      </c>
      <c r="G773">
        <v>18595.3</v>
      </c>
      <c r="H773">
        <v>2.5354299999999999</v>
      </c>
      <c r="I773">
        <v>26660.2</v>
      </c>
      <c r="J773">
        <v>61.454099999999997</v>
      </c>
    </row>
    <row r="774" spans="1:10" x14ac:dyDescent="0.25">
      <c r="A774">
        <v>5</v>
      </c>
      <c r="B774">
        <v>109.155</v>
      </c>
      <c r="C774">
        <v>114.913</v>
      </c>
      <c r="D774">
        <v>167.43600000000001</v>
      </c>
      <c r="E774">
        <v>7455.12</v>
      </c>
      <c r="F774">
        <v>15392.1</v>
      </c>
      <c r="G774">
        <v>19275.599999999999</v>
      </c>
      <c r="H774">
        <v>2.9133900000000001</v>
      </c>
      <c r="I774">
        <v>27724.5</v>
      </c>
      <c r="J774">
        <v>26.4925</v>
      </c>
    </row>
    <row r="775" spans="1:10" x14ac:dyDescent="0.25">
      <c r="A775">
        <v>5</v>
      </c>
      <c r="B775">
        <v>88.840199999999996</v>
      </c>
      <c r="C775">
        <v>114.598</v>
      </c>
      <c r="D775">
        <v>176.83799999999999</v>
      </c>
      <c r="E775">
        <v>7625.2</v>
      </c>
      <c r="F775">
        <v>16922.8</v>
      </c>
      <c r="G775">
        <v>18255.099999999999</v>
      </c>
      <c r="H775">
        <v>3.1259800000000002</v>
      </c>
      <c r="I775">
        <v>27555.8</v>
      </c>
      <c r="J775">
        <v>103.05800000000001</v>
      </c>
    </row>
    <row r="776" spans="1:10" x14ac:dyDescent="0.25">
      <c r="A776">
        <v>5</v>
      </c>
      <c r="B776">
        <v>104.90300000000001</v>
      </c>
      <c r="C776">
        <v>113.65600000000001</v>
      </c>
      <c r="D776">
        <v>189.37299999999999</v>
      </c>
      <c r="E776">
        <v>7625.2</v>
      </c>
      <c r="F776">
        <v>11310.2</v>
      </c>
      <c r="G776">
        <v>18085</v>
      </c>
      <c r="H776">
        <v>1.47244</v>
      </c>
      <c r="I776">
        <v>23433.599999999999</v>
      </c>
      <c r="J776">
        <v>58.1539</v>
      </c>
    </row>
    <row r="777" spans="1:10" x14ac:dyDescent="0.25">
      <c r="A777">
        <v>5</v>
      </c>
      <c r="B777">
        <v>99.233900000000006</v>
      </c>
      <c r="C777">
        <v>114.598</v>
      </c>
      <c r="D777">
        <v>169.94300000000001</v>
      </c>
      <c r="E777">
        <v>11452</v>
      </c>
      <c r="F777">
        <v>16412.599999999999</v>
      </c>
      <c r="G777">
        <v>11792.1</v>
      </c>
      <c r="H777">
        <v>3.7637800000000001</v>
      </c>
      <c r="I777">
        <v>31825</v>
      </c>
      <c r="J777">
        <v>24.365600000000001</v>
      </c>
    </row>
    <row r="778" spans="1:10" x14ac:dyDescent="0.25">
      <c r="A778">
        <v>5</v>
      </c>
      <c r="B778">
        <v>110.1</v>
      </c>
      <c r="C778">
        <v>128.422</v>
      </c>
      <c r="D778">
        <v>163.989</v>
      </c>
      <c r="E778">
        <v>8305.51</v>
      </c>
      <c r="F778">
        <v>27637.8</v>
      </c>
      <c r="G778">
        <v>19785.8</v>
      </c>
      <c r="H778">
        <v>3.5748000000000002</v>
      </c>
      <c r="I778">
        <v>44479.199999999997</v>
      </c>
      <c r="J778">
        <v>110.962</v>
      </c>
    </row>
    <row r="779" spans="1:10" x14ac:dyDescent="0.25">
      <c r="A779">
        <v>5</v>
      </c>
      <c r="B779">
        <v>94.745699999999999</v>
      </c>
      <c r="C779">
        <v>124.652</v>
      </c>
      <c r="D779">
        <v>179.65799999999999</v>
      </c>
      <c r="E779">
        <v>7455.12</v>
      </c>
      <c r="F779">
        <v>10800</v>
      </c>
      <c r="G779">
        <v>26759.1</v>
      </c>
      <c r="H779">
        <v>1.92126</v>
      </c>
      <c r="I779">
        <v>21901.7</v>
      </c>
      <c r="J779">
        <v>104.19499999999999</v>
      </c>
    </row>
    <row r="780" spans="1:10" x14ac:dyDescent="0.25">
      <c r="A780">
        <v>5</v>
      </c>
      <c r="B780">
        <v>107.974</v>
      </c>
      <c r="C780">
        <v>124.652</v>
      </c>
      <c r="D780">
        <v>190</v>
      </c>
      <c r="E780">
        <v>10856.7</v>
      </c>
      <c r="F780">
        <v>11820.5</v>
      </c>
      <c r="G780">
        <v>23187.4</v>
      </c>
      <c r="H780">
        <v>3.6692900000000002</v>
      </c>
      <c r="I780">
        <v>26490.5</v>
      </c>
      <c r="J780">
        <v>43.685299999999998</v>
      </c>
    </row>
    <row r="781" spans="1:10" x14ac:dyDescent="0.25">
      <c r="A781">
        <v>5</v>
      </c>
      <c r="B781">
        <v>109.39100000000001</v>
      </c>
      <c r="C781">
        <v>139.732</v>
      </c>
      <c r="D781">
        <v>176.524</v>
      </c>
      <c r="E781">
        <v>7455.12</v>
      </c>
      <c r="F781">
        <v>11310.2</v>
      </c>
      <c r="G781">
        <v>18595.3</v>
      </c>
      <c r="H781">
        <v>2.5354299999999999</v>
      </c>
      <c r="I781">
        <v>21867.1</v>
      </c>
      <c r="J781">
        <v>147.624</v>
      </c>
    </row>
    <row r="782" spans="1:10" x14ac:dyDescent="0.25">
      <c r="A782">
        <v>5</v>
      </c>
      <c r="B782">
        <v>103.486</v>
      </c>
      <c r="C782">
        <v>114.913</v>
      </c>
      <c r="D782">
        <v>172.45</v>
      </c>
      <c r="E782">
        <v>7370.08</v>
      </c>
      <c r="F782">
        <v>11310.2</v>
      </c>
      <c r="G782">
        <v>19615.7</v>
      </c>
      <c r="H782">
        <v>3.7637800000000001</v>
      </c>
      <c r="I782">
        <v>21740.799999999999</v>
      </c>
      <c r="J782">
        <v>97.438400000000001</v>
      </c>
    </row>
    <row r="783" spans="1:10" x14ac:dyDescent="0.25">
      <c r="A783">
        <v>5</v>
      </c>
      <c r="B783">
        <v>109.864</v>
      </c>
      <c r="C783">
        <v>123.395</v>
      </c>
      <c r="D783">
        <v>163.989</v>
      </c>
      <c r="E783">
        <v>16299.2</v>
      </c>
      <c r="F783">
        <v>33760.6</v>
      </c>
      <c r="G783">
        <v>25398.400000000001</v>
      </c>
      <c r="H783">
        <v>2.25197</v>
      </c>
      <c r="I783">
        <v>59064.7</v>
      </c>
      <c r="J783">
        <v>19.000900000000001</v>
      </c>
    </row>
    <row r="784" spans="1:10" x14ac:dyDescent="0.25">
      <c r="A784">
        <v>5</v>
      </c>
      <c r="B784">
        <v>106.32</v>
      </c>
      <c r="C784">
        <v>112.71299999999999</v>
      </c>
      <c r="D784">
        <v>189.68700000000001</v>
      </c>
      <c r="E784">
        <v>8730.7099999999991</v>
      </c>
      <c r="F784">
        <v>14881.9</v>
      </c>
      <c r="G784">
        <v>19275.599999999999</v>
      </c>
      <c r="H784">
        <v>2.5354299999999999</v>
      </c>
      <c r="I784">
        <v>26401.200000000001</v>
      </c>
      <c r="J784">
        <v>32.434399999999997</v>
      </c>
    </row>
    <row r="785" spans="1:10" x14ac:dyDescent="0.25">
      <c r="A785">
        <v>5</v>
      </c>
      <c r="B785">
        <v>108.919</v>
      </c>
      <c r="C785">
        <v>124.652</v>
      </c>
      <c r="D785">
        <v>169.94300000000001</v>
      </c>
      <c r="E785">
        <v>10686.6</v>
      </c>
      <c r="F785">
        <v>10800</v>
      </c>
      <c r="G785">
        <v>20466.099999999999</v>
      </c>
      <c r="H785">
        <v>3.7637800000000001</v>
      </c>
      <c r="I785">
        <v>26028.2</v>
      </c>
      <c r="J785">
        <v>94.218599999999995</v>
      </c>
    </row>
    <row r="786" spans="1:10" x14ac:dyDescent="0.25">
      <c r="A786">
        <v>5</v>
      </c>
      <c r="B786">
        <v>105.61199999999999</v>
      </c>
      <c r="C786">
        <v>113.65600000000001</v>
      </c>
      <c r="D786">
        <v>189.37299999999999</v>
      </c>
      <c r="E786">
        <v>7285.04</v>
      </c>
      <c r="F786">
        <v>15392.1</v>
      </c>
      <c r="G786">
        <v>18765.400000000001</v>
      </c>
      <c r="H786">
        <v>1</v>
      </c>
      <c r="I786">
        <v>28528.2</v>
      </c>
      <c r="J786">
        <v>29.667200000000001</v>
      </c>
    </row>
    <row r="787" spans="1:10" x14ac:dyDescent="0.25">
      <c r="A787">
        <v>5</v>
      </c>
      <c r="B787">
        <v>108.919</v>
      </c>
      <c r="C787">
        <v>114.598</v>
      </c>
      <c r="D787">
        <v>182.16499999999999</v>
      </c>
      <c r="E787">
        <v>7455.12</v>
      </c>
      <c r="F787">
        <v>11820.5</v>
      </c>
      <c r="G787">
        <v>14343.3</v>
      </c>
      <c r="H787">
        <v>1.4960599999999999</v>
      </c>
      <c r="I787">
        <v>23717</v>
      </c>
      <c r="J787">
        <v>31.2334</v>
      </c>
    </row>
    <row r="788" spans="1:10" x14ac:dyDescent="0.25">
      <c r="A788">
        <v>5</v>
      </c>
      <c r="B788">
        <v>108.446</v>
      </c>
      <c r="C788">
        <v>113.65600000000001</v>
      </c>
      <c r="D788">
        <v>169.63</v>
      </c>
      <c r="E788">
        <v>11366.9</v>
      </c>
      <c r="F788">
        <v>23300.799999999999</v>
      </c>
      <c r="G788">
        <v>23357.5</v>
      </c>
      <c r="H788">
        <v>2.9133900000000001</v>
      </c>
      <c r="I788">
        <v>40708.800000000003</v>
      </c>
      <c r="J788">
        <v>31.761299999999999</v>
      </c>
    </row>
    <row r="789" spans="1:10" x14ac:dyDescent="0.25">
      <c r="A789">
        <v>5</v>
      </c>
      <c r="B789">
        <v>109.628</v>
      </c>
      <c r="C789">
        <v>118.68300000000001</v>
      </c>
      <c r="D789">
        <v>179.345</v>
      </c>
      <c r="E789">
        <v>7795.28</v>
      </c>
      <c r="F789">
        <v>15392.1</v>
      </c>
      <c r="G789">
        <v>22166.9</v>
      </c>
      <c r="H789">
        <v>1.87402</v>
      </c>
      <c r="I789">
        <v>28765.3</v>
      </c>
      <c r="J789">
        <v>22.3217</v>
      </c>
    </row>
    <row r="790" spans="1:10" x14ac:dyDescent="0.25">
      <c r="A790">
        <v>5</v>
      </c>
      <c r="B790">
        <v>101.83199999999999</v>
      </c>
      <c r="C790">
        <v>118.369</v>
      </c>
      <c r="D790">
        <v>159.28800000000001</v>
      </c>
      <c r="E790">
        <v>10176.4</v>
      </c>
      <c r="F790">
        <v>15902.4</v>
      </c>
      <c r="G790">
        <v>23357.5</v>
      </c>
      <c r="H790">
        <v>2.6063000000000001</v>
      </c>
      <c r="I790">
        <v>45118.8</v>
      </c>
      <c r="J790">
        <v>28.762599999999999</v>
      </c>
    </row>
    <row r="791" spans="1:10" x14ac:dyDescent="0.25">
      <c r="A791">
        <v>5</v>
      </c>
      <c r="B791">
        <v>108.68300000000001</v>
      </c>
      <c r="C791">
        <v>113.02800000000001</v>
      </c>
      <c r="D791">
        <v>179.65799999999999</v>
      </c>
      <c r="E791">
        <v>10516.5</v>
      </c>
      <c r="F791">
        <v>10800</v>
      </c>
      <c r="G791">
        <v>19445.7</v>
      </c>
      <c r="H791">
        <v>3.7637800000000001</v>
      </c>
      <c r="I791">
        <v>23748.3</v>
      </c>
      <c r="J791">
        <v>64.789000000000001</v>
      </c>
    </row>
    <row r="792" spans="1:10" x14ac:dyDescent="0.25">
      <c r="A792">
        <v>5</v>
      </c>
      <c r="B792">
        <v>109.39100000000001</v>
      </c>
      <c r="C792">
        <v>124.652</v>
      </c>
      <c r="D792">
        <v>169.94300000000001</v>
      </c>
      <c r="E792">
        <v>9921.26</v>
      </c>
      <c r="F792">
        <v>16412.599999999999</v>
      </c>
      <c r="G792">
        <v>19105.5</v>
      </c>
      <c r="H792">
        <v>3.64567</v>
      </c>
      <c r="I792">
        <v>31952.3</v>
      </c>
      <c r="J792">
        <v>106.039</v>
      </c>
    </row>
    <row r="793" spans="1:10" x14ac:dyDescent="0.25">
      <c r="A793">
        <v>5</v>
      </c>
      <c r="B793">
        <v>105.848</v>
      </c>
      <c r="C793">
        <v>113.342</v>
      </c>
      <c r="D793">
        <v>169.31700000000001</v>
      </c>
      <c r="E793">
        <v>10091.299999999999</v>
      </c>
      <c r="F793">
        <v>11310.2</v>
      </c>
      <c r="G793">
        <v>21146.5</v>
      </c>
      <c r="H793">
        <v>2.6771699999999998</v>
      </c>
      <c r="I793">
        <v>25502.3</v>
      </c>
      <c r="J793">
        <v>80.124200000000002</v>
      </c>
    </row>
    <row r="794" spans="1:10" x14ac:dyDescent="0.25">
      <c r="A794">
        <v>5</v>
      </c>
      <c r="B794">
        <v>108.68300000000001</v>
      </c>
      <c r="C794">
        <v>118.054</v>
      </c>
      <c r="D794">
        <v>189.37299999999999</v>
      </c>
      <c r="E794">
        <v>7795.28</v>
      </c>
      <c r="F794">
        <v>11310.2</v>
      </c>
      <c r="G794">
        <v>20806.3</v>
      </c>
      <c r="H794">
        <v>1.28346</v>
      </c>
      <c r="I794">
        <v>24054</v>
      </c>
      <c r="J794">
        <v>30.174600000000002</v>
      </c>
    </row>
    <row r="795" spans="1:10" x14ac:dyDescent="0.25">
      <c r="A795">
        <v>5</v>
      </c>
      <c r="B795">
        <v>109.39100000000001</v>
      </c>
      <c r="C795">
        <v>114.598</v>
      </c>
      <c r="D795">
        <v>179.345</v>
      </c>
      <c r="E795">
        <v>10176.4</v>
      </c>
      <c r="F795">
        <v>12330.7</v>
      </c>
      <c r="G795">
        <v>18595.3</v>
      </c>
      <c r="H795">
        <v>3.7873999999999999</v>
      </c>
      <c r="I795">
        <v>24965.599999999999</v>
      </c>
      <c r="J795">
        <v>36.356900000000003</v>
      </c>
    </row>
    <row r="796" spans="1:10" x14ac:dyDescent="0.25">
      <c r="A796">
        <v>5</v>
      </c>
      <c r="B796">
        <v>107.502</v>
      </c>
      <c r="C796">
        <v>112.399</v>
      </c>
      <c r="D796">
        <v>186.553</v>
      </c>
      <c r="E796">
        <v>8730.7099999999991</v>
      </c>
      <c r="F796">
        <v>11310.2</v>
      </c>
      <c r="G796">
        <v>23357.5</v>
      </c>
      <c r="H796">
        <v>3.00787</v>
      </c>
      <c r="I796">
        <v>22661.8</v>
      </c>
      <c r="J796">
        <v>68.337100000000007</v>
      </c>
    </row>
    <row r="797" spans="1:10" x14ac:dyDescent="0.25">
      <c r="A797">
        <v>5</v>
      </c>
      <c r="B797">
        <v>98.052800000000005</v>
      </c>
      <c r="C797">
        <v>113.65600000000001</v>
      </c>
      <c r="D797">
        <v>169.94300000000001</v>
      </c>
      <c r="E797">
        <v>11452</v>
      </c>
      <c r="F797">
        <v>16412.599999999999</v>
      </c>
      <c r="G797">
        <v>11792.1</v>
      </c>
      <c r="H797">
        <v>3.3622000000000001</v>
      </c>
      <c r="I797">
        <v>32595.200000000001</v>
      </c>
      <c r="J797">
        <v>33.190100000000001</v>
      </c>
    </row>
    <row r="798" spans="1:10" x14ac:dyDescent="0.25">
      <c r="A798">
        <v>5</v>
      </c>
      <c r="B798">
        <v>105.848</v>
      </c>
      <c r="C798">
        <v>110.828</v>
      </c>
      <c r="D798">
        <v>168.06299999999999</v>
      </c>
      <c r="E798">
        <v>11537</v>
      </c>
      <c r="F798">
        <v>23811</v>
      </c>
      <c r="G798">
        <v>26078.7</v>
      </c>
      <c r="H798">
        <v>3.7637800000000001</v>
      </c>
      <c r="I798">
        <v>42954.2</v>
      </c>
      <c r="J798">
        <v>25.720600000000001</v>
      </c>
    </row>
    <row r="799" spans="1:10" x14ac:dyDescent="0.25">
      <c r="A799">
        <v>5</v>
      </c>
      <c r="B799">
        <v>109.155</v>
      </c>
      <c r="C799">
        <v>113.65600000000001</v>
      </c>
      <c r="D799">
        <v>158.97499999999999</v>
      </c>
      <c r="E799">
        <v>11537</v>
      </c>
      <c r="F799">
        <v>15392.1</v>
      </c>
      <c r="G799">
        <v>23697.599999999999</v>
      </c>
      <c r="H799">
        <v>3.3858299999999999</v>
      </c>
      <c r="I799">
        <v>47925.4</v>
      </c>
      <c r="J799">
        <v>24.468599999999999</v>
      </c>
    </row>
    <row r="800" spans="1:10" x14ac:dyDescent="0.25">
      <c r="A800">
        <v>5</v>
      </c>
      <c r="B800">
        <v>90.966099999999997</v>
      </c>
      <c r="C800">
        <v>124.652</v>
      </c>
      <c r="D800">
        <v>179.97200000000001</v>
      </c>
      <c r="E800">
        <v>10091.299999999999</v>
      </c>
      <c r="F800">
        <v>11820.5</v>
      </c>
      <c r="G800">
        <v>18255.099999999999</v>
      </c>
      <c r="H800">
        <v>2.74803</v>
      </c>
      <c r="I800">
        <v>24599.4</v>
      </c>
      <c r="J800">
        <v>107.952</v>
      </c>
    </row>
    <row r="801" spans="1:10" x14ac:dyDescent="0.25">
      <c r="A801">
        <v>5</v>
      </c>
      <c r="B801">
        <v>89.312600000000003</v>
      </c>
      <c r="C801">
        <v>124.96599999999999</v>
      </c>
      <c r="D801">
        <v>179.97200000000001</v>
      </c>
      <c r="E801">
        <v>7540.16</v>
      </c>
      <c r="F801">
        <v>10800</v>
      </c>
      <c r="G801">
        <v>19615.7</v>
      </c>
      <c r="H801">
        <v>2.8189000000000002</v>
      </c>
      <c r="I801">
        <v>21034.3</v>
      </c>
      <c r="J801">
        <v>33.902299999999997</v>
      </c>
    </row>
    <row r="802" spans="1:10" x14ac:dyDescent="0.25">
      <c r="A802">
        <v>5</v>
      </c>
      <c r="B802">
        <v>89.312600000000003</v>
      </c>
      <c r="C802">
        <v>124.96599999999999</v>
      </c>
      <c r="D802">
        <v>179.97200000000001</v>
      </c>
      <c r="E802">
        <v>7540.16</v>
      </c>
      <c r="F802">
        <v>10800</v>
      </c>
      <c r="G802">
        <v>19615.7</v>
      </c>
      <c r="H802">
        <v>2.8189000000000002</v>
      </c>
      <c r="I802">
        <v>21034.3</v>
      </c>
      <c r="J802">
        <v>33.902299999999997</v>
      </c>
    </row>
    <row r="803" spans="1:10" x14ac:dyDescent="0.25">
      <c r="A803">
        <v>5</v>
      </c>
      <c r="B803">
        <v>105.848</v>
      </c>
      <c r="C803">
        <v>114.913</v>
      </c>
      <c r="D803">
        <v>189.37299999999999</v>
      </c>
      <c r="E803">
        <v>7710.24</v>
      </c>
      <c r="F803">
        <v>15392.1</v>
      </c>
      <c r="G803">
        <v>20976.400000000001</v>
      </c>
      <c r="H803">
        <v>1</v>
      </c>
      <c r="I803">
        <v>29378.3</v>
      </c>
      <c r="J803">
        <v>17.155000000000001</v>
      </c>
    </row>
    <row r="804" spans="1:10" x14ac:dyDescent="0.25">
      <c r="A804">
        <v>5</v>
      </c>
      <c r="B804">
        <v>105.848</v>
      </c>
      <c r="C804">
        <v>114.913</v>
      </c>
      <c r="D804">
        <v>189.37299999999999</v>
      </c>
      <c r="E804">
        <v>7710.24</v>
      </c>
      <c r="F804">
        <v>15392.1</v>
      </c>
      <c r="G804">
        <v>20976.400000000001</v>
      </c>
      <c r="H804">
        <v>1</v>
      </c>
      <c r="I804">
        <v>29378.3</v>
      </c>
      <c r="J804">
        <v>17.155000000000001</v>
      </c>
    </row>
    <row r="805" spans="1:10" x14ac:dyDescent="0.25">
      <c r="A805">
        <v>5</v>
      </c>
      <c r="B805">
        <v>89.312600000000003</v>
      </c>
      <c r="C805">
        <v>124.96599999999999</v>
      </c>
      <c r="D805">
        <v>179.97200000000001</v>
      </c>
      <c r="E805">
        <v>7540.16</v>
      </c>
      <c r="F805">
        <v>10800</v>
      </c>
      <c r="G805">
        <v>19615.7</v>
      </c>
      <c r="H805">
        <v>2.8189000000000002</v>
      </c>
      <c r="I805">
        <v>21034.3</v>
      </c>
      <c r="J805">
        <v>33.902299999999997</v>
      </c>
    </row>
    <row r="806" spans="1:10" x14ac:dyDescent="0.25">
      <c r="A806">
        <v>5</v>
      </c>
      <c r="B806">
        <v>109.864</v>
      </c>
      <c r="C806">
        <v>124.652</v>
      </c>
      <c r="D806">
        <v>184.672</v>
      </c>
      <c r="E806">
        <v>10176.4</v>
      </c>
      <c r="F806">
        <v>10800</v>
      </c>
      <c r="G806">
        <v>25228.3</v>
      </c>
      <c r="H806">
        <v>2.2283499999999998</v>
      </c>
      <c r="I806">
        <v>26281</v>
      </c>
      <c r="J806">
        <v>25.187100000000001</v>
      </c>
    </row>
    <row r="807" spans="1:10" x14ac:dyDescent="0.25">
      <c r="A807">
        <v>5</v>
      </c>
      <c r="B807">
        <v>89.312600000000003</v>
      </c>
      <c r="C807">
        <v>124.96599999999999</v>
      </c>
      <c r="D807">
        <v>179.97200000000001</v>
      </c>
      <c r="E807">
        <v>7540.16</v>
      </c>
      <c r="F807">
        <v>10800</v>
      </c>
      <c r="G807">
        <v>19615.7</v>
      </c>
      <c r="H807">
        <v>2.8189000000000002</v>
      </c>
      <c r="I807">
        <v>21034.3</v>
      </c>
      <c r="J807">
        <v>33.902299999999997</v>
      </c>
    </row>
    <row r="808" spans="1:10" x14ac:dyDescent="0.25">
      <c r="A808">
        <v>5</v>
      </c>
      <c r="B808">
        <v>109.864</v>
      </c>
      <c r="C808">
        <v>124.652</v>
      </c>
      <c r="D808">
        <v>184.672</v>
      </c>
      <c r="E808">
        <v>10176.4</v>
      </c>
      <c r="F808">
        <v>10800</v>
      </c>
      <c r="G808">
        <v>25228.3</v>
      </c>
      <c r="H808">
        <v>2.2283499999999998</v>
      </c>
      <c r="I808">
        <v>26281</v>
      </c>
      <c r="J808">
        <v>25.187100000000001</v>
      </c>
    </row>
    <row r="809" spans="1:10" x14ac:dyDescent="0.25">
      <c r="A809">
        <v>5</v>
      </c>
      <c r="B809">
        <v>105.848</v>
      </c>
      <c r="C809">
        <v>114.913</v>
      </c>
      <c r="D809">
        <v>189.37299999999999</v>
      </c>
      <c r="E809">
        <v>7710.24</v>
      </c>
      <c r="F809">
        <v>15392.1</v>
      </c>
      <c r="G809">
        <v>20976.400000000001</v>
      </c>
      <c r="H809">
        <v>1</v>
      </c>
      <c r="I809">
        <v>29378.3</v>
      </c>
      <c r="J809">
        <v>17.155000000000001</v>
      </c>
    </row>
    <row r="810" spans="1:10" x14ac:dyDescent="0.25">
      <c r="A810">
        <v>5</v>
      </c>
      <c r="B810">
        <v>89.312600000000003</v>
      </c>
      <c r="C810">
        <v>124.96599999999999</v>
      </c>
      <c r="D810">
        <v>179.97200000000001</v>
      </c>
      <c r="E810">
        <v>7540.16</v>
      </c>
      <c r="F810">
        <v>10800</v>
      </c>
      <c r="G810">
        <v>19615.7</v>
      </c>
      <c r="H810">
        <v>2.8189000000000002</v>
      </c>
      <c r="I810">
        <v>21034.3</v>
      </c>
      <c r="J810">
        <v>33.902299999999997</v>
      </c>
    </row>
    <row r="811" spans="1:10" x14ac:dyDescent="0.25">
      <c r="A811">
        <v>5</v>
      </c>
      <c r="B811">
        <v>105.848</v>
      </c>
      <c r="C811">
        <v>114.913</v>
      </c>
      <c r="D811">
        <v>189.37299999999999</v>
      </c>
      <c r="E811">
        <v>7710.24</v>
      </c>
      <c r="F811">
        <v>15392.1</v>
      </c>
      <c r="G811">
        <v>20976.400000000001</v>
      </c>
      <c r="H811">
        <v>1</v>
      </c>
      <c r="I811">
        <v>29378.3</v>
      </c>
      <c r="J811">
        <v>17.155000000000001</v>
      </c>
    </row>
    <row r="812" spans="1:10" x14ac:dyDescent="0.25">
      <c r="A812">
        <v>5</v>
      </c>
      <c r="B812">
        <v>109.864</v>
      </c>
      <c r="C812">
        <v>124.652</v>
      </c>
      <c r="D812">
        <v>184.672</v>
      </c>
      <c r="E812">
        <v>10176.4</v>
      </c>
      <c r="F812">
        <v>10800</v>
      </c>
      <c r="G812">
        <v>25228.3</v>
      </c>
      <c r="H812">
        <v>2.2283499999999998</v>
      </c>
      <c r="I812">
        <v>26281</v>
      </c>
      <c r="J812">
        <v>25.187100000000001</v>
      </c>
    </row>
    <row r="813" spans="1:10" x14ac:dyDescent="0.25">
      <c r="A813">
        <v>5</v>
      </c>
      <c r="B813">
        <v>89.312600000000003</v>
      </c>
      <c r="C813">
        <v>124.96599999999999</v>
      </c>
      <c r="D813">
        <v>179.97200000000001</v>
      </c>
      <c r="E813">
        <v>7540.16</v>
      </c>
      <c r="F813">
        <v>10800</v>
      </c>
      <c r="G813">
        <v>19615.7</v>
      </c>
      <c r="H813">
        <v>2.8189000000000002</v>
      </c>
      <c r="I813">
        <v>21034.3</v>
      </c>
      <c r="J813">
        <v>33.902299999999997</v>
      </c>
    </row>
    <row r="814" spans="1:10" x14ac:dyDescent="0.25">
      <c r="A814">
        <v>5</v>
      </c>
      <c r="B814">
        <v>105.848</v>
      </c>
      <c r="C814">
        <v>114.913</v>
      </c>
      <c r="D814">
        <v>189.37299999999999</v>
      </c>
      <c r="E814">
        <v>7710.24</v>
      </c>
      <c r="F814">
        <v>15392.1</v>
      </c>
      <c r="G814">
        <v>20976.400000000001</v>
      </c>
      <c r="H814">
        <v>1</v>
      </c>
      <c r="I814">
        <v>29378.3</v>
      </c>
      <c r="J814">
        <v>17.155000000000001</v>
      </c>
    </row>
    <row r="815" spans="1:10" x14ac:dyDescent="0.25">
      <c r="A815">
        <v>5</v>
      </c>
      <c r="B815">
        <v>109.39100000000001</v>
      </c>
      <c r="C815">
        <v>114.598</v>
      </c>
      <c r="D815">
        <v>189.68700000000001</v>
      </c>
      <c r="E815">
        <v>10091.299999999999</v>
      </c>
      <c r="F815">
        <v>11310.2</v>
      </c>
      <c r="G815">
        <v>23187.4</v>
      </c>
      <c r="H815">
        <v>2.25197</v>
      </c>
      <c r="I815">
        <v>24544.400000000001</v>
      </c>
      <c r="J815">
        <v>29.324999999999999</v>
      </c>
    </row>
    <row r="816" spans="1:10" x14ac:dyDescent="0.25">
      <c r="A816">
        <v>5</v>
      </c>
      <c r="B816">
        <v>109.628</v>
      </c>
      <c r="C816">
        <v>113.02800000000001</v>
      </c>
      <c r="D816">
        <v>179.97200000000001</v>
      </c>
      <c r="E816">
        <v>7455.12</v>
      </c>
      <c r="F816">
        <v>10800</v>
      </c>
      <c r="G816">
        <v>21316.5</v>
      </c>
      <c r="H816">
        <v>3.4330699999999998</v>
      </c>
      <c r="I816">
        <v>20924.8</v>
      </c>
      <c r="J816">
        <v>74.702600000000004</v>
      </c>
    </row>
    <row r="817" spans="1:10" x14ac:dyDescent="0.25">
      <c r="A817">
        <v>5</v>
      </c>
      <c r="B817">
        <v>89.312600000000003</v>
      </c>
      <c r="C817">
        <v>124.96599999999999</v>
      </c>
      <c r="D817">
        <v>179.97200000000001</v>
      </c>
      <c r="E817">
        <v>7540.16</v>
      </c>
      <c r="F817">
        <v>10800</v>
      </c>
      <c r="G817">
        <v>19615.7</v>
      </c>
      <c r="H817">
        <v>2.8189000000000002</v>
      </c>
      <c r="I817">
        <v>21034.3</v>
      </c>
      <c r="J817">
        <v>33.902299999999997</v>
      </c>
    </row>
    <row r="818" spans="1:10" x14ac:dyDescent="0.25">
      <c r="A818">
        <v>5</v>
      </c>
      <c r="B818">
        <v>109.864</v>
      </c>
      <c r="C818">
        <v>124.652</v>
      </c>
      <c r="D818">
        <v>190</v>
      </c>
      <c r="E818">
        <v>10176.4</v>
      </c>
      <c r="F818">
        <v>11820.5</v>
      </c>
      <c r="G818">
        <v>19105.5</v>
      </c>
      <c r="H818">
        <v>3.6929099999999999</v>
      </c>
      <c r="I818">
        <v>26205.7</v>
      </c>
      <c r="J818">
        <v>25.909600000000001</v>
      </c>
    </row>
    <row r="819" spans="1:10" x14ac:dyDescent="0.25">
      <c r="A819">
        <v>5</v>
      </c>
      <c r="B819">
        <v>89.312600000000003</v>
      </c>
      <c r="C819">
        <v>124.96599999999999</v>
      </c>
      <c r="D819">
        <v>179.97200000000001</v>
      </c>
      <c r="E819">
        <v>7540.16</v>
      </c>
      <c r="F819">
        <v>10800</v>
      </c>
      <c r="G819">
        <v>19615.7</v>
      </c>
      <c r="H819">
        <v>2.8189000000000002</v>
      </c>
      <c r="I819">
        <v>21034.3</v>
      </c>
      <c r="J819">
        <v>33.902299999999997</v>
      </c>
    </row>
    <row r="820" spans="1:10" x14ac:dyDescent="0.25">
      <c r="A820">
        <v>5</v>
      </c>
      <c r="B820">
        <v>94.273200000000003</v>
      </c>
      <c r="C820">
        <v>113.342</v>
      </c>
      <c r="D820">
        <v>189.68700000000001</v>
      </c>
      <c r="E820">
        <v>7370.08</v>
      </c>
      <c r="F820">
        <v>10800</v>
      </c>
      <c r="G820">
        <v>22677.200000000001</v>
      </c>
      <c r="H820">
        <v>3.3385799999999999</v>
      </c>
      <c r="I820">
        <v>20784.099999999999</v>
      </c>
      <c r="J820">
        <v>118.542</v>
      </c>
    </row>
    <row r="821" spans="1:10" x14ac:dyDescent="0.25">
      <c r="A821">
        <v>5</v>
      </c>
      <c r="B821">
        <v>108.446</v>
      </c>
      <c r="C821">
        <v>119.93899999999999</v>
      </c>
      <c r="D821">
        <v>167.75</v>
      </c>
      <c r="E821">
        <v>10431.5</v>
      </c>
      <c r="F821">
        <v>11310.2</v>
      </c>
      <c r="G821">
        <v>24718.1</v>
      </c>
      <c r="H821">
        <v>1.1181099999999999</v>
      </c>
      <c r="I821">
        <v>27673.5</v>
      </c>
      <c r="J821">
        <v>18.264900000000001</v>
      </c>
    </row>
    <row r="822" spans="1:10" x14ac:dyDescent="0.25">
      <c r="A822">
        <v>5</v>
      </c>
      <c r="B822">
        <v>108.68300000000001</v>
      </c>
      <c r="C822">
        <v>124.652</v>
      </c>
      <c r="D822">
        <v>168.06299999999999</v>
      </c>
      <c r="E822">
        <v>10516.5</v>
      </c>
      <c r="F822">
        <v>11310.2</v>
      </c>
      <c r="G822">
        <v>19615.7</v>
      </c>
      <c r="H822">
        <v>2.25197</v>
      </c>
      <c r="I822">
        <v>26608.1</v>
      </c>
      <c r="J822">
        <v>20.0974</v>
      </c>
    </row>
    <row r="823" spans="1:10" x14ac:dyDescent="0.25">
      <c r="A823">
        <v>5</v>
      </c>
      <c r="B823">
        <v>108.919</v>
      </c>
      <c r="C823">
        <v>114.598</v>
      </c>
      <c r="D823">
        <v>182.16499999999999</v>
      </c>
      <c r="E823">
        <v>7455.12</v>
      </c>
      <c r="F823">
        <v>11820.5</v>
      </c>
      <c r="G823">
        <v>14343.3</v>
      </c>
      <c r="H823">
        <v>1.4960599999999999</v>
      </c>
      <c r="I823">
        <v>23717</v>
      </c>
      <c r="J823">
        <v>31.2334</v>
      </c>
    </row>
    <row r="824" spans="1:10" x14ac:dyDescent="0.25">
      <c r="A824">
        <v>5</v>
      </c>
      <c r="B824">
        <v>108.68300000000001</v>
      </c>
      <c r="C824">
        <v>118.054</v>
      </c>
      <c r="D824">
        <v>189.37299999999999</v>
      </c>
      <c r="E824">
        <v>7795.28</v>
      </c>
      <c r="F824">
        <v>11310.2</v>
      </c>
      <c r="G824">
        <v>20806.3</v>
      </c>
      <c r="H824">
        <v>1.28346</v>
      </c>
      <c r="I824">
        <v>24054</v>
      </c>
      <c r="J824">
        <v>30.174600000000002</v>
      </c>
    </row>
    <row r="841" spans="1:10" x14ac:dyDescent="0.25">
      <c r="A841">
        <v>6</v>
      </c>
      <c r="B841">
        <v>108.68300000000001</v>
      </c>
      <c r="C841">
        <v>124.652</v>
      </c>
      <c r="D841">
        <v>168.06299999999999</v>
      </c>
      <c r="E841">
        <v>10516.5</v>
      </c>
      <c r="F841">
        <v>11310.2</v>
      </c>
      <c r="G841">
        <v>19615.7</v>
      </c>
      <c r="H841">
        <v>2.25197</v>
      </c>
      <c r="I841">
        <v>26608.1</v>
      </c>
      <c r="J841">
        <v>20.0974</v>
      </c>
    </row>
    <row r="842" spans="1:10" x14ac:dyDescent="0.25">
      <c r="A842">
        <v>6</v>
      </c>
      <c r="B842">
        <v>89.312600000000003</v>
      </c>
      <c r="C842">
        <v>124.96599999999999</v>
      </c>
      <c r="D842">
        <v>179.97200000000001</v>
      </c>
      <c r="E842">
        <v>7540.16</v>
      </c>
      <c r="F842">
        <v>10800</v>
      </c>
      <c r="G842">
        <v>19615.7</v>
      </c>
      <c r="H842">
        <v>2.8189000000000002</v>
      </c>
      <c r="I842">
        <v>21034.3</v>
      </c>
      <c r="J842">
        <v>33.902299999999997</v>
      </c>
    </row>
    <row r="843" spans="1:10" x14ac:dyDescent="0.25">
      <c r="A843">
        <v>6</v>
      </c>
      <c r="B843">
        <v>94.273200000000003</v>
      </c>
      <c r="C843">
        <v>113.342</v>
      </c>
      <c r="D843">
        <v>189.68700000000001</v>
      </c>
      <c r="E843">
        <v>7370.08</v>
      </c>
      <c r="F843">
        <v>10800</v>
      </c>
      <c r="G843">
        <v>22677.200000000001</v>
      </c>
      <c r="H843">
        <v>3.3385799999999999</v>
      </c>
      <c r="I843">
        <v>20784.099999999999</v>
      </c>
      <c r="J843">
        <v>118.542</v>
      </c>
    </row>
    <row r="844" spans="1:10" x14ac:dyDescent="0.25">
      <c r="A844">
        <v>6</v>
      </c>
      <c r="B844">
        <v>105.848</v>
      </c>
      <c r="C844">
        <v>114.913</v>
      </c>
      <c r="D844">
        <v>189.37299999999999</v>
      </c>
      <c r="E844">
        <v>7710.24</v>
      </c>
      <c r="F844">
        <v>15392.1</v>
      </c>
      <c r="G844">
        <v>20976.400000000001</v>
      </c>
      <c r="H844">
        <v>1</v>
      </c>
      <c r="I844">
        <v>29378.3</v>
      </c>
      <c r="J844">
        <v>17.155000000000001</v>
      </c>
    </row>
    <row r="845" spans="1:10" x14ac:dyDescent="0.25">
      <c r="A845">
        <v>6</v>
      </c>
      <c r="B845">
        <v>108.446</v>
      </c>
      <c r="C845">
        <v>119.93899999999999</v>
      </c>
      <c r="D845">
        <v>167.75</v>
      </c>
      <c r="E845">
        <v>10431.5</v>
      </c>
      <c r="F845">
        <v>11310.2</v>
      </c>
      <c r="G845">
        <v>24718.1</v>
      </c>
      <c r="H845">
        <v>1.1181099999999999</v>
      </c>
      <c r="I845">
        <v>27673.5</v>
      </c>
      <c r="J845">
        <v>18.264900000000001</v>
      </c>
    </row>
    <row r="846" spans="1:10" x14ac:dyDescent="0.25">
      <c r="A846">
        <v>6</v>
      </c>
      <c r="B846">
        <v>109.628</v>
      </c>
      <c r="C846">
        <v>113.02800000000001</v>
      </c>
      <c r="D846">
        <v>179.97200000000001</v>
      </c>
      <c r="E846">
        <v>7455.12</v>
      </c>
      <c r="F846">
        <v>10800</v>
      </c>
      <c r="G846">
        <v>21316.5</v>
      </c>
      <c r="H846">
        <v>3.4330699999999998</v>
      </c>
      <c r="I846">
        <v>20924.8</v>
      </c>
      <c r="J846">
        <v>74.702600000000004</v>
      </c>
    </row>
    <row r="847" spans="1:10" x14ac:dyDescent="0.25">
      <c r="A847">
        <v>6</v>
      </c>
      <c r="B847">
        <v>109.39100000000001</v>
      </c>
      <c r="C847">
        <v>114.598</v>
      </c>
      <c r="D847">
        <v>189.68700000000001</v>
      </c>
      <c r="E847">
        <v>10091.299999999999</v>
      </c>
      <c r="F847">
        <v>11310.2</v>
      </c>
      <c r="G847">
        <v>23187.4</v>
      </c>
      <c r="H847">
        <v>2.25197</v>
      </c>
      <c r="I847">
        <v>24544.400000000001</v>
      </c>
      <c r="J847">
        <v>29.324999999999999</v>
      </c>
    </row>
    <row r="848" spans="1:10" x14ac:dyDescent="0.25">
      <c r="A848">
        <v>6</v>
      </c>
      <c r="B848">
        <v>108.68300000000001</v>
      </c>
      <c r="C848">
        <v>118.054</v>
      </c>
      <c r="D848">
        <v>189.37299999999999</v>
      </c>
      <c r="E848">
        <v>7795.28</v>
      </c>
      <c r="F848">
        <v>11310.2</v>
      </c>
      <c r="G848">
        <v>20806.3</v>
      </c>
      <c r="H848">
        <v>1.28346</v>
      </c>
      <c r="I848">
        <v>24054</v>
      </c>
      <c r="J848">
        <v>30.174600000000002</v>
      </c>
    </row>
    <row r="849" spans="1:10" x14ac:dyDescent="0.25">
      <c r="A849">
        <v>6</v>
      </c>
      <c r="B849">
        <v>105.848</v>
      </c>
      <c r="C849">
        <v>114.598</v>
      </c>
      <c r="D849">
        <v>184.35900000000001</v>
      </c>
      <c r="E849">
        <v>12812.6</v>
      </c>
      <c r="F849">
        <v>14881.9</v>
      </c>
      <c r="G849">
        <v>27439.4</v>
      </c>
      <c r="H849">
        <v>2.6063000000000001</v>
      </c>
      <c r="I849">
        <v>31515.200000000001</v>
      </c>
      <c r="J849">
        <v>23.853100000000001</v>
      </c>
    </row>
    <row r="850" spans="1:10" x14ac:dyDescent="0.25">
      <c r="A850">
        <v>6</v>
      </c>
      <c r="B850">
        <v>94.509399999999999</v>
      </c>
      <c r="C850">
        <v>119.93899999999999</v>
      </c>
      <c r="D850">
        <v>176.524</v>
      </c>
      <c r="E850">
        <v>7455.12</v>
      </c>
      <c r="F850">
        <v>11310.2</v>
      </c>
      <c r="G850">
        <v>20976.400000000001</v>
      </c>
      <c r="H850">
        <v>1.92126</v>
      </c>
      <c r="I850">
        <v>22300.5</v>
      </c>
      <c r="J850">
        <v>41.430799999999998</v>
      </c>
    </row>
    <row r="851" spans="1:10" x14ac:dyDescent="0.25">
      <c r="A851">
        <v>6</v>
      </c>
      <c r="B851">
        <v>108.446</v>
      </c>
      <c r="C851">
        <v>113.97</v>
      </c>
      <c r="D851">
        <v>174.64400000000001</v>
      </c>
      <c r="E851">
        <v>10346.5</v>
      </c>
      <c r="F851">
        <v>11310.2</v>
      </c>
      <c r="G851">
        <v>19445.7</v>
      </c>
      <c r="H851">
        <v>2.1574800000000001</v>
      </c>
      <c r="I851">
        <v>25210.7</v>
      </c>
      <c r="J851">
        <v>40.351999999999997</v>
      </c>
    </row>
    <row r="852" spans="1:10" x14ac:dyDescent="0.25">
      <c r="A852">
        <v>6</v>
      </c>
      <c r="B852">
        <v>91.202399999999997</v>
      </c>
      <c r="C852">
        <v>113.02800000000001</v>
      </c>
      <c r="D852">
        <v>179.97200000000001</v>
      </c>
      <c r="E852">
        <v>7795.28</v>
      </c>
      <c r="F852">
        <v>10800</v>
      </c>
      <c r="G852">
        <v>18595.3</v>
      </c>
      <c r="H852">
        <v>3.5748000000000002</v>
      </c>
      <c r="I852">
        <v>21464.6</v>
      </c>
      <c r="J852">
        <v>118.81399999999999</v>
      </c>
    </row>
    <row r="853" spans="1:10" x14ac:dyDescent="0.25">
      <c r="A853">
        <v>6</v>
      </c>
      <c r="B853">
        <v>109.39100000000001</v>
      </c>
      <c r="C853">
        <v>113.342</v>
      </c>
      <c r="D853">
        <v>189.68700000000001</v>
      </c>
      <c r="E853">
        <v>10091.299999999999</v>
      </c>
      <c r="F853">
        <v>11310.2</v>
      </c>
      <c r="G853">
        <v>22507.1</v>
      </c>
      <c r="H853">
        <v>1.82677</v>
      </c>
      <c r="I853">
        <v>24956.799999999999</v>
      </c>
      <c r="J853">
        <v>28.928799999999999</v>
      </c>
    </row>
    <row r="854" spans="1:10" x14ac:dyDescent="0.25">
      <c r="A854">
        <v>6</v>
      </c>
      <c r="B854">
        <v>109.155</v>
      </c>
      <c r="C854">
        <v>118.369</v>
      </c>
      <c r="D854">
        <v>169.31700000000001</v>
      </c>
      <c r="E854">
        <v>10176.4</v>
      </c>
      <c r="F854">
        <v>10800</v>
      </c>
      <c r="G854">
        <v>19445.7</v>
      </c>
      <c r="H854">
        <v>3.6692900000000002</v>
      </c>
      <c r="I854">
        <v>23985.8</v>
      </c>
      <c r="J854">
        <v>38.416400000000003</v>
      </c>
    </row>
    <row r="855" spans="1:10" x14ac:dyDescent="0.25">
      <c r="A855">
        <v>6</v>
      </c>
      <c r="B855">
        <v>94.273200000000003</v>
      </c>
      <c r="C855">
        <v>114.913</v>
      </c>
      <c r="D855">
        <v>190</v>
      </c>
      <c r="E855">
        <v>7200</v>
      </c>
      <c r="F855">
        <v>11310.2</v>
      </c>
      <c r="G855">
        <v>23187.4</v>
      </c>
      <c r="H855">
        <v>1.1181099999999999</v>
      </c>
      <c r="I855">
        <v>24046.5</v>
      </c>
      <c r="J855">
        <v>100.20099999999999</v>
      </c>
    </row>
    <row r="856" spans="1:10" x14ac:dyDescent="0.25">
      <c r="A856">
        <v>6</v>
      </c>
      <c r="B856">
        <v>109.155</v>
      </c>
      <c r="C856">
        <v>118.68300000000001</v>
      </c>
      <c r="D856">
        <v>189.37299999999999</v>
      </c>
      <c r="E856">
        <v>10261.4</v>
      </c>
      <c r="F856">
        <v>11310.2</v>
      </c>
      <c r="G856">
        <v>18595.3</v>
      </c>
      <c r="H856">
        <v>1.3070900000000001</v>
      </c>
      <c r="I856">
        <v>26346.5</v>
      </c>
      <c r="J856">
        <v>28.814299999999999</v>
      </c>
    </row>
    <row r="857" spans="1:10" x14ac:dyDescent="0.25">
      <c r="A857">
        <v>6</v>
      </c>
      <c r="B857">
        <v>94.273200000000003</v>
      </c>
      <c r="C857">
        <v>123.395</v>
      </c>
      <c r="D857">
        <v>184.672</v>
      </c>
      <c r="E857">
        <v>7370.08</v>
      </c>
      <c r="F857">
        <v>10800</v>
      </c>
      <c r="G857">
        <v>22677.200000000001</v>
      </c>
      <c r="H857">
        <v>1.89764</v>
      </c>
      <c r="I857">
        <v>21792.9</v>
      </c>
      <c r="J857">
        <v>31.204499999999999</v>
      </c>
    </row>
    <row r="858" spans="1:10" x14ac:dyDescent="0.25">
      <c r="A858">
        <v>6</v>
      </c>
      <c r="B858">
        <v>109.864</v>
      </c>
      <c r="C858">
        <v>118.68300000000001</v>
      </c>
      <c r="D858">
        <v>169.94300000000001</v>
      </c>
      <c r="E858">
        <v>9921.26</v>
      </c>
      <c r="F858">
        <v>15902.4</v>
      </c>
      <c r="G858">
        <v>19955.900000000001</v>
      </c>
      <c r="H858">
        <v>3.7401599999999999</v>
      </c>
      <c r="I858">
        <v>31789.3</v>
      </c>
      <c r="J858">
        <v>26.418700000000001</v>
      </c>
    </row>
    <row r="859" spans="1:10" x14ac:dyDescent="0.25">
      <c r="A859">
        <v>6</v>
      </c>
      <c r="B859">
        <v>108.446</v>
      </c>
      <c r="C859">
        <v>114.598</v>
      </c>
      <c r="D859">
        <v>189.68700000000001</v>
      </c>
      <c r="E859">
        <v>7710.24</v>
      </c>
      <c r="F859">
        <v>11310.2</v>
      </c>
      <c r="G859">
        <v>22507.1</v>
      </c>
      <c r="H859">
        <v>2.25197</v>
      </c>
      <c r="I859">
        <v>22141.9</v>
      </c>
      <c r="J859">
        <v>43.957700000000003</v>
      </c>
    </row>
    <row r="860" spans="1:10" x14ac:dyDescent="0.25">
      <c r="A860">
        <v>6</v>
      </c>
      <c r="B860">
        <v>108.68300000000001</v>
      </c>
      <c r="C860">
        <v>119.625</v>
      </c>
      <c r="D860">
        <v>168.69</v>
      </c>
      <c r="E860">
        <v>10176.4</v>
      </c>
      <c r="F860">
        <v>16412.599999999999</v>
      </c>
      <c r="G860">
        <v>19955.900000000001</v>
      </c>
      <c r="H860">
        <v>3.8110200000000001</v>
      </c>
      <c r="I860">
        <v>32982.300000000003</v>
      </c>
      <c r="J860">
        <v>22.034400000000002</v>
      </c>
    </row>
    <row r="861" spans="1:10" x14ac:dyDescent="0.25">
      <c r="A861">
        <v>6</v>
      </c>
      <c r="B861">
        <v>108.919</v>
      </c>
      <c r="C861">
        <v>114.598</v>
      </c>
      <c r="D861">
        <v>184.672</v>
      </c>
      <c r="E861">
        <v>8730.7099999999991</v>
      </c>
      <c r="F861">
        <v>19984.3</v>
      </c>
      <c r="G861">
        <v>9751.18</v>
      </c>
      <c r="H861">
        <v>3.00787</v>
      </c>
      <c r="I861">
        <v>32606.5</v>
      </c>
      <c r="J861">
        <v>32.0244</v>
      </c>
    </row>
    <row r="862" spans="1:10" x14ac:dyDescent="0.25">
      <c r="A862">
        <v>6</v>
      </c>
      <c r="B862">
        <v>109.628</v>
      </c>
      <c r="C862">
        <v>112.71299999999999</v>
      </c>
      <c r="D862">
        <v>177.15100000000001</v>
      </c>
      <c r="E862">
        <v>7455.12</v>
      </c>
      <c r="F862">
        <v>11310.2</v>
      </c>
      <c r="G862">
        <v>20976.400000000001</v>
      </c>
      <c r="H862">
        <v>2.6771699999999998</v>
      </c>
      <c r="I862">
        <v>21926.5</v>
      </c>
      <c r="J862">
        <v>67.582999999999998</v>
      </c>
    </row>
    <row r="863" spans="1:10" x14ac:dyDescent="0.25">
      <c r="A863">
        <v>6</v>
      </c>
      <c r="B863">
        <v>109.628</v>
      </c>
      <c r="C863">
        <v>113.65600000000001</v>
      </c>
      <c r="D863">
        <v>190</v>
      </c>
      <c r="E863">
        <v>7370.08</v>
      </c>
      <c r="F863">
        <v>11310.2</v>
      </c>
      <c r="G863">
        <v>20976.400000000001</v>
      </c>
      <c r="H863">
        <v>1.07087</v>
      </c>
      <c r="I863">
        <v>24446.6</v>
      </c>
      <c r="J863">
        <v>53.779400000000003</v>
      </c>
    </row>
    <row r="864" spans="1:10" x14ac:dyDescent="0.25">
      <c r="A864">
        <v>6</v>
      </c>
      <c r="B864">
        <v>105.376</v>
      </c>
      <c r="C864">
        <v>114.913</v>
      </c>
      <c r="D864">
        <v>190</v>
      </c>
      <c r="E864">
        <v>7540.16</v>
      </c>
      <c r="F864">
        <v>15392.1</v>
      </c>
      <c r="G864">
        <v>20636.2</v>
      </c>
      <c r="H864">
        <v>2.5354299999999999</v>
      </c>
      <c r="I864">
        <v>26034.6</v>
      </c>
      <c r="J864">
        <v>26.919799999999999</v>
      </c>
    </row>
    <row r="865" spans="1:10" x14ac:dyDescent="0.25">
      <c r="A865">
        <v>6</v>
      </c>
      <c r="B865">
        <v>105.61199999999999</v>
      </c>
      <c r="C865">
        <v>114.598</v>
      </c>
      <c r="D865">
        <v>190</v>
      </c>
      <c r="E865">
        <v>15533.9</v>
      </c>
      <c r="F865">
        <v>15902.4</v>
      </c>
      <c r="G865">
        <v>7710.24</v>
      </c>
      <c r="H865">
        <v>3.10236</v>
      </c>
      <c r="I865">
        <v>35243.1</v>
      </c>
      <c r="J865">
        <v>25.200099999999999</v>
      </c>
    </row>
    <row r="866" spans="1:10" x14ac:dyDescent="0.25">
      <c r="A866">
        <v>6</v>
      </c>
      <c r="B866">
        <v>107.029</v>
      </c>
      <c r="C866">
        <v>114.598</v>
      </c>
      <c r="D866">
        <v>167.12299999999999</v>
      </c>
      <c r="E866">
        <v>7370.08</v>
      </c>
      <c r="F866">
        <v>11310.2</v>
      </c>
      <c r="G866">
        <v>19955.900000000001</v>
      </c>
      <c r="H866">
        <v>3.7637800000000001</v>
      </c>
      <c r="I866">
        <v>23197.599999999999</v>
      </c>
      <c r="J866">
        <v>84.589600000000004</v>
      </c>
    </row>
    <row r="867" spans="1:10" x14ac:dyDescent="0.25">
      <c r="A867">
        <v>6</v>
      </c>
      <c r="B867">
        <v>108.68300000000001</v>
      </c>
      <c r="C867">
        <v>113.02800000000001</v>
      </c>
      <c r="D867">
        <v>187.49299999999999</v>
      </c>
      <c r="E867">
        <v>7795.28</v>
      </c>
      <c r="F867">
        <v>11310.2</v>
      </c>
      <c r="G867">
        <v>18085</v>
      </c>
      <c r="H867">
        <v>1.28346</v>
      </c>
      <c r="I867">
        <v>24151.7</v>
      </c>
      <c r="J867">
        <v>41.372300000000003</v>
      </c>
    </row>
    <row r="868" spans="1:10" x14ac:dyDescent="0.25">
      <c r="A868">
        <v>6</v>
      </c>
      <c r="B868">
        <v>108.446</v>
      </c>
      <c r="C868">
        <v>118.054</v>
      </c>
      <c r="D868">
        <v>159.602</v>
      </c>
      <c r="E868">
        <v>10346.5</v>
      </c>
      <c r="F868">
        <v>11310.2</v>
      </c>
      <c r="G868">
        <v>19955.900000000001</v>
      </c>
      <c r="H868">
        <v>3.7637800000000001</v>
      </c>
      <c r="I868">
        <v>39581.599999999999</v>
      </c>
      <c r="J868">
        <v>38.867699999999999</v>
      </c>
    </row>
    <row r="869" spans="1:10" x14ac:dyDescent="0.25">
      <c r="A869">
        <v>6</v>
      </c>
      <c r="B869">
        <v>105.61199999999999</v>
      </c>
      <c r="C869">
        <v>113.342</v>
      </c>
      <c r="D869">
        <v>189.68700000000001</v>
      </c>
      <c r="E869">
        <v>7710.24</v>
      </c>
      <c r="F869">
        <v>13351.2</v>
      </c>
      <c r="G869">
        <v>19445.7</v>
      </c>
      <c r="H869">
        <v>1.40157</v>
      </c>
      <c r="I869">
        <v>25613.8</v>
      </c>
      <c r="J869">
        <v>41.384799999999998</v>
      </c>
    </row>
    <row r="870" spans="1:10" x14ac:dyDescent="0.25">
      <c r="A870">
        <v>6</v>
      </c>
      <c r="B870">
        <v>108.446</v>
      </c>
      <c r="C870">
        <v>119.93899999999999</v>
      </c>
      <c r="D870">
        <v>169.94300000000001</v>
      </c>
      <c r="E870">
        <v>10176.4</v>
      </c>
      <c r="F870">
        <v>16412.599999999999</v>
      </c>
      <c r="G870">
        <v>18595.3</v>
      </c>
      <c r="H870">
        <v>3.7873999999999999</v>
      </c>
      <c r="I870">
        <v>32989.699999999997</v>
      </c>
      <c r="J870">
        <v>22.593699999999998</v>
      </c>
    </row>
    <row r="871" spans="1:10" x14ac:dyDescent="0.25">
      <c r="A871">
        <v>6</v>
      </c>
      <c r="B871">
        <v>108.446</v>
      </c>
      <c r="C871">
        <v>114.598</v>
      </c>
      <c r="D871">
        <v>169.31700000000001</v>
      </c>
      <c r="E871">
        <v>10261.4</v>
      </c>
      <c r="F871">
        <v>16412.599999999999</v>
      </c>
      <c r="G871">
        <v>19955.900000000001</v>
      </c>
      <c r="H871">
        <v>2.25197</v>
      </c>
      <c r="I871">
        <v>32344</v>
      </c>
      <c r="J871">
        <v>24.904900000000001</v>
      </c>
    </row>
    <row r="872" spans="1:10" x14ac:dyDescent="0.25">
      <c r="A872">
        <v>6</v>
      </c>
      <c r="B872">
        <v>94.273200000000003</v>
      </c>
      <c r="C872">
        <v>114.598</v>
      </c>
      <c r="D872">
        <v>189.68700000000001</v>
      </c>
      <c r="E872">
        <v>10091.299999999999</v>
      </c>
      <c r="F872">
        <v>10800</v>
      </c>
      <c r="G872">
        <v>19785.8</v>
      </c>
      <c r="H872">
        <v>3.4094500000000001</v>
      </c>
      <c r="I872">
        <v>23362.5</v>
      </c>
      <c r="J872">
        <v>76.307500000000005</v>
      </c>
    </row>
    <row r="873" spans="1:10" x14ac:dyDescent="0.25">
      <c r="A873">
        <v>6</v>
      </c>
      <c r="B873">
        <v>108.446</v>
      </c>
      <c r="C873">
        <v>118.68300000000001</v>
      </c>
      <c r="D873">
        <v>190</v>
      </c>
      <c r="E873">
        <v>9921.26</v>
      </c>
      <c r="F873">
        <v>12330.7</v>
      </c>
      <c r="G873">
        <v>21146.5</v>
      </c>
      <c r="H873">
        <v>2.2283499999999998</v>
      </c>
      <c r="I873">
        <v>26008.7</v>
      </c>
      <c r="J873">
        <v>38.990600000000001</v>
      </c>
    </row>
    <row r="874" spans="1:10" x14ac:dyDescent="0.25">
      <c r="A874">
        <v>6</v>
      </c>
      <c r="B874">
        <v>108.68300000000001</v>
      </c>
      <c r="C874">
        <v>114.913</v>
      </c>
      <c r="D874">
        <v>186.86600000000001</v>
      </c>
      <c r="E874">
        <v>7625.2</v>
      </c>
      <c r="F874">
        <v>15392.1</v>
      </c>
      <c r="G874">
        <v>19615.7</v>
      </c>
      <c r="H874">
        <v>2.5354299999999999</v>
      </c>
      <c r="I874">
        <v>26485.9</v>
      </c>
      <c r="J874">
        <v>27.419</v>
      </c>
    </row>
    <row r="875" spans="1:10" x14ac:dyDescent="0.25">
      <c r="A875">
        <v>6</v>
      </c>
      <c r="B875">
        <v>108.68300000000001</v>
      </c>
      <c r="C875">
        <v>118.054</v>
      </c>
      <c r="D875">
        <v>179.97200000000001</v>
      </c>
      <c r="E875">
        <v>10176.4</v>
      </c>
      <c r="F875">
        <v>10800</v>
      </c>
      <c r="G875">
        <v>19105.5</v>
      </c>
      <c r="H875">
        <v>3.9763799999999998</v>
      </c>
      <c r="I875">
        <v>23111</v>
      </c>
      <c r="J875">
        <v>42.023200000000003</v>
      </c>
    </row>
    <row r="876" spans="1:10" x14ac:dyDescent="0.25">
      <c r="A876">
        <v>6</v>
      </c>
      <c r="B876">
        <v>109.628</v>
      </c>
      <c r="C876">
        <v>114.598</v>
      </c>
      <c r="D876">
        <v>186.86600000000001</v>
      </c>
      <c r="E876">
        <v>7795.28</v>
      </c>
      <c r="F876">
        <v>11310.2</v>
      </c>
      <c r="G876">
        <v>20976.400000000001</v>
      </c>
      <c r="H876">
        <v>2.5826799999999999</v>
      </c>
      <c r="I876">
        <v>22047.5</v>
      </c>
      <c r="J876">
        <v>49.954700000000003</v>
      </c>
    </row>
    <row r="877" spans="1:10" x14ac:dyDescent="0.25">
      <c r="A877">
        <v>6</v>
      </c>
      <c r="B877">
        <v>94.981899999999996</v>
      </c>
      <c r="C877">
        <v>113.02800000000001</v>
      </c>
      <c r="D877">
        <v>179.65799999999999</v>
      </c>
      <c r="E877">
        <v>7795.28</v>
      </c>
      <c r="F877">
        <v>11310.2</v>
      </c>
      <c r="G877">
        <v>19615.7</v>
      </c>
      <c r="H877">
        <v>3.8110200000000001</v>
      </c>
      <c r="I877">
        <v>21779.8</v>
      </c>
      <c r="J877">
        <v>107.92</v>
      </c>
    </row>
    <row r="878" spans="1:10" x14ac:dyDescent="0.25">
      <c r="A878">
        <v>6</v>
      </c>
      <c r="B878">
        <v>105.848</v>
      </c>
      <c r="C878">
        <v>114.913</v>
      </c>
      <c r="D878">
        <v>189.37299999999999</v>
      </c>
      <c r="E878">
        <v>7540.16</v>
      </c>
      <c r="F878">
        <v>10800</v>
      </c>
      <c r="G878">
        <v>20976.400000000001</v>
      </c>
      <c r="H878">
        <v>2.79528</v>
      </c>
      <c r="I878">
        <v>21058.3</v>
      </c>
      <c r="J878">
        <v>70.541700000000006</v>
      </c>
    </row>
    <row r="879" spans="1:10" x14ac:dyDescent="0.25">
      <c r="A879">
        <v>6</v>
      </c>
      <c r="B879">
        <v>109.155</v>
      </c>
      <c r="C879">
        <v>118.369</v>
      </c>
      <c r="D879">
        <v>190</v>
      </c>
      <c r="E879">
        <v>12897.6</v>
      </c>
      <c r="F879">
        <v>16157.5</v>
      </c>
      <c r="G879">
        <v>18085</v>
      </c>
      <c r="H879">
        <v>3.10236</v>
      </c>
      <c r="I879">
        <v>32877.699999999997</v>
      </c>
      <c r="J879">
        <v>31.255800000000001</v>
      </c>
    </row>
    <row r="880" spans="1:10" x14ac:dyDescent="0.25">
      <c r="A880">
        <v>6</v>
      </c>
      <c r="B880">
        <v>104.90300000000001</v>
      </c>
      <c r="C880">
        <v>119.93899999999999</v>
      </c>
      <c r="D880">
        <v>179.345</v>
      </c>
      <c r="E880">
        <v>7795.28</v>
      </c>
      <c r="F880">
        <v>11310.2</v>
      </c>
      <c r="G880">
        <v>19105.5</v>
      </c>
      <c r="H880">
        <v>1.28346</v>
      </c>
      <c r="I880">
        <v>24330.9</v>
      </c>
      <c r="J880">
        <v>36.368499999999997</v>
      </c>
    </row>
    <row r="881" spans="1:10" x14ac:dyDescent="0.25">
      <c r="A881">
        <v>6</v>
      </c>
      <c r="B881">
        <v>109.628</v>
      </c>
      <c r="C881">
        <v>113.342</v>
      </c>
      <c r="D881">
        <v>189.37299999999999</v>
      </c>
      <c r="E881">
        <v>7370.08</v>
      </c>
      <c r="F881">
        <v>15392.1</v>
      </c>
      <c r="G881">
        <v>21316.5</v>
      </c>
      <c r="H881">
        <v>1.7559100000000001</v>
      </c>
      <c r="I881">
        <v>26693.9</v>
      </c>
      <c r="J881">
        <v>30.387499999999999</v>
      </c>
    </row>
    <row r="882" spans="1:10" x14ac:dyDescent="0.25">
      <c r="A882">
        <v>6</v>
      </c>
      <c r="B882">
        <v>108.68300000000001</v>
      </c>
      <c r="C882">
        <v>124.96599999999999</v>
      </c>
      <c r="D882">
        <v>189.37299999999999</v>
      </c>
      <c r="E882">
        <v>7795.28</v>
      </c>
      <c r="F882">
        <v>11310.2</v>
      </c>
      <c r="G882">
        <v>22166.9</v>
      </c>
      <c r="H882">
        <v>2.25197</v>
      </c>
      <c r="I882">
        <v>23578.5</v>
      </c>
      <c r="J882">
        <v>26.253</v>
      </c>
    </row>
    <row r="883" spans="1:10" x14ac:dyDescent="0.25">
      <c r="A883">
        <v>6</v>
      </c>
      <c r="B883">
        <v>108.68300000000001</v>
      </c>
      <c r="C883">
        <v>114.28400000000001</v>
      </c>
      <c r="D883">
        <v>190</v>
      </c>
      <c r="E883">
        <v>7795.28</v>
      </c>
      <c r="F883">
        <v>11310.2</v>
      </c>
      <c r="G883">
        <v>19105.5</v>
      </c>
      <c r="H883">
        <v>2.9133900000000001</v>
      </c>
      <c r="I883">
        <v>21735.4</v>
      </c>
      <c r="J883">
        <v>60.131399999999999</v>
      </c>
    </row>
    <row r="884" spans="1:10" x14ac:dyDescent="0.25">
      <c r="A884">
        <v>6</v>
      </c>
      <c r="B884">
        <v>103.01300000000001</v>
      </c>
      <c r="C884">
        <v>118.68300000000001</v>
      </c>
      <c r="D884">
        <v>190</v>
      </c>
      <c r="E884">
        <v>7625.2</v>
      </c>
      <c r="F884">
        <v>15392.1</v>
      </c>
      <c r="G884">
        <v>20806.3</v>
      </c>
      <c r="H884">
        <v>1</v>
      </c>
      <c r="I884">
        <v>30179.4</v>
      </c>
      <c r="J884">
        <v>36.366100000000003</v>
      </c>
    </row>
    <row r="885" spans="1:10" x14ac:dyDescent="0.25">
      <c r="A885">
        <v>6</v>
      </c>
      <c r="B885">
        <v>110.1</v>
      </c>
      <c r="C885">
        <v>113.02800000000001</v>
      </c>
      <c r="D885">
        <v>176.83799999999999</v>
      </c>
      <c r="E885">
        <v>12897.6</v>
      </c>
      <c r="F885">
        <v>11055.1</v>
      </c>
      <c r="G885">
        <v>14513.4</v>
      </c>
      <c r="H885">
        <v>3.3858299999999999</v>
      </c>
      <c r="I885">
        <v>27590.799999999999</v>
      </c>
      <c r="J885">
        <v>24.999300000000002</v>
      </c>
    </row>
    <row r="886" spans="1:10" x14ac:dyDescent="0.25">
      <c r="A886">
        <v>6</v>
      </c>
      <c r="B886">
        <v>103.958</v>
      </c>
      <c r="C886">
        <v>124.96599999999999</v>
      </c>
      <c r="D886">
        <v>179.65799999999999</v>
      </c>
      <c r="E886">
        <v>7200</v>
      </c>
      <c r="F886">
        <v>10800</v>
      </c>
      <c r="G886">
        <v>18595.3</v>
      </c>
      <c r="H886">
        <v>3.5748000000000002</v>
      </c>
      <c r="I886">
        <v>20486.7</v>
      </c>
      <c r="J886">
        <v>91.075500000000005</v>
      </c>
    </row>
    <row r="887" spans="1:10" x14ac:dyDescent="0.25">
      <c r="A887">
        <v>6</v>
      </c>
      <c r="B887">
        <v>108.919</v>
      </c>
      <c r="C887">
        <v>114.598</v>
      </c>
      <c r="D887">
        <v>187.18</v>
      </c>
      <c r="E887">
        <v>7455.12</v>
      </c>
      <c r="F887">
        <v>11820.5</v>
      </c>
      <c r="G887">
        <v>23867.7</v>
      </c>
      <c r="H887">
        <v>2.25197</v>
      </c>
      <c r="I887">
        <v>22415.4</v>
      </c>
      <c r="J887">
        <v>41.563000000000002</v>
      </c>
    </row>
    <row r="888" spans="1:10" x14ac:dyDescent="0.25">
      <c r="A888">
        <v>6</v>
      </c>
      <c r="B888">
        <v>107.029</v>
      </c>
      <c r="C888">
        <v>119.93899999999999</v>
      </c>
      <c r="D888">
        <v>189.06</v>
      </c>
      <c r="E888">
        <v>12812.6</v>
      </c>
      <c r="F888">
        <v>10800</v>
      </c>
      <c r="G888">
        <v>24037.8</v>
      </c>
      <c r="H888">
        <v>1.4960599999999999</v>
      </c>
      <c r="I888">
        <v>28779.599999999999</v>
      </c>
      <c r="J888">
        <v>53.813099999999999</v>
      </c>
    </row>
    <row r="889" spans="1:10" x14ac:dyDescent="0.25">
      <c r="A889">
        <v>6</v>
      </c>
      <c r="B889">
        <v>109.628</v>
      </c>
      <c r="C889">
        <v>118.68300000000001</v>
      </c>
      <c r="D889">
        <v>179.03100000000001</v>
      </c>
      <c r="E889">
        <v>7710.24</v>
      </c>
      <c r="F889">
        <v>11310.2</v>
      </c>
      <c r="G889">
        <v>20976.400000000001</v>
      </c>
      <c r="H889">
        <v>3.55118</v>
      </c>
      <c r="I889">
        <v>21575.1</v>
      </c>
      <c r="J889">
        <v>47.845100000000002</v>
      </c>
    </row>
    <row r="890" spans="1:10" x14ac:dyDescent="0.25">
      <c r="A890">
        <v>6</v>
      </c>
      <c r="B890">
        <v>108.919</v>
      </c>
      <c r="C890">
        <v>124.652</v>
      </c>
      <c r="D890">
        <v>181.53899999999999</v>
      </c>
      <c r="E890">
        <v>7625.2</v>
      </c>
      <c r="F890">
        <v>10800</v>
      </c>
      <c r="G890">
        <v>25228.3</v>
      </c>
      <c r="H890">
        <v>1.47244</v>
      </c>
      <c r="I890">
        <v>24384.6</v>
      </c>
      <c r="J890">
        <v>25.972100000000001</v>
      </c>
    </row>
    <row r="891" spans="1:10" x14ac:dyDescent="0.25">
      <c r="A891">
        <v>6</v>
      </c>
      <c r="B891">
        <v>110.1</v>
      </c>
      <c r="C891">
        <v>113.65600000000001</v>
      </c>
      <c r="D891">
        <v>169.63</v>
      </c>
      <c r="E891">
        <v>10091.299999999999</v>
      </c>
      <c r="F891">
        <v>16412.599999999999</v>
      </c>
      <c r="G891">
        <v>19955.900000000001</v>
      </c>
      <c r="H891">
        <v>2.9842499999999998</v>
      </c>
      <c r="I891">
        <v>31577</v>
      </c>
      <c r="J891">
        <v>27.521100000000001</v>
      </c>
    </row>
    <row r="892" spans="1:10" x14ac:dyDescent="0.25">
      <c r="A892">
        <v>6</v>
      </c>
      <c r="B892">
        <v>110.1</v>
      </c>
      <c r="C892">
        <v>113.02800000000001</v>
      </c>
      <c r="D892">
        <v>179.97200000000001</v>
      </c>
      <c r="E892">
        <v>7370.08</v>
      </c>
      <c r="F892">
        <v>11310.2</v>
      </c>
      <c r="G892">
        <v>19275.599999999999</v>
      </c>
      <c r="H892">
        <v>2.8661400000000001</v>
      </c>
      <c r="I892">
        <v>21524.5</v>
      </c>
      <c r="J892">
        <v>63.095999999999997</v>
      </c>
    </row>
    <row r="893" spans="1:10" x14ac:dyDescent="0.25">
      <c r="A893">
        <v>6</v>
      </c>
      <c r="B893">
        <v>109.39100000000001</v>
      </c>
      <c r="C893">
        <v>113.65600000000001</v>
      </c>
      <c r="D893">
        <v>179.65799999999999</v>
      </c>
      <c r="E893">
        <v>7455.12</v>
      </c>
      <c r="F893">
        <v>11820.5</v>
      </c>
      <c r="G893">
        <v>21316.5</v>
      </c>
      <c r="H893">
        <v>3.3385799999999999</v>
      </c>
      <c r="I893">
        <v>21853.7</v>
      </c>
      <c r="J893">
        <v>58.427399999999999</v>
      </c>
    </row>
    <row r="894" spans="1:10" x14ac:dyDescent="0.25">
      <c r="A894">
        <v>6</v>
      </c>
      <c r="B894">
        <v>107.502</v>
      </c>
      <c r="C894">
        <v>114.913</v>
      </c>
      <c r="D894">
        <v>179.65799999999999</v>
      </c>
      <c r="E894">
        <v>7540.16</v>
      </c>
      <c r="F894">
        <v>15392.1</v>
      </c>
      <c r="G894">
        <v>21656.7</v>
      </c>
      <c r="H894">
        <v>2.74803</v>
      </c>
      <c r="I894">
        <v>26561.599999999999</v>
      </c>
      <c r="J894">
        <v>39.496099999999998</v>
      </c>
    </row>
    <row r="895" spans="1:10" x14ac:dyDescent="0.25">
      <c r="A895">
        <v>6</v>
      </c>
      <c r="B895">
        <v>107.974</v>
      </c>
      <c r="C895">
        <v>124.652</v>
      </c>
      <c r="D895">
        <v>179.97200000000001</v>
      </c>
      <c r="E895">
        <v>7455.12</v>
      </c>
      <c r="F895">
        <v>11820.5</v>
      </c>
      <c r="G895">
        <v>19105.5</v>
      </c>
      <c r="H895">
        <v>3.64567</v>
      </c>
      <c r="I895">
        <v>22120.5</v>
      </c>
      <c r="J895">
        <v>99.634900000000002</v>
      </c>
    </row>
    <row r="896" spans="1:10" x14ac:dyDescent="0.25">
      <c r="A896">
        <v>6</v>
      </c>
      <c r="B896">
        <v>104.431</v>
      </c>
      <c r="C896">
        <v>124.96599999999999</v>
      </c>
      <c r="D896">
        <v>190</v>
      </c>
      <c r="E896">
        <v>7540.16</v>
      </c>
      <c r="F896">
        <v>10800</v>
      </c>
      <c r="G896">
        <v>20976.400000000001</v>
      </c>
      <c r="H896">
        <v>1.02362</v>
      </c>
      <c r="I896">
        <v>25084</v>
      </c>
      <c r="J896">
        <v>96.988299999999995</v>
      </c>
    </row>
    <row r="897" spans="1:10" x14ac:dyDescent="0.25">
      <c r="A897">
        <v>6</v>
      </c>
      <c r="B897">
        <v>109.628</v>
      </c>
      <c r="C897">
        <v>112.71299999999999</v>
      </c>
      <c r="D897">
        <v>179.345</v>
      </c>
      <c r="E897">
        <v>10176.4</v>
      </c>
      <c r="F897">
        <v>12330.7</v>
      </c>
      <c r="G897">
        <v>18425.2</v>
      </c>
      <c r="H897">
        <v>2.6771699999999998</v>
      </c>
      <c r="I897">
        <v>25315.3</v>
      </c>
      <c r="J897">
        <v>33.940600000000003</v>
      </c>
    </row>
    <row r="898" spans="1:10" x14ac:dyDescent="0.25">
      <c r="A898">
        <v>6</v>
      </c>
      <c r="B898">
        <v>109.864</v>
      </c>
      <c r="C898">
        <v>113.342</v>
      </c>
      <c r="D898">
        <v>169.00299999999999</v>
      </c>
      <c r="E898">
        <v>17574.8</v>
      </c>
      <c r="F898">
        <v>29678.7</v>
      </c>
      <c r="G898">
        <v>25398.400000000001</v>
      </c>
      <c r="H898">
        <v>2.25197</v>
      </c>
      <c r="I898">
        <v>54675.6</v>
      </c>
      <c r="J898">
        <v>28.1341</v>
      </c>
    </row>
    <row r="899" spans="1:10" x14ac:dyDescent="0.25">
      <c r="A899">
        <v>6</v>
      </c>
      <c r="B899">
        <v>106.79300000000001</v>
      </c>
      <c r="C899">
        <v>119.31100000000001</v>
      </c>
      <c r="D899">
        <v>179.345</v>
      </c>
      <c r="E899">
        <v>7625.2</v>
      </c>
      <c r="F899">
        <v>11310.2</v>
      </c>
      <c r="G899">
        <v>18085</v>
      </c>
      <c r="H899">
        <v>1.3070900000000001</v>
      </c>
      <c r="I899">
        <v>23698.5</v>
      </c>
      <c r="J899">
        <v>38.236199999999997</v>
      </c>
    </row>
    <row r="900" spans="1:10" x14ac:dyDescent="0.25">
      <c r="A900">
        <v>6</v>
      </c>
      <c r="B900">
        <v>91.674800000000005</v>
      </c>
      <c r="C900">
        <v>124.652</v>
      </c>
      <c r="D900">
        <v>169.31700000000001</v>
      </c>
      <c r="E900">
        <v>7540.16</v>
      </c>
      <c r="F900">
        <v>11310.2</v>
      </c>
      <c r="G900">
        <v>19615.7</v>
      </c>
      <c r="H900">
        <v>2.2283499999999998</v>
      </c>
      <c r="I900">
        <v>22151.8</v>
      </c>
      <c r="J900">
        <v>107.881</v>
      </c>
    </row>
    <row r="901" spans="1:10" x14ac:dyDescent="0.25">
      <c r="A901">
        <v>6</v>
      </c>
      <c r="B901">
        <v>108.68300000000001</v>
      </c>
      <c r="C901">
        <v>119.625</v>
      </c>
      <c r="D901">
        <v>167.12299999999999</v>
      </c>
      <c r="E901">
        <v>10516.5</v>
      </c>
      <c r="F901">
        <v>11310.2</v>
      </c>
      <c r="G901">
        <v>22337</v>
      </c>
      <c r="H901">
        <v>3.7637800000000001</v>
      </c>
      <c r="I901">
        <v>25561.3</v>
      </c>
      <c r="J901">
        <v>27.941700000000001</v>
      </c>
    </row>
    <row r="902" spans="1:10" x14ac:dyDescent="0.25">
      <c r="A902">
        <v>6</v>
      </c>
      <c r="B902">
        <v>106.557</v>
      </c>
      <c r="C902">
        <v>114.28400000000001</v>
      </c>
      <c r="D902">
        <v>186.553</v>
      </c>
      <c r="E902">
        <v>7540.16</v>
      </c>
      <c r="F902">
        <v>15392.1</v>
      </c>
      <c r="G902">
        <v>18255.099999999999</v>
      </c>
      <c r="H902">
        <v>1.4960599999999999</v>
      </c>
      <c r="I902">
        <v>27624.799999999999</v>
      </c>
      <c r="J902">
        <v>30.556000000000001</v>
      </c>
    </row>
    <row r="903" spans="1:10" x14ac:dyDescent="0.25">
      <c r="A903">
        <v>6</v>
      </c>
      <c r="B903">
        <v>109.628</v>
      </c>
      <c r="C903">
        <v>119.93899999999999</v>
      </c>
      <c r="D903">
        <v>190</v>
      </c>
      <c r="E903">
        <v>7710.24</v>
      </c>
      <c r="F903">
        <v>16412.599999999999</v>
      </c>
      <c r="G903">
        <v>19955.900000000001</v>
      </c>
      <c r="H903">
        <v>2.8897599999999999</v>
      </c>
      <c r="I903">
        <v>28238.799999999999</v>
      </c>
      <c r="J903">
        <v>22.964600000000001</v>
      </c>
    </row>
    <row r="904" spans="1:10" x14ac:dyDescent="0.25">
      <c r="A904">
        <v>6</v>
      </c>
      <c r="B904">
        <v>108.68300000000001</v>
      </c>
      <c r="C904">
        <v>114.913</v>
      </c>
      <c r="D904">
        <v>169.63</v>
      </c>
      <c r="E904">
        <v>7455.12</v>
      </c>
      <c r="F904">
        <v>10800</v>
      </c>
      <c r="G904">
        <v>24718.1</v>
      </c>
      <c r="H904">
        <v>1.87402</v>
      </c>
      <c r="I904">
        <v>22931</v>
      </c>
      <c r="J904">
        <v>59.453499999999998</v>
      </c>
    </row>
    <row r="905" spans="1:10" x14ac:dyDescent="0.25">
      <c r="A905">
        <v>6</v>
      </c>
      <c r="B905">
        <v>109.155</v>
      </c>
      <c r="C905">
        <v>124.652</v>
      </c>
      <c r="D905">
        <v>187.49299999999999</v>
      </c>
      <c r="E905">
        <v>10516.5</v>
      </c>
      <c r="F905">
        <v>11820.5</v>
      </c>
      <c r="G905">
        <v>19955.900000000001</v>
      </c>
      <c r="H905">
        <v>2.25197</v>
      </c>
      <c r="I905">
        <v>26735.9</v>
      </c>
      <c r="J905">
        <v>20.976299999999998</v>
      </c>
    </row>
    <row r="906" spans="1:10" x14ac:dyDescent="0.25">
      <c r="A906">
        <v>6</v>
      </c>
      <c r="B906">
        <v>104.90300000000001</v>
      </c>
      <c r="C906">
        <v>113.65600000000001</v>
      </c>
      <c r="D906">
        <v>179.97200000000001</v>
      </c>
      <c r="E906">
        <v>7795.28</v>
      </c>
      <c r="F906">
        <v>15647.2</v>
      </c>
      <c r="G906">
        <v>22166.9</v>
      </c>
      <c r="H906">
        <v>1.7795300000000001</v>
      </c>
      <c r="I906">
        <v>27148.6</v>
      </c>
      <c r="J906">
        <v>29.911200000000001</v>
      </c>
    </row>
    <row r="907" spans="1:10" x14ac:dyDescent="0.25">
      <c r="A907">
        <v>6</v>
      </c>
      <c r="B907">
        <v>107.738</v>
      </c>
      <c r="C907">
        <v>114.913</v>
      </c>
      <c r="D907">
        <v>189.06</v>
      </c>
      <c r="E907">
        <v>7540.16</v>
      </c>
      <c r="F907">
        <v>15392.1</v>
      </c>
      <c r="G907">
        <v>19615.7</v>
      </c>
      <c r="H907">
        <v>1</v>
      </c>
      <c r="I907">
        <v>29786.400000000001</v>
      </c>
      <c r="J907">
        <v>31.782599999999999</v>
      </c>
    </row>
    <row r="908" spans="1:10" x14ac:dyDescent="0.25">
      <c r="A908">
        <v>6</v>
      </c>
      <c r="B908">
        <v>109.864</v>
      </c>
      <c r="C908">
        <v>113.342</v>
      </c>
      <c r="D908">
        <v>169.94300000000001</v>
      </c>
      <c r="E908">
        <v>7285.04</v>
      </c>
      <c r="F908">
        <v>15137</v>
      </c>
      <c r="G908">
        <v>9581.1</v>
      </c>
      <c r="H908">
        <v>3.4803099999999998</v>
      </c>
      <c r="I908">
        <v>25625.9</v>
      </c>
      <c r="J908">
        <v>36.641199999999998</v>
      </c>
    </row>
    <row r="909" spans="1:10" x14ac:dyDescent="0.25">
      <c r="A909">
        <v>6</v>
      </c>
      <c r="B909">
        <v>106.79300000000001</v>
      </c>
      <c r="C909">
        <v>124.024</v>
      </c>
      <c r="D909">
        <v>184.04599999999999</v>
      </c>
      <c r="E909">
        <v>10516.5</v>
      </c>
      <c r="F909">
        <v>19984.3</v>
      </c>
      <c r="G909">
        <v>20636.2</v>
      </c>
      <c r="H909">
        <v>2.25197</v>
      </c>
      <c r="I909">
        <v>36430.5</v>
      </c>
      <c r="J909">
        <v>16.778199999999998</v>
      </c>
    </row>
    <row r="910" spans="1:10" x14ac:dyDescent="0.25">
      <c r="A910">
        <v>6</v>
      </c>
      <c r="B910">
        <v>109.628</v>
      </c>
      <c r="C910">
        <v>123.395</v>
      </c>
      <c r="D910">
        <v>189.06</v>
      </c>
      <c r="E910">
        <v>10091.299999999999</v>
      </c>
      <c r="F910">
        <v>10800</v>
      </c>
      <c r="G910">
        <v>22337</v>
      </c>
      <c r="H910">
        <v>3.4330699999999998</v>
      </c>
      <c r="I910">
        <v>23930.6</v>
      </c>
      <c r="J910">
        <v>24.2546</v>
      </c>
    </row>
    <row r="911" spans="1:10" x14ac:dyDescent="0.25">
      <c r="A911">
        <v>6</v>
      </c>
      <c r="B911">
        <v>93.564599999999999</v>
      </c>
      <c r="C911">
        <v>119.93899999999999</v>
      </c>
      <c r="D911">
        <v>167.12299999999999</v>
      </c>
      <c r="E911">
        <v>7200</v>
      </c>
      <c r="F911">
        <v>12330.7</v>
      </c>
      <c r="G911">
        <v>22677.200000000001</v>
      </c>
      <c r="H911">
        <v>2.2755899999999998</v>
      </c>
      <c r="I911">
        <v>24545.4</v>
      </c>
      <c r="J911">
        <v>43.194299999999998</v>
      </c>
    </row>
    <row r="912" spans="1:10" x14ac:dyDescent="0.25">
      <c r="A912">
        <v>6</v>
      </c>
      <c r="B912">
        <v>109.864</v>
      </c>
      <c r="C912">
        <v>124.96599999999999</v>
      </c>
      <c r="D912">
        <v>179.65799999999999</v>
      </c>
      <c r="E912">
        <v>10516.5</v>
      </c>
      <c r="F912">
        <v>11820.5</v>
      </c>
      <c r="G912">
        <v>18425.2</v>
      </c>
      <c r="H912">
        <v>3.7637800000000001</v>
      </c>
      <c r="I912">
        <v>25428.9</v>
      </c>
      <c r="J912">
        <v>93.008899999999997</v>
      </c>
    </row>
    <row r="913" spans="1:10" x14ac:dyDescent="0.25">
      <c r="A913">
        <v>6</v>
      </c>
      <c r="B913">
        <v>107.738</v>
      </c>
      <c r="C913">
        <v>114.913</v>
      </c>
      <c r="D913">
        <v>189.68700000000001</v>
      </c>
      <c r="E913">
        <v>7710.24</v>
      </c>
      <c r="F913">
        <v>11310.2</v>
      </c>
      <c r="G913">
        <v>22166.9</v>
      </c>
      <c r="H913">
        <v>2.6299199999999998</v>
      </c>
      <c r="I913">
        <v>21907</v>
      </c>
      <c r="J913">
        <v>50.494700000000002</v>
      </c>
    </row>
    <row r="914" spans="1:10" x14ac:dyDescent="0.25">
      <c r="A914">
        <v>6</v>
      </c>
      <c r="B914">
        <v>94.037000000000006</v>
      </c>
      <c r="C914">
        <v>118.68300000000001</v>
      </c>
      <c r="D914">
        <v>190</v>
      </c>
      <c r="E914">
        <v>7370.08</v>
      </c>
      <c r="F914">
        <v>10800</v>
      </c>
      <c r="G914">
        <v>18085</v>
      </c>
      <c r="H914">
        <v>2.8897599999999999</v>
      </c>
      <c r="I914">
        <v>20826.099999999999</v>
      </c>
      <c r="J914">
        <v>59.164000000000001</v>
      </c>
    </row>
    <row r="915" spans="1:10" x14ac:dyDescent="0.25">
      <c r="A915">
        <v>6</v>
      </c>
      <c r="B915">
        <v>103.25</v>
      </c>
      <c r="C915">
        <v>114.913</v>
      </c>
      <c r="D915">
        <v>172.45</v>
      </c>
      <c r="E915">
        <v>12812.6</v>
      </c>
      <c r="F915">
        <v>28148</v>
      </c>
      <c r="G915">
        <v>24037.8</v>
      </c>
      <c r="H915">
        <v>2.8189000000000002</v>
      </c>
      <c r="I915">
        <v>48021.5</v>
      </c>
      <c r="J915">
        <v>31.8916</v>
      </c>
    </row>
    <row r="916" spans="1:10" x14ac:dyDescent="0.25">
      <c r="A916">
        <v>6</v>
      </c>
      <c r="B916">
        <v>108.446</v>
      </c>
      <c r="C916">
        <v>119.93899999999999</v>
      </c>
      <c r="D916">
        <v>168.376</v>
      </c>
      <c r="E916">
        <v>10091.299999999999</v>
      </c>
      <c r="F916">
        <v>16412.599999999999</v>
      </c>
      <c r="G916">
        <v>25398.400000000001</v>
      </c>
      <c r="H916">
        <v>2.9842499999999998</v>
      </c>
      <c r="I916">
        <v>33291.5</v>
      </c>
      <c r="J916">
        <v>24.888200000000001</v>
      </c>
    </row>
    <row r="917" spans="1:10" x14ac:dyDescent="0.25">
      <c r="A917">
        <v>6</v>
      </c>
      <c r="B917">
        <v>106.79300000000001</v>
      </c>
      <c r="C917">
        <v>114.28400000000001</v>
      </c>
      <c r="D917">
        <v>187.18</v>
      </c>
      <c r="E917">
        <v>7370.08</v>
      </c>
      <c r="F917">
        <v>11310.2</v>
      </c>
      <c r="G917">
        <v>19275.599999999999</v>
      </c>
      <c r="H917">
        <v>3.7637800000000001</v>
      </c>
      <c r="I917">
        <v>20970.2</v>
      </c>
      <c r="J917">
        <v>78.617999999999995</v>
      </c>
    </row>
    <row r="918" spans="1:10" x14ac:dyDescent="0.25">
      <c r="A918">
        <v>6</v>
      </c>
      <c r="B918">
        <v>93.328299999999999</v>
      </c>
      <c r="C918">
        <v>118.054</v>
      </c>
      <c r="D918">
        <v>189.37299999999999</v>
      </c>
      <c r="E918">
        <v>7795.28</v>
      </c>
      <c r="F918">
        <v>10800</v>
      </c>
      <c r="G918">
        <v>22337</v>
      </c>
      <c r="H918">
        <v>1.3307100000000001</v>
      </c>
      <c r="I918">
        <v>23267.5</v>
      </c>
      <c r="J918">
        <v>75.448400000000007</v>
      </c>
    </row>
    <row r="919" spans="1:10" x14ac:dyDescent="0.25">
      <c r="A919">
        <v>6</v>
      </c>
      <c r="B919">
        <v>109.39100000000001</v>
      </c>
      <c r="C919">
        <v>114.598</v>
      </c>
      <c r="D919">
        <v>189.68700000000001</v>
      </c>
      <c r="E919">
        <v>10431.5</v>
      </c>
      <c r="F919">
        <v>13351.2</v>
      </c>
      <c r="G919">
        <v>23187.4</v>
      </c>
      <c r="H919">
        <v>2.2283499999999998</v>
      </c>
      <c r="I919">
        <v>28053.7</v>
      </c>
      <c r="J919">
        <v>34.479799999999997</v>
      </c>
    </row>
    <row r="920" spans="1:10" x14ac:dyDescent="0.25">
      <c r="A920">
        <v>6</v>
      </c>
      <c r="B920">
        <v>105.848</v>
      </c>
      <c r="C920">
        <v>114.913</v>
      </c>
      <c r="D920">
        <v>186.553</v>
      </c>
      <c r="E920">
        <v>7710.24</v>
      </c>
      <c r="F920">
        <v>15392.1</v>
      </c>
      <c r="G920">
        <v>20976.400000000001</v>
      </c>
      <c r="H920">
        <v>2.5118100000000001</v>
      </c>
      <c r="I920">
        <v>26017.9</v>
      </c>
      <c r="J920">
        <v>29.533300000000001</v>
      </c>
    </row>
    <row r="921" spans="1:10" x14ac:dyDescent="0.25">
      <c r="A921">
        <v>6</v>
      </c>
      <c r="B921">
        <v>108.68300000000001</v>
      </c>
      <c r="C921">
        <v>114.913</v>
      </c>
      <c r="D921">
        <v>190</v>
      </c>
      <c r="E921">
        <v>10686.6</v>
      </c>
      <c r="F921">
        <v>23045.7</v>
      </c>
      <c r="G921">
        <v>19105.5</v>
      </c>
      <c r="H921">
        <v>3.00787</v>
      </c>
      <c r="I921">
        <v>37730.5</v>
      </c>
      <c r="J921">
        <v>31.609400000000001</v>
      </c>
    </row>
    <row r="922" spans="1:10" x14ac:dyDescent="0.25">
      <c r="A922">
        <v>6</v>
      </c>
      <c r="B922">
        <v>106.79300000000001</v>
      </c>
      <c r="C922">
        <v>114.598</v>
      </c>
      <c r="D922">
        <v>169.94300000000001</v>
      </c>
      <c r="E922">
        <v>9070.8700000000008</v>
      </c>
      <c r="F922">
        <v>16412.599999999999</v>
      </c>
      <c r="G922">
        <v>11792.1</v>
      </c>
      <c r="H922">
        <v>1.02362</v>
      </c>
      <c r="I922">
        <v>32462.400000000001</v>
      </c>
      <c r="J922">
        <v>27.2669</v>
      </c>
    </row>
    <row r="923" spans="1:10" x14ac:dyDescent="0.25">
      <c r="A923">
        <v>6</v>
      </c>
      <c r="B923">
        <v>104.667</v>
      </c>
      <c r="C923">
        <v>114.598</v>
      </c>
      <c r="D923">
        <v>169.00299999999999</v>
      </c>
      <c r="E923">
        <v>13152.8</v>
      </c>
      <c r="F923">
        <v>10800</v>
      </c>
      <c r="G923">
        <v>13833.1</v>
      </c>
      <c r="H923">
        <v>3.19685</v>
      </c>
      <c r="I923">
        <v>27552.6</v>
      </c>
      <c r="J923">
        <v>52.905000000000001</v>
      </c>
    </row>
    <row r="924" spans="1:10" x14ac:dyDescent="0.25">
      <c r="A924">
        <v>6</v>
      </c>
      <c r="B924">
        <v>109.628</v>
      </c>
      <c r="C924">
        <v>113.02800000000001</v>
      </c>
      <c r="D924">
        <v>179.65799999999999</v>
      </c>
      <c r="E924">
        <v>7710.24</v>
      </c>
      <c r="F924">
        <v>15392.1</v>
      </c>
      <c r="G924">
        <v>22337</v>
      </c>
      <c r="H924">
        <v>1.82677</v>
      </c>
      <c r="I924">
        <v>27202.5</v>
      </c>
      <c r="J924">
        <v>29.813199999999998</v>
      </c>
    </row>
    <row r="925" spans="1:10" x14ac:dyDescent="0.25">
      <c r="A925">
        <v>6</v>
      </c>
      <c r="B925">
        <v>94.509399999999999</v>
      </c>
      <c r="C925">
        <v>113.342</v>
      </c>
      <c r="D925">
        <v>179.65799999999999</v>
      </c>
      <c r="E925">
        <v>7455.12</v>
      </c>
      <c r="F925">
        <v>11310.2</v>
      </c>
      <c r="G925">
        <v>20976.400000000001</v>
      </c>
      <c r="H925">
        <v>3.4330699999999998</v>
      </c>
      <c r="I925">
        <v>21585.8</v>
      </c>
      <c r="J925">
        <v>103.04600000000001</v>
      </c>
    </row>
    <row r="926" spans="1:10" x14ac:dyDescent="0.25">
      <c r="A926">
        <v>6</v>
      </c>
      <c r="B926">
        <v>94.509399999999999</v>
      </c>
      <c r="C926">
        <v>113.65600000000001</v>
      </c>
      <c r="D926">
        <v>179.345</v>
      </c>
      <c r="E926">
        <v>7540.16</v>
      </c>
      <c r="F926">
        <v>14881.9</v>
      </c>
      <c r="G926">
        <v>20806.3</v>
      </c>
      <c r="H926">
        <v>2.6063000000000001</v>
      </c>
      <c r="I926">
        <v>25455.3</v>
      </c>
      <c r="J926">
        <v>49.4221</v>
      </c>
    </row>
    <row r="927" spans="1:10" x14ac:dyDescent="0.25">
      <c r="A927">
        <v>6</v>
      </c>
      <c r="B927">
        <v>108.68300000000001</v>
      </c>
      <c r="C927">
        <v>124.96599999999999</v>
      </c>
      <c r="D927">
        <v>167.75</v>
      </c>
      <c r="E927">
        <v>10516.5</v>
      </c>
      <c r="F927">
        <v>10800</v>
      </c>
      <c r="G927">
        <v>18425.2</v>
      </c>
      <c r="H927">
        <v>2.1574800000000001</v>
      </c>
      <c r="I927">
        <v>28179.5</v>
      </c>
      <c r="J927">
        <v>94.586399999999998</v>
      </c>
    </row>
    <row r="928" spans="1:10" x14ac:dyDescent="0.25">
      <c r="A928">
        <v>6</v>
      </c>
      <c r="B928">
        <v>106.79300000000001</v>
      </c>
      <c r="C928">
        <v>118.054</v>
      </c>
      <c r="D928">
        <v>179.97200000000001</v>
      </c>
      <c r="E928">
        <v>7540.16</v>
      </c>
      <c r="F928">
        <v>10800</v>
      </c>
      <c r="G928">
        <v>21316.5</v>
      </c>
      <c r="H928">
        <v>2.79528</v>
      </c>
      <c r="I928">
        <v>21227.200000000001</v>
      </c>
      <c r="J928">
        <v>55.704999999999998</v>
      </c>
    </row>
    <row r="929" spans="1:10" x14ac:dyDescent="0.25">
      <c r="A929">
        <v>6</v>
      </c>
      <c r="B929">
        <v>110.1</v>
      </c>
      <c r="C929">
        <v>124.652</v>
      </c>
      <c r="D929">
        <v>189.68700000000001</v>
      </c>
      <c r="E929">
        <v>7455.12</v>
      </c>
      <c r="F929">
        <v>11310.2</v>
      </c>
      <c r="G929">
        <v>20976.400000000001</v>
      </c>
      <c r="H929">
        <v>3.7401599999999999</v>
      </c>
      <c r="I929">
        <v>21147.5</v>
      </c>
      <c r="J929">
        <v>108.598</v>
      </c>
    </row>
    <row r="930" spans="1:10" x14ac:dyDescent="0.25">
      <c r="A930">
        <v>6</v>
      </c>
      <c r="B930">
        <v>90.729900000000001</v>
      </c>
      <c r="C930">
        <v>114.913</v>
      </c>
      <c r="D930">
        <v>190</v>
      </c>
      <c r="E930">
        <v>7710.24</v>
      </c>
      <c r="F930">
        <v>14881.9</v>
      </c>
      <c r="G930">
        <v>22166.9</v>
      </c>
      <c r="H930">
        <v>1.28346</v>
      </c>
      <c r="I930">
        <v>27577.7</v>
      </c>
      <c r="J930">
        <v>29.7258</v>
      </c>
    </row>
    <row r="931" spans="1:10" x14ac:dyDescent="0.25">
      <c r="A931">
        <v>6</v>
      </c>
      <c r="B931">
        <v>109.628</v>
      </c>
      <c r="C931">
        <v>114.598</v>
      </c>
      <c r="D931">
        <v>169.00299999999999</v>
      </c>
      <c r="E931">
        <v>10176.4</v>
      </c>
      <c r="F931">
        <v>12330.7</v>
      </c>
      <c r="G931">
        <v>19955.900000000001</v>
      </c>
      <c r="H931">
        <v>3.7637800000000001</v>
      </c>
      <c r="I931">
        <v>25450.2</v>
      </c>
      <c r="J931">
        <v>36.832700000000003</v>
      </c>
    </row>
    <row r="932" spans="1:10" x14ac:dyDescent="0.25">
      <c r="A932">
        <v>6</v>
      </c>
      <c r="B932">
        <v>108.68300000000001</v>
      </c>
      <c r="C932">
        <v>122.767</v>
      </c>
      <c r="D932">
        <v>189.06</v>
      </c>
      <c r="E932">
        <v>10516.5</v>
      </c>
      <c r="F932">
        <v>11310.2</v>
      </c>
      <c r="G932">
        <v>19445.7</v>
      </c>
      <c r="H932">
        <v>3.5748000000000002</v>
      </c>
      <c r="I932">
        <v>24598.7</v>
      </c>
      <c r="J932">
        <v>87.275499999999994</v>
      </c>
    </row>
    <row r="933" spans="1:10" x14ac:dyDescent="0.25">
      <c r="A933">
        <v>6</v>
      </c>
      <c r="B933">
        <v>108.919</v>
      </c>
      <c r="C933">
        <v>114.598</v>
      </c>
      <c r="D933">
        <v>189.68700000000001</v>
      </c>
      <c r="E933">
        <v>7455.12</v>
      </c>
      <c r="F933">
        <v>11820.5</v>
      </c>
      <c r="G933">
        <v>19785.8</v>
      </c>
      <c r="H933">
        <v>2.9133900000000001</v>
      </c>
      <c r="I933">
        <v>21897.8</v>
      </c>
      <c r="J933">
        <v>56.26</v>
      </c>
    </row>
    <row r="934" spans="1:10" x14ac:dyDescent="0.25">
      <c r="A934">
        <v>6</v>
      </c>
      <c r="B934">
        <v>105.848</v>
      </c>
      <c r="C934">
        <v>113.65600000000001</v>
      </c>
      <c r="D934">
        <v>190</v>
      </c>
      <c r="E934">
        <v>7540.16</v>
      </c>
      <c r="F934">
        <v>14881.9</v>
      </c>
      <c r="G934">
        <v>22677.200000000001</v>
      </c>
      <c r="H934">
        <v>3.2677200000000002</v>
      </c>
      <c r="I934">
        <v>24816.5</v>
      </c>
      <c r="J934">
        <v>40.071300000000001</v>
      </c>
    </row>
    <row r="935" spans="1:10" x14ac:dyDescent="0.25">
      <c r="A935">
        <v>6</v>
      </c>
      <c r="B935">
        <v>108.68300000000001</v>
      </c>
      <c r="C935">
        <v>118.054</v>
      </c>
      <c r="D935">
        <v>179.97200000000001</v>
      </c>
      <c r="E935">
        <v>7795.28</v>
      </c>
      <c r="F935">
        <v>15392.1</v>
      </c>
      <c r="G935">
        <v>22166.9</v>
      </c>
      <c r="H935">
        <v>3.4330699999999998</v>
      </c>
      <c r="I935">
        <v>26744.3</v>
      </c>
      <c r="J935">
        <v>26.032900000000001</v>
      </c>
    </row>
    <row r="936" spans="1:10" x14ac:dyDescent="0.25">
      <c r="A936">
        <v>6</v>
      </c>
      <c r="B936">
        <v>108.446</v>
      </c>
      <c r="C936">
        <v>114.598</v>
      </c>
      <c r="D936">
        <v>182.16499999999999</v>
      </c>
      <c r="E936">
        <v>10176.4</v>
      </c>
      <c r="F936">
        <v>11820.5</v>
      </c>
      <c r="G936">
        <v>8560.6299999999992</v>
      </c>
      <c r="H936">
        <v>2.25197</v>
      </c>
      <c r="I936">
        <v>25173.200000000001</v>
      </c>
      <c r="J936">
        <v>34.121000000000002</v>
      </c>
    </row>
    <row r="937" spans="1:10" x14ac:dyDescent="0.25">
      <c r="A937">
        <v>6</v>
      </c>
      <c r="B937">
        <v>109.864</v>
      </c>
      <c r="C937">
        <v>113.342</v>
      </c>
      <c r="D937">
        <v>189.68700000000001</v>
      </c>
      <c r="E937">
        <v>7370.08</v>
      </c>
      <c r="F937">
        <v>10800</v>
      </c>
      <c r="G937">
        <v>19955.900000000001</v>
      </c>
      <c r="H937">
        <v>3.2677200000000002</v>
      </c>
      <c r="I937">
        <v>20638.3</v>
      </c>
      <c r="J937">
        <v>63.4497</v>
      </c>
    </row>
    <row r="938" spans="1:10" x14ac:dyDescent="0.25">
      <c r="A938">
        <v>6</v>
      </c>
      <c r="B938">
        <v>108.446</v>
      </c>
      <c r="C938">
        <v>119.93899999999999</v>
      </c>
      <c r="D938">
        <v>159.28800000000001</v>
      </c>
      <c r="E938">
        <v>7795.28</v>
      </c>
      <c r="F938">
        <v>15392.1</v>
      </c>
      <c r="G938">
        <v>28800</v>
      </c>
      <c r="H938">
        <v>1.1181099999999999</v>
      </c>
      <c r="I938">
        <v>40758.9</v>
      </c>
      <c r="J938">
        <v>24.843299999999999</v>
      </c>
    </row>
    <row r="939" spans="1:10" x14ac:dyDescent="0.25">
      <c r="A939">
        <v>6</v>
      </c>
      <c r="B939">
        <v>93.564599999999999</v>
      </c>
      <c r="C939">
        <v>118.68300000000001</v>
      </c>
      <c r="D939">
        <v>179.03100000000001</v>
      </c>
      <c r="E939">
        <v>7710.24</v>
      </c>
      <c r="F939">
        <v>11310.2</v>
      </c>
      <c r="G939">
        <v>18255.099999999999</v>
      </c>
      <c r="H939">
        <v>2.79528</v>
      </c>
      <c r="I939">
        <v>22016.7</v>
      </c>
      <c r="J939">
        <v>66.185699999999997</v>
      </c>
    </row>
    <row r="940" spans="1:10" x14ac:dyDescent="0.25">
      <c r="A940">
        <v>6</v>
      </c>
      <c r="B940">
        <v>109.155</v>
      </c>
      <c r="C940">
        <v>124.96599999999999</v>
      </c>
      <c r="D940">
        <v>188.74600000000001</v>
      </c>
      <c r="E940">
        <v>7795.28</v>
      </c>
      <c r="F940">
        <v>11310.2</v>
      </c>
      <c r="G940">
        <v>19615.7</v>
      </c>
      <c r="H940">
        <v>2.25197</v>
      </c>
      <c r="I940">
        <v>24284.9</v>
      </c>
      <c r="J940">
        <v>27.926500000000001</v>
      </c>
    </row>
    <row r="941" spans="1:10" x14ac:dyDescent="0.25">
      <c r="A941">
        <v>6</v>
      </c>
      <c r="B941">
        <v>89.312600000000003</v>
      </c>
      <c r="C941">
        <v>124.96599999999999</v>
      </c>
      <c r="D941">
        <v>179.97200000000001</v>
      </c>
      <c r="E941">
        <v>7540.16</v>
      </c>
      <c r="F941">
        <v>10800</v>
      </c>
      <c r="G941">
        <v>19615.7</v>
      </c>
      <c r="H941">
        <v>2.8189000000000002</v>
      </c>
      <c r="I941">
        <v>21034.3</v>
      </c>
      <c r="J941">
        <v>33.902299999999997</v>
      </c>
    </row>
    <row r="942" spans="1:10" x14ac:dyDescent="0.25">
      <c r="A942">
        <v>6</v>
      </c>
      <c r="B942">
        <v>89.312600000000003</v>
      </c>
      <c r="C942">
        <v>124.96599999999999</v>
      </c>
      <c r="D942">
        <v>179.97200000000001</v>
      </c>
      <c r="E942">
        <v>7540.16</v>
      </c>
      <c r="F942">
        <v>10800</v>
      </c>
      <c r="G942">
        <v>19615.7</v>
      </c>
      <c r="H942">
        <v>2.8189000000000002</v>
      </c>
      <c r="I942">
        <v>21034.3</v>
      </c>
      <c r="J942">
        <v>33.902299999999997</v>
      </c>
    </row>
    <row r="943" spans="1:10" x14ac:dyDescent="0.25">
      <c r="A943">
        <v>6</v>
      </c>
      <c r="B943">
        <v>105.848</v>
      </c>
      <c r="C943">
        <v>114.913</v>
      </c>
      <c r="D943">
        <v>189.37299999999999</v>
      </c>
      <c r="E943">
        <v>7710.24</v>
      </c>
      <c r="F943">
        <v>15392.1</v>
      </c>
      <c r="G943">
        <v>20976.400000000001</v>
      </c>
      <c r="H943">
        <v>1</v>
      </c>
      <c r="I943">
        <v>29378.3</v>
      </c>
      <c r="J943">
        <v>17.155000000000001</v>
      </c>
    </row>
    <row r="944" spans="1:10" x14ac:dyDescent="0.25">
      <c r="A944">
        <v>6</v>
      </c>
      <c r="B944">
        <v>105.848</v>
      </c>
      <c r="C944">
        <v>114.913</v>
      </c>
      <c r="D944">
        <v>189.37299999999999</v>
      </c>
      <c r="E944">
        <v>7710.24</v>
      </c>
      <c r="F944">
        <v>15392.1</v>
      </c>
      <c r="G944">
        <v>20976.400000000001</v>
      </c>
      <c r="H944">
        <v>1</v>
      </c>
      <c r="I944">
        <v>29378.3</v>
      </c>
      <c r="J944">
        <v>17.155000000000001</v>
      </c>
    </row>
    <row r="945" spans="1:10" x14ac:dyDescent="0.25">
      <c r="A945">
        <v>6</v>
      </c>
      <c r="B945">
        <v>89.312600000000003</v>
      </c>
      <c r="C945">
        <v>124.96599999999999</v>
      </c>
      <c r="D945">
        <v>179.97200000000001</v>
      </c>
      <c r="E945">
        <v>7540.16</v>
      </c>
      <c r="F945">
        <v>10800</v>
      </c>
      <c r="G945">
        <v>19615.7</v>
      </c>
      <c r="H945">
        <v>2.8189000000000002</v>
      </c>
      <c r="I945">
        <v>21034.3</v>
      </c>
      <c r="J945">
        <v>33.902299999999997</v>
      </c>
    </row>
    <row r="946" spans="1:10" x14ac:dyDescent="0.25">
      <c r="A946">
        <v>6</v>
      </c>
      <c r="B946">
        <v>109.628</v>
      </c>
      <c r="C946">
        <v>123.395</v>
      </c>
      <c r="D946">
        <v>189.06</v>
      </c>
      <c r="E946">
        <v>10091.299999999999</v>
      </c>
      <c r="F946">
        <v>10800</v>
      </c>
      <c r="G946">
        <v>22337</v>
      </c>
      <c r="H946">
        <v>3.4330699999999998</v>
      </c>
      <c r="I946">
        <v>23930.6</v>
      </c>
      <c r="J946">
        <v>24.2546</v>
      </c>
    </row>
    <row r="947" spans="1:10" x14ac:dyDescent="0.25">
      <c r="A947">
        <v>6</v>
      </c>
      <c r="B947">
        <v>89.312600000000003</v>
      </c>
      <c r="C947">
        <v>124.96599999999999</v>
      </c>
      <c r="D947">
        <v>179.97200000000001</v>
      </c>
      <c r="E947">
        <v>7540.16</v>
      </c>
      <c r="F947">
        <v>10800</v>
      </c>
      <c r="G947">
        <v>19615.7</v>
      </c>
      <c r="H947">
        <v>2.8189000000000002</v>
      </c>
      <c r="I947">
        <v>21034.3</v>
      </c>
      <c r="J947">
        <v>33.902299999999997</v>
      </c>
    </row>
    <row r="948" spans="1:10" x14ac:dyDescent="0.25">
      <c r="A948">
        <v>6</v>
      </c>
      <c r="B948">
        <v>109.628</v>
      </c>
      <c r="C948">
        <v>123.395</v>
      </c>
      <c r="D948">
        <v>189.06</v>
      </c>
      <c r="E948">
        <v>10091.299999999999</v>
      </c>
      <c r="F948">
        <v>10800</v>
      </c>
      <c r="G948">
        <v>22337</v>
      </c>
      <c r="H948">
        <v>3.4330699999999998</v>
      </c>
      <c r="I948">
        <v>23930.6</v>
      </c>
      <c r="J948">
        <v>24.2546</v>
      </c>
    </row>
    <row r="949" spans="1:10" x14ac:dyDescent="0.25">
      <c r="A949">
        <v>6</v>
      </c>
      <c r="B949">
        <v>105.848</v>
      </c>
      <c r="C949">
        <v>114.913</v>
      </c>
      <c r="D949">
        <v>189.37299999999999</v>
      </c>
      <c r="E949">
        <v>7710.24</v>
      </c>
      <c r="F949">
        <v>15392.1</v>
      </c>
      <c r="G949">
        <v>20976.400000000001</v>
      </c>
      <c r="H949">
        <v>1</v>
      </c>
      <c r="I949">
        <v>29378.3</v>
      </c>
      <c r="J949">
        <v>17.155000000000001</v>
      </c>
    </row>
    <row r="950" spans="1:10" x14ac:dyDescent="0.25">
      <c r="A950">
        <v>6</v>
      </c>
      <c r="B950">
        <v>89.312600000000003</v>
      </c>
      <c r="C950">
        <v>124.96599999999999</v>
      </c>
      <c r="D950">
        <v>179.97200000000001</v>
      </c>
      <c r="E950">
        <v>7540.16</v>
      </c>
      <c r="F950">
        <v>10800</v>
      </c>
      <c r="G950">
        <v>19615.7</v>
      </c>
      <c r="H950">
        <v>2.8189000000000002</v>
      </c>
      <c r="I950">
        <v>21034.3</v>
      </c>
      <c r="J950">
        <v>33.902299999999997</v>
      </c>
    </row>
    <row r="951" spans="1:10" x14ac:dyDescent="0.25">
      <c r="A951">
        <v>6</v>
      </c>
      <c r="B951">
        <v>105.848</v>
      </c>
      <c r="C951">
        <v>114.913</v>
      </c>
      <c r="D951">
        <v>189.37299999999999</v>
      </c>
      <c r="E951">
        <v>7710.24</v>
      </c>
      <c r="F951">
        <v>15392.1</v>
      </c>
      <c r="G951">
        <v>20976.400000000001</v>
      </c>
      <c r="H951">
        <v>1</v>
      </c>
      <c r="I951">
        <v>29378.3</v>
      </c>
      <c r="J951">
        <v>17.155000000000001</v>
      </c>
    </row>
    <row r="952" spans="1:10" x14ac:dyDescent="0.25">
      <c r="A952">
        <v>6</v>
      </c>
      <c r="B952">
        <v>109.628</v>
      </c>
      <c r="C952">
        <v>123.395</v>
      </c>
      <c r="D952">
        <v>189.06</v>
      </c>
      <c r="E952">
        <v>10091.299999999999</v>
      </c>
      <c r="F952">
        <v>10800</v>
      </c>
      <c r="G952">
        <v>22337</v>
      </c>
      <c r="H952">
        <v>3.4330699999999998</v>
      </c>
      <c r="I952">
        <v>23930.6</v>
      </c>
      <c r="J952">
        <v>24.2546</v>
      </c>
    </row>
    <row r="953" spans="1:10" x14ac:dyDescent="0.25">
      <c r="A953">
        <v>6</v>
      </c>
      <c r="B953">
        <v>89.312600000000003</v>
      </c>
      <c r="C953">
        <v>124.96599999999999</v>
      </c>
      <c r="D953">
        <v>179.97200000000001</v>
      </c>
      <c r="E953">
        <v>7540.16</v>
      </c>
      <c r="F953">
        <v>10800</v>
      </c>
      <c r="G953">
        <v>19615.7</v>
      </c>
      <c r="H953">
        <v>2.8189000000000002</v>
      </c>
      <c r="I953">
        <v>21034.3</v>
      </c>
      <c r="J953">
        <v>33.902299999999997</v>
      </c>
    </row>
    <row r="954" spans="1:10" x14ac:dyDescent="0.25">
      <c r="A954">
        <v>6</v>
      </c>
      <c r="B954">
        <v>105.848</v>
      </c>
      <c r="C954">
        <v>114.913</v>
      </c>
      <c r="D954">
        <v>189.37299999999999</v>
      </c>
      <c r="E954">
        <v>7710.24</v>
      </c>
      <c r="F954">
        <v>15392.1</v>
      </c>
      <c r="G954">
        <v>20976.400000000001</v>
      </c>
      <c r="H954">
        <v>1</v>
      </c>
      <c r="I954">
        <v>29378.3</v>
      </c>
      <c r="J954">
        <v>17.155000000000001</v>
      </c>
    </row>
    <row r="955" spans="1:10" x14ac:dyDescent="0.25">
      <c r="A955">
        <v>6</v>
      </c>
      <c r="B955">
        <v>108.68300000000001</v>
      </c>
      <c r="C955">
        <v>124.96599999999999</v>
      </c>
      <c r="D955">
        <v>189.37299999999999</v>
      </c>
      <c r="E955">
        <v>7795.28</v>
      </c>
      <c r="F955">
        <v>11310.2</v>
      </c>
      <c r="G955">
        <v>22166.9</v>
      </c>
      <c r="H955">
        <v>2.25197</v>
      </c>
      <c r="I955">
        <v>23578.5</v>
      </c>
      <c r="J955">
        <v>26.253</v>
      </c>
    </row>
    <row r="956" spans="1:10" x14ac:dyDescent="0.25">
      <c r="A956">
        <v>6</v>
      </c>
      <c r="B956">
        <v>94.037000000000006</v>
      </c>
      <c r="C956">
        <v>118.68300000000001</v>
      </c>
      <c r="D956">
        <v>190</v>
      </c>
      <c r="E956">
        <v>7370.08</v>
      </c>
      <c r="F956">
        <v>10800</v>
      </c>
      <c r="G956">
        <v>18085</v>
      </c>
      <c r="H956">
        <v>2.8897599999999999</v>
      </c>
      <c r="I956">
        <v>20826.099999999999</v>
      </c>
      <c r="J956">
        <v>59.164000000000001</v>
      </c>
    </row>
    <row r="957" spans="1:10" x14ac:dyDescent="0.25">
      <c r="A957">
        <v>6</v>
      </c>
      <c r="B957">
        <v>89.312600000000003</v>
      </c>
      <c r="C957">
        <v>124.96599999999999</v>
      </c>
      <c r="D957">
        <v>179.97200000000001</v>
      </c>
      <c r="E957">
        <v>7540.16</v>
      </c>
      <c r="F957">
        <v>10800</v>
      </c>
      <c r="G957">
        <v>19615.7</v>
      </c>
      <c r="H957">
        <v>2.8189000000000002</v>
      </c>
      <c r="I957">
        <v>21034.3</v>
      </c>
      <c r="J957">
        <v>33.902299999999997</v>
      </c>
    </row>
    <row r="958" spans="1:10" x14ac:dyDescent="0.25">
      <c r="A958">
        <v>6</v>
      </c>
      <c r="B958">
        <v>109.628</v>
      </c>
      <c r="C958">
        <v>123.395</v>
      </c>
      <c r="D958">
        <v>189.06</v>
      </c>
      <c r="E958">
        <v>10091.299999999999</v>
      </c>
      <c r="F958">
        <v>10800</v>
      </c>
      <c r="G958">
        <v>22337</v>
      </c>
      <c r="H958">
        <v>3.4330699999999998</v>
      </c>
      <c r="I958">
        <v>23930.6</v>
      </c>
      <c r="J958">
        <v>24.2546</v>
      </c>
    </row>
    <row r="959" spans="1:10" x14ac:dyDescent="0.25">
      <c r="A959">
        <v>6</v>
      </c>
      <c r="B959">
        <v>89.312600000000003</v>
      </c>
      <c r="C959">
        <v>124.96599999999999</v>
      </c>
      <c r="D959">
        <v>179.97200000000001</v>
      </c>
      <c r="E959">
        <v>7540.16</v>
      </c>
      <c r="F959">
        <v>10800</v>
      </c>
      <c r="G959">
        <v>19615.7</v>
      </c>
      <c r="H959">
        <v>2.8189000000000002</v>
      </c>
      <c r="I959">
        <v>21034.3</v>
      </c>
      <c r="J959">
        <v>33.902299999999997</v>
      </c>
    </row>
    <row r="960" spans="1:10" x14ac:dyDescent="0.25">
      <c r="A960">
        <v>6</v>
      </c>
      <c r="B960">
        <v>103.958</v>
      </c>
      <c r="C960">
        <v>124.96599999999999</v>
      </c>
      <c r="D960">
        <v>179.65799999999999</v>
      </c>
      <c r="E960">
        <v>7200</v>
      </c>
      <c r="F960">
        <v>10800</v>
      </c>
      <c r="G960">
        <v>18595.3</v>
      </c>
      <c r="H960">
        <v>3.5748000000000002</v>
      </c>
      <c r="I960">
        <v>20486.7</v>
      </c>
      <c r="J960">
        <v>91.075500000000005</v>
      </c>
    </row>
    <row r="961" spans="1:10" x14ac:dyDescent="0.25">
      <c r="A961">
        <v>6</v>
      </c>
      <c r="B961">
        <v>108.446</v>
      </c>
      <c r="C961">
        <v>119.93899999999999</v>
      </c>
      <c r="D961">
        <v>167.75</v>
      </c>
      <c r="E961">
        <v>10431.5</v>
      </c>
      <c r="F961">
        <v>11310.2</v>
      </c>
      <c r="G961">
        <v>24718.1</v>
      </c>
      <c r="H961">
        <v>1.1181099999999999</v>
      </c>
      <c r="I961">
        <v>27673.5</v>
      </c>
      <c r="J961">
        <v>18.264900000000001</v>
      </c>
    </row>
    <row r="962" spans="1:10" x14ac:dyDescent="0.25">
      <c r="A962">
        <v>6</v>
      </c>
      <c r="B962">
        <v>108.68300000000001</v>
      </c>
      <c r="C962">
        <v>124.652</v>
      </c>
      <c r="D962">
        <v>168.06299999999999</v>
      </c>
      <c r="E962">
        <v>10516.5</v>
      </c>
      <c r="F962">
        <v>11310.2</v>
      </c>
      <c r="G962">
        <v>19615.7</v>
      </c>
      <c r="H962">
        <v>2.25197</v>
      </c>
      <c r="I962">
        <v>26608.1</v>
      </c>
      <c r="J962">
        <v>20.0974</v>
      </c>
    </row>
    <row r="963" spans="1:10" x14ac:dyDescent="0.25">
      <c r="A963">
        <v>6</v>
      </c>
      <c r="B963">
        <v>94.273200000000003</v>
      </c>
      <c r="C963">
        <v>123.395</v>
      </c>
      <c r="D963">
        <v>184.672</v>
      </c>
      <c r="E963">
        <v>7370.08</v>
      </c>
      <c r="F963">
        <v>10800</v>
      </c>
      <c r="G963">
        <v>22677.200000000001</v>
      </c>
      <c r="H963">
        <v>1.89764</v>
      </c>
      <c r="I963">
        <v>21792.9</v>
      </c>
      <c r="J963">
        <v>31.204499999999999</v>
      </c>
    </row>
    <row r="964" spans="1:10" x14ac:dyDescent="0.25">
      <c r="A964">
        <v>6</v>
      </c>
      <c r="B964">
        <v>108.68300000000001</v>
      </c>
      <c r="C964">
        <v>124.96599999999999</v>
      </c>
      <c r="D964">
        <v>189.37299999999999</v>
      </c>
      <c r="E964">
        <v>7795.28</v>
      </c>
      <c r="F964">
        <v>11310.2</v>
      </c>
      <c r="G964">
        <v>22166.9</v>
      </c>
      <c r="H964">
        <v>2.25197</v>
      </c>
      <c r="I964">
        <v>23578.5</v>
      </c>
      <c r="J964">
        <v>26.253</v>
      </c>
    </row>
    <row r="965" spans="1:10" x14ac:dyDescent="0.25">
      <c r="A965">
        <v>6</v>
      </c>
      <c r="B965">
        <v>106.79300000000001</v>
      </c>
      <c r="C965">
        <v>124.024</v>
      </c>
      <c r="D965">
        <v>184.04599999999999</v>
      </c>
      <c r="E965">
        <v>10516.5</v>
      </c>
      <c r="F965">
        <v>19984.3</v>
      </c>
      <c r="G965">
        <v>20636.2</v>
      </c>
      <c r="H965">
        <v>2.25197</v>
      </c>
      <c r="I965">
        <v>36430.5</v>
      </c>
      <c r="J965">
        <v>16.778199999999998</v>
      </c>
    </row>
    <row r="966" spans="1:10" x14ac:dyDescent="0.25">
      <c r="A966">
        <v>6</v>
      </c>
      <c r="B966">
        <v>109.864</v>
      </c>
      <c r="C966">
        <v>113.342</v>
      </c>
      <c r="D966">
        <v>189.68700000000001</v>
      </c>
      <c r="E966">
        <v>7370.08</v>
      </c>
      <c r="F966">
        <v>10800</v>
      </c>
      <c r="G966">
        <v>19955.900000000001</v>
      </c>
      <c r="H966">
        <v>3.2677200000000002</v>
      </c>
      <c r="I966">
        <v>20638.3</v>
      </c>
      <c r="J966">
        <v>63.4497</v>
      </c>
    </row>
    <row r="981" spans="1:10" x14ac:dyDescent="0.25">
      <c r="A981">
        <v>7</v>
      </c>
      <c r="B981">
        <v>103.958</v>
      </c>
      <c r="C981">
        <v>124.96599999999999</v>
      </c>
      <c r="D981">
        <v>179.65799999999999</v>
      </c>
      <c r="E981">
        <v>7200</v>
      </c>
      <c r="F981">
        <v>10800</v>
      </c>
      <c r="G981">
        <v>18595.3</v>
      </c>
      <c r="H981">
        <v>3.5748000000000002</v>
      </c>
      <c r="I981">
        <v>20486.7</v>
      </c>
      <c r="J981">
        <v>91.075500000000005</v>
      </c>
    </row>
    <row r="982" spans="1:10" x14ac:dyDescent="0.25">
      <c r="A982">
        <v>7</v>
      </c>
      <c r="B982">
        <v>106.79300000000001</v>
      </c>
      <c r="C982">
        <v>124.024</v>
      </c>
      <c r="D982">
        <v>184.04599999999999</v>
      </c>
      <c r="E982">
        <v>10516.5</v>
      </c>
      <c r="F982">
        <v>19984.3</v>
      </c>
      <c r="G982">
        <v>20636.2</v>
      </c>
      <c r="H982">
        <v>2.25197</v>
      </c>
      <c r="I982">
        <v>36430.5</v>
      </c>
      <c r="J982">
        <v>16.778199999999998</v>
      </c>
    </row>
    <row r="983" spans="1:10" x14ac:dyDescent="0.25">
      <c r="A983">
        <v>7</v>
      </c>
      <c r="B983">
        <v>94.273200000000003</v>
      </c>
      <c r="C983">
        <v>123.395</v>
      </c>
      <c r="D983">
        <v>184.672</v>
      </c>
      <c r="E983">
        <v>7370.08</v>
      </c>
      <c r="F983">
        <v>10800</v>
      </c>
      <c r="G983">
        <v>22677.200000000001</v>
      </c>
      <c r="H983">
        <v>1.89764</v>
      </c>
      <c r="I983">
        <v>21792.9</v>
      </c>
      <c r="J983">
        <v>31.204499999999999</v>
      </c>
    </row>
    <row r="984" spans="1:10" x14ac:dyDescent="0.25">
      <c r="A984">
        <v>7</v>
      </c>
      <c r="B984">
        <v>108.68300000000001</v>
      </c>
      <c r="C984">
        <v>124.652</v>
      </c>
      <c r="D984">
        <v>168.06299999999999</v>
      </c>
      <c r="E984">
        <v>10516.5</v>
      </c>
      <c r="F984">
        <v>11310.2</v>
      </c>
      <c r="G984">
        <v>19615.7</v>
      </c>
      <c r="H984">
        <v>2.25197</v>
      </c>
      <c r="I984">
        <v>26608.1</v>
      </c>
      <c r="J984">
        <v>20.0974</v>
      </c>
    </row>
    <row r="985" spans="1:10" x14ac:dyDescent="0.25">
      <c r="A985">
        <v>7</v>
      </c>
      <c r="B985">
        <v>89.312600000000003</v>
      </c>
      <c r="C985">
        <v>124.96599999999999</v>
      </c>
      <c r="D985">
        <v>179.97200000000001</v>
      </c>
      <c r="E985">
        <v>7540.16</v>
      </c>
      <c r="F985">
        <v>10800</v>
      </c>
      <c r="G985">
        <v>19615.7</v>
      </c>
      <c r="H985">
        <v>2.8189000000000002</v>
      </c>
      <c r="I985">
        <v>21034.3</v>
      </c>
      <c r="J985">
        <v>33.902299999999997</v>
      </c>
    </row>
    <row r="986" spans="1:10" x14ac:dyDescent="0.25">
      <c r="A986">
        <v>7</v>
      </c>
      <c r="B986">
        <v>109.628</v>
      </c>
      <c r="C986">
        <v>123.395</v>
      </c>
      <c r="D986">
        <v>189.06</v>
      </c>
      <c r="E986">
        <v>10091.299999999999</v>
      </c>
      <c r="F986">
        <v>10800</v>
      </c>
      <c r="G986">
        <v>22337</v>
      </c>
      <c r="H986">
        <v>3.4330699999999998</v>
      </c>
      <c r="I986">
        <v>23930.6</v>
      </c>
      <c r="J986">
        <v>24.2546</v>
      </c>
    </row>
    <row r="987" spans="1:10" x14ac:dyDescent="0.25">
      <c r="A987">
        <v>7</v>
      </c>
      <c r="B987">
        <v>105.848</v>
      </c>
      <c r="C987">
        <v>114.913</v>
      </c>
      <c r="D987">
        <v>189.37299999999999</v>
      </c>
      <c r="E987">
        <v>7710.24</v>
      </c>
      <c r="F987">
        <v>15392.1</v>
      </c>
      <c r="G987">
        <v>20976.400000000001</v>
      </c>
      <c r="H987">
        <v>1</v>
      </c>
      <c r="I987">
        <v>29378.3</v>
      </c>
      <c r="J987">
        <v>17.155000000000001</v>
      </c>
    </row>
    <row r="988" spans="1:10" x14ac:dyDescent="0.25">
      <c r="A988">
        <v>7</v>
      </c>
      <c r="B988">
        <v>108.446</v>
      </c>
      <c r="C988">
        <v>119.93899999999999</v>
      </c>
      <c r="D988">
        <v>167.75</v>
      </c>
      <c r="E988">
        <v>10431.5</v>
      </c>
      <c r="F988">
        <v>11310.2</v>
      </c>
      <c r="G988">
        <v>24718.1</v>
      </c>
      <c r="H988">
        <v>1.1181099999999999</v>
      </c>
      <c r="I988">
        <v>27673.5</v>
      </c>
      <c r="J988">
        <v>18.264900000000001</v>
      </c>
    </row>
    <row r="989" spans="1:10" x14ac:dyDescent="0.25">
      <c r="A989">
        <v>7</v>
      </c>
      <c r="B989">
        <v>108.919</v>
      </c>
      <c r="C989">
        <v>129.679</v>
      </c>
      <c r="D989">
        <v>168.06299999999999</v>
      </c>
      <c r="E989">
        <v>10431.5</v>
      </c>
      <c r="F989">
        <v>11310.2</v>
      </c>
      <c r="G989">
        <v>19955.900000000001</v>
      </c>
      <c r="H989">
        <v>2.25197</v>
      </c>
      <c r="I989">
        <v>27172.7</v>
      </c>
      <c r="J989">
        <v>103.069</v>
      </c>
    </row>
    <row r="990" spans="1:10" x14ac:dyDescent="0.25">
      <c r="A990">
        <v>7</v>
      </c>
      <c r="B990">
        <v>94.509399999999999</v>
      </c>
      <c r="C990">
        <v>114.913</v>
      </c>
      <c r="D990">
        <v>176.524</v>
      </c>
      <c r="E990">
        <v>7795.28</v>
      </c>
      <c r="F990">
        <v>11310.2</v>
      </c>
      <c r="G990">
        <v>20806.3</v>
      </c>
      <c r="H990">
        <v>1.1181099999999999</v>
      </c>
      <c r="I990">
        <v>24647.200000000001</v>
      </c>
      <c r="J990">
        <v>78.255499999999998</v>
      </c>
    </row>
    <row r="991" spans="1:10" x14ac:dyDescent="0.25">
      <c r="A991">
        <v>7</v>
      </c>
      <c r="B991">
        <v>108.446</v>
      </c>
      <c r="C991">
        <v>114.598</v>
      </c>
      <c r="D991">
        <v>189.06</v>
      </c>
      <c r="E991">
        <v>10091.299999999999</v>
      </c>
      <c r="F991">
        <v>10800</v>
      </c>
      <c r="G991">
        <v>19785.8</v>
      </c>
      <c r="H991">
        <v>1.1181099999999999</v>
      </c>
      <c r="I991">
        <v>26301.599999999999</v>
      </c>
      <c r="J991">
        <v>31.418299999999999</v>
      </c>
    </row>
    <row r="992" spans="1:10" x14ac:dyDescent="0.25">
      <c r="A992">
        <v>7</v>
      </c>
      <c r="B992">
        <v>109.628</v>
      </c>
      <c r="C992">
        <v>119.93899999999999</v>
      </c>
      <c r="D992">
        <v>168.06299999999999</v>
      </c>
      <c r="E992">
        <v>10431.5</v>
      </c>
      <c r="F992">
        <v>15392.1</v>
      </c>
      <c r="G992">
        <v>19615.7</v>
      </c>
      <c r="H992">
        <v>3.7401599999999999</v>
      </c>
      <c r="I992">
        <v>32380</v>
      </c>
      <c r="J992">
        <v>21.2331</v>
      </c>
    </row>
    <row r="993" spans="1:10" x14ac:dyDescent="0.25">
      <c r="A993">
        <v>7</v>
      </c>
      <c r="B993">
        <v>92.147199999999998</v>
      </c>
      <c r="C993">
        <v>124.33799999999999</v>
      </c>
      <c r="D993">
        <v>179.97200000000001</v>
      </c>
      <c r="E993">
        <v>10346.5</v>
      </c>
      <c r="F993">
        <v>10800</v>
      </c>
      <c r="G993">
        <v>19615.7</v>
      </c>
      <c r="H993">
        <v>3.19685</v>
      </c>
      <c r="I993">
        <v>23482</v>
      </c>
      <c r="J993">
        <v>104.72</v>
      </c>
    </row>
    <row r="994" spans="1:10" x14ac:dyDescent="0.25">
      <c r="A994">
        <v>7</v>
      </c>
      <c r="B994">
        <v>91.202399999999997</v>
      </c>
      <c r="C994">
        <v>124.652</v>
      </c>
      <c r="D994">
        <v>189.06</v>
      </c>
      <c r="E994">
        <v>10091.299999999999</v>
      </c>
      <c r="F994">
        <v>10800</v>
      </c>
      <c r="G994">
        <v>19615.7</v>
      </c>
      <c r="H994">
        <v>3.5748000000000002</v>
      </c>
      <c r="I994">
        <v>23136</v>
      </c>
      <c r="J994">
        <v>106.44499999999999</v>
      </c>
    </row>
    <row r="995" spans="1:10" x14ac:dyDescent="0.25">
      <c r="A995">
        <v>7</v>
      </c>
      <c r="B995">
        <v>103.486</v>
      </c>
      <c r="C995">
        <v>124.652</v>
      </c>
      <c r="D995">
        <v>179.97200000000001</v>
      </c>
      <c r="E995">
        <v>7625.2</v>
      </c>
      <c r="F995">
        <v>11820.5</v>
      </c>
      <c r="G995">
        <v>20296.099999999999</v>
      </c>
      <c r="H995">
        <v>2.6299199999999998</v>
      </c>
      <c r="I995">
        <v>24238.5</v>
      </c>
      <c r="J995">
        <v>44.086599999999997</v>
      </c>
    </row>
    <row r="996" spans="1:10" x14ac:dyDescent="0.25">
      <c r="A996">
        <v>7</v>
      </c>
      <c r="B996">
        <v>109.39100000000001</v>
      </c>
      <c r="C996">
        <v>124.96599999999999</v>
      </c>
      <c r="D996">
        <v>188.43299999999999</v>
      </c>
      <c r="E996">
        <v>7370.08</v>
      </c>
      <c r="F996">
        <v>11310.2</v>
      </c>
      <c r="G996">
        <v>24718.1</v>
      </c>
      <c r="H996">
        <v>1.92126</v>
      </c>
      <c r="I996">
        <v>23493.200000000001</v>
      </c>
      <c r="J996">
        <v>37.622900000000001</v>
      </c>
    </row>
    <row r="997" spans="1:10" x14ac:dyDescent="0.25">
      <c r="A997">
        <v>7</v>
      </c>
      <c r="B997">
        <v>109.628</v>
      </c>
      <c r="C997">
        <v>119.93899999999999</v>
      </c>
      <c r="D997">
        <v>186.86600000000001</v>
      </c>
      <c r="E997">
        <v>7710.24</v>
      </c>
      <c r="F997">
        <v>15392.1</v>
      </c>
      <c r="G997">
        <v>19615.7</v>
      </c>
      <c r="H997">
        <v>2.8897599999999999</v>
      </c>
      <c r="I997">
        <v>27758.6</v>
      </c>
      <c r="J997">
        <v>22.964600000000001</v>
      </c>
    </row>
    <row r="998" spans="1:10" x14ac:dyDescent="0.25">
      <c r="A998">
        <v>7</v>
      </c>
      <c r="B998">
        <v>107.029</v>
      </c>
      <c r="C998">
        <v>117.74</v>
      </c>
      <c r="D998">
        <v>184.98599999999999</v>
      </c>
      <c r="E998">
        <v>7625.2</v>
      </c>
      <c r="F998">
        <v>10800</v>
      </c>
      <c r="G998">
        <v>23867.7</v>
      </c>
      <c r="H998">
        <v>2.9842499999999998</v>
      </c>
      <c r="I998">
        <v>21023.7</v>
      </c>
      <c r="J998">
        <v>51.981499999999997</v>
      </c>
    </row>
    <row r="999" spans="1:10" x14ac:dyDescent="0.25">
      <c r="A999">
        <v>7</v>
      </c>
      <c r="B999">
        <v>94.273200000000003</v>
      </c>
      <c r="C999">
        <v>123.395</v>
      </c>
      <c r="D999">
        <v>189.68700000000001</v>
      </c>
      <c r="E999">
        <v>7370.08</v>
      </c>
      <c r="F999">
        <v>10800</v>
      </c>
      <c r="G999">
        <v>22677.200000000001</v>
      </c>
      <c r="H999">
        <v>1.82677</v>
      </c>
      <c r="I999">
        <v>21744.9</v>
      </c>
      <c r="J999">
        <v>31.503900000000002</v>
      </c>
    </row>
    <row r="1000" spans="1:10" x14ac:dyDescent="0.25">
      <c r="A1000">
        <v>7</v>
      </c>
      <c r="B1000">
        <v>105.848</v>
      </c>
      <c r="C1000">
        <v>114.598</v>
      </c>
      <c r="D1000">
        <v>189.06</v>
      </c>
      <c r="E1000">
        <v>7710.24</v>
      </c>
      <c r="F1000">
        <v>11310.2</v>
      </c>
      <c r="G1000">
        <v>20976.400000000001</v>
      </c>
      <c r="H1000">
        <v>1.7795300000000001</v>
      </c>
      <c r="I1000">
        <v>22799.8</v>
      </c>
      <c r="J1000">
        <v>49.727400000000003</v>
      </c>
    </row>
    <row r="1001" spans="1:10" x14ac:dyDescent="0.25">
      <c r="A1001">
        <v>7</v>
      </c>
      <c r="B1001">
        <v>108.446</v>
      </c>
      <c r="C1001">
        <v>114.598</v>
      </c>
      <c r="D1001">
        <v>189.68700000000001</v>
      </c>
      <c r="E1001">
        <v>7710.24</v>
      </c>
      <c r="F1001">
        <v>11310.2</v>
      </c>
      <c r="G1001">
        <v>22507.1</v>
      </c>
      <c r="H1001">
        <v>2.25197</v>
      </c>
      <c r="I1001">
        <v>22141.9</v>
      </c>
      <c r="J1001">
        <v>43.957700000000003</v>
      </c>
    </row>
    <row r="1002" spans="1:10" x14ac:dyDescent="0.25">
      <c r="A1002">
        <v>7</v>
      </c>
      <c r="B1002">
        <v>92.619699999999995</v>
      </c>
      <c r="C1002">
        <v>124.96599999999999</v>
      </c>
      <c r="D1002">
        <v>190</v>
      </c>
      <c r="E1002">
        <v>7710.24</v>
      </c>
      <c r="F1002">
        <v>11310.2</v>
      </c>
      <c r="G1002">
        <v>19615.7</v>
      </c>
      <c r="H1002">
        <v>3.7637800000000001</v>
      </c>
      <c r="I1002">
        <v>21176.400000000001</v>
      </c>
      <c r="J1002">
        <v>108.836</v>
      </c>
    </row>
    <row r="1003" spans="1:10" x14ac:dyDescent="0.25">
      <c r="A1003">
        <v>7</v>
      </c>
      <c r="B1003">
        <v>108.68300000000001</v>
      </c>
      <c r="C1003">
        <v>114.598</v>
      </c>
      <c r="D1003">
        <v>189.06</v>
      </c>
      <c r="E1003">
        <v>7625.2</v>
      </c>
      <c r="F1003">
        <v>10800</v>
      </c>
      <c r="G1003">
        <v>20976.400000000001</v>
      </c>
      <c r="H1003">
        <v>2.5354299999999999</v>
      </c>
      <c r="I1003">
        <v>21343.9</v>
      </c>
      <c r="J1003">
        <v>56.7849</v>
      </c>
    </row>
    <row r="1004" spans="1:10" x14ac:dyDescent="0.25">
      <c r="A1004">
        <v>7</v>
      </c>
      <c r="B1004">
        <v>94.509399999999999</v>
      </c>
      <c r="C1004">
        <v>119.93899999999999</v>
      </c>
      <c r="D1004">
        <v>171.82400000000001</v>
      </c>
      <c r="E1004">
        <v>12897.6</v>
      </c>
      <c r="F1004">
        <v>10800</v>
      </c>
      <c r="G1004">
        <v>21996.9</v>
      </c>
      <c r="H1004">
        <v>3.4094500000000001</v>
      </c>
      <c r="I1004">
        <v>26325.4</v>
      </c>
      <c r="J1004">
        <v>70.636700000000005</v>
      </c>
    </row>
    <row r="1005" spans="1:10" x14ac:dyDescent="0.25">
      <c r="A1005">
        <v>7</v>
      </c>
      <c r="B1005">
        <v>108.68300000000001</v>
      </c>
      <c r="C1005">
        <v>114.598</v>
      </c>
      <c r="D1005">
        <v>169.31700000000001</v>
      </c>
      <c r="E1005">
        <v>7540.16</v>
      </c>
      <c r="F1005">
        <v>10800</v>
      </c>
      <c r="G1005">
        <v>18255.099999999999</v>
      </c>
      <c r="H1005">
        <v>3.0787399999999998</v>
      </c>
      <c r="I1005">
        <v>22242.5</v>
      </c>
      <c r="J1005">
        <v>75.639099999999999</v>
      </c>
    </row>
    <row r="1006" spans="1:10" x14ac:dyDescent="0.25">
      <c r="A1006">
        <v>7</v>
      </c>
      <c r="B1006">
        <v>109.155</v>
      </c>
      <c r="C1006">
        <v>114.28400000000001</v>
      </c>
      <c r="D1006">
        <v>174.33099999999999</v>
      </c>
      <c r="E1006">
        <v>7540.16</v>
      </c>
      <c r="F1006">
        <v>10800</v>
      </c>
      <c r="G1006">
        <v>19955.900000000001</v>
      </c>
      <c r="H1006">
        <v>3.1732300000000002</v>
      </c>
      <c r="I1006">
        <v>21424.3</v>
      </c>
      <c r="J1006">
        <v>72.015199999999993</v>
      </c>
    </row>
    <row r="1007" spans="1:10" x14ac:dyDescent="0.25">
      <c r="A1007">
        <v>7</v>
      </c>
      <c r="B1007">
        <v>106.79300000000001</v>
      </c>
      <c r="C1007">
        <v>119.93899999999999</v>
      </c>
      <c r="D1007">
        <v>158.661</v>
      </c>
      <c r="E1007">
        <v>7710.24</v>
      </c>
      <c r="F1007">
        <v>11565.4</v>
      </c>
      <c r="G1007">
        <v>24718.1</v>
      </c>
      <c r="H1007">
        <v>2.6299199999999998</v>
      </c>
      <c r="I1007">
        <v>41711.9</v>
      </c>
      <c r="J1007">
        <v>53.146099999999997</v>
      </c>
    </row>
    <row r="1008" spans="1:10" x14ac:dyDescent="0.25">
      <c r="A1008">
        <v>7</v>
      </c>
      <c r="B1008">
        <v>109.155</v>
      </c>
      <c r="C1008">
        <v>124.652</v>
      </c>
      <c r="D1008">
        <v>181.53899999999999</v>
      </c>
      <c r="E1008">
        <v>10516.5</v>
      </c>
      <c r="F1008">
        <v>11820.5</v>
      </c>
      <c r="G1008">
        <v>25398.400000000001</v>
      </c>
      <c r="H1008">
        <v>1.4960599999999999</v>
      </c>
      <c r="I1008">
        <v>27597.1</v>
      </c>
      <c r="J1008">
        <v>18.9985</v>
      </c>
    </row>
    <row r="1009" spans="1:10" x14ac:dyDescent="0.25">
      <c r="A1009">
        <v>7</v>
      </c>
      <c r="B1009">
        <v>93.564599999999999</v>
      </c>
      <c r="C1009">
        <v>117.74</v>
      </c>
      <c r="D1009">
        <v>179.97200000000001</v>
      </c>
      <c r="E1009">
        <v>7455.12</v>
      </c>
      <c r="F1009">
        <v>10800</v>
      </c>
      <c r="G1009">
        <v>21316.5</v>
      </c>
      <c r="H1009">
        <v>3.3622000000000001</v>
      </c>
      <c r="I1009">
        <v>20940.7</v>
      </c>
      <c r="J1009">
        <v>76.624300000000005</v>
      </c>
    </row>
    <row r="1010" spans="1:10" x14ac:dyDescent="0.25">
      <c r="A1010">
        <v>7</v>
      </c>
      <c r="B1010">
        <v>109.39100000000001</v>
      </c>
      <c r="C1010">
        <v>117.74</v>
      </c>
      <c r="D1010">
        <v>190</v>
      </c>
      <c r="E1010">
        <v>7370.08</v>
      </c>
      <c r="F1010">
        <v>10800</v>
      </c>
      <c r="G1010">
        <v>19955.900000000001</v>
      </c>
      <c r="H1010">
        <v>3.3858299999999999</v>
      </c>
      <c r="I1010">
        <v>20486.7</v>
      </c>
      <c r="J1010">
        <v>47.560499999999998</v>
      </c>
    </row>
    <row r="1011" spans="1:10" x14ac:dyDescent="0.25">
      <c r="A1011">
        <v>7</v>
      </c>
      <c r="B1011">
        <v>93.092100000000002</v>
      </c>
      <c r="C1011">
        <v>123.081</v>
      </c>
      <c r="D1011">
        <v>179.97200000000001</v>
      </c>
      <c r="E1011">
        <v>7710.24</v>
      </c>
      <c r="F1011">
        <v>11310.2</v>
      </c>
      <c r="G1011">
        <v>19615.7</v>
      </c>
      <c r="H1011">
        <v>1.3070900000000001</v>
      </c>
      <c r="I1011">
        <v>23892</v>
      </c>
      <c r="J1011">
        <v>88.855099999999993</v>
      </c>
    </row>
    <row r="1012" spans="1:10" x14ac:dyDescent="0.25">
      <c r="A1012">
        <v>7</v>
      </c>
      <c r="B1012">
        <v>108.68300000000001</v>
      </c>
      <c r="C1012">
        <v>113.65600000000001</v>
      </c>
      <c r="D1012">
        <v>179.97200000000001</v>
      </c>
      <c r="E1012">
        <v>7455.12</v>
      </c>
      <c r="F1012">
        <v>11820.5</v>
      </c>
      <c r="G1012">
        <v>21316.5</v>
      </c>
      <c r="H1012">
        <v>2.8661400000000001</v>
      </c>
      <c r="I1012">
        <v>22189.8</v>
      </c>
      <c r="J1012">
        <v>70.996099999999998</v>
      </c>
    </row>
    <row r="1013" spans="1:10" x14ac:dyDescent="0.25">
      <c r="A1013">
        <v>7</v>
      </c>
      <c r="B1013">
        <v>94.273200000000003</v>
      </c>
      <c r="C1013">
        <v>113.342</v>
      </c>
      <c r="D1013">
        <v>184.672</v>
      </c>
      <c r="E1013">
        <v>7370.08</v>
      </c>
      <c r="F1013">
        <v>11310.2</v>
      </c>
      <c r="G1013">
        <v>22507.1</v>
      </c>
      <c r="H1013">
        <v>1.87402</v>
      </c>
      <c r="I1013">
        <v>22473.7</v>
      </c>
      <c r="J1013">
        <v>85.638800000000003</v>
      </c>
    </row>
    <row r="1014" spans="1:10" x14ac:dyDescent="0.25">
      <c r="A1014">
        <v>7</v>
      </c>
      <c r="B1014">
        <v>109.628</v>
      </c>
      <c r="C1014">
        <v>114.598</v>
      </c>
      <c r="D1014">
        <v>189.37299999999999</v>
      </c>
      <c r="E1014">
        <v>7795.28</v>
      </c>
      <c r="F1014">
        <v>11310.2</v>
      </c>
      <c r="G1014">
        <v>20976.400000000001</v>
      </c>
      <c r="H1014">
        <v>1.02362</v>
      </c>
      <c r="I1014">
        <v>24951.8</v>
      </c>
      <c r="J1014">
        <v>35.681199999999997</v>
      </c>
    </row>
    <row r="1015" spans="1:10" x14ac:dyDescent="0.25">
      <c r="A1015">
        <v>7</v>
      </c>
      <c r="B1015">
        <v>109.628</v>
      </c>
      <c r="C1015">
        <v>128.73599999999999</v>
      </c>
      <c r="D1015">
        <v>179.03100000000001</v>
      </c>
      <c r="E1015">
        <v>10431.5</v>
      </c>
      <c r="F1015">
        <v>11310.2</v>
      </c>
      <c r="G1015">
        <v>22337</v>
      </c>
      <c r="H1015">
        <v>2.8425199999999999</v>
      </c>
      <c r="I1015">
        <v>25104.3</v>
      </c>
      <c r="J1015">
        <v>118.515</v>
      </c>
    </row>
    <row r="1016" spans="1:10" x14ac:dyDescent="0.25">
      <c r="A1016">
        <v>7</v>
      </c>
      <c r="B1016">
        <v>108.68300000000001</v>
      </c>
      <c r="C1016">
        <v>114.913</v>
      </c>
      <c r="D1016">
        <v>189.37299999999999</v>
      </c>
      <c r="E1016">
        <v>10431.5</v>
      </c>
      <c r="F1016">
        <v>11310.2</v>
      </c>
      <c r="G1016">
        <v>19615.7</v>
      </c>
      <c r="H1016">
        <v>2.6299199999999998</v>
      </c>
      <c r="I1016">
        <v>24459.7</v>
      </c>
      <c r="J1016">
        <v>32.8752</v>
      </c>
    </row>
    <row r="1017" spans="1:10" x14ac:dyDescent="0.25">
      <c r="A1017">
        <v>7</v>
      </c>
      <c r="B1017">
        <v>105.848</v>
      </c>
      <c r="C1017">
        <v>113.65600000000001</v>
      </c>
      <c r="D1017">
        <v>189.06</v>
      </c>
      <c r="E1017">
        <v>7370.08</v>
      </c>
      <c r="F1017">
        <v>10800</v>
      </c>
      <c r="G1017">
        <v>20976.400000000001</v>
      </c>
      <c r="H1017">
        <v>1.89764</v>
      </c>
      <c r="I1017">
        <v>21804.7</v>
      </c>
      <c r="J1017">
        <v>58.073399999999999</v>
      </c>
    </row>
    <row r="1018" spans="1:10" x14ac:dyDescent="0.25">
      <c r="A1018">
        <v>7</v>
      </c>
      <c r="B1018">
        <v>105.848</v>
      </c>
      <c r="C1018">
        <v>114.598</v>
      </c>
      <c r="D1018">
        <v>189.37299999999999</v>
      </c>
      <c r="E1018">
        <v>7710.24</v>
      </c>
      <c r="F1018">
        <v>15392.1</v>
      </c>
      <c r="G1018">
        <v>20976.400000000001</v>
      </c>
      <c r="H1018">
        <v>1.07087</v>
      </c>
      <c r="I1018">
        <v>28823.9</v>
      </c>
      <c r="J1018">
        <v>18.1525</v>
      </c>
    </row>
    <row r="1019" spans="1:10" x14ac:dyDescent="0.25">
      <c r="A1019">
        <v>7</v>
      </c>
      <c r="B1019">
        <v>105.376</v>
      </c>
      <c r="C1019">
        <v>114.598</v>
      </c>
      <c r="D1019">
        <v>184.35900000000001</v>
      </c>
      <c r="E1019">
        <v>7540.16</v>
      </c>
      <c r="F1019">
        <v>10800</v>
      </c>
      <c r="G1019">
        <v>23527.599999999999</v>
      </c>
      <c r="H1019">
        <v>2.6063000000000001</v>
      </c>
      <c r="I1019">
        <v>21368</v>
      </c>
      <c r="J1019">
        <v>82.968100000000007</v>
      </c>
    </row>
    <row r="1020" spans="1:10" x14ac:dyDescent="0.25">
      <c r="A1020">
        <v>7</v>
      </c>
      <c r="B1020">
        <v>109.155</v>
      </c>
      <c r="C1020">
        <v>124.96599999999999</v>
      </c>
      <c r="D1020">
        <v>190</v>
      </c>
      <c r="E1020">
        <v>7795.28</v>
      </c>
      <c r="F1020">
        <v>11310.2</v>
      </c>
      <c r="G1020">
        <v>19445.7</v>
      </c>
      <c r="H1020">
        <v>2.25197</v>
      </c>
      <c r="I1020">
        <v>24284.9</v>
      </c>
      <c r="J1020">
        <v>27.926500000000001</v>
      </c>
    </row>
    <row r="1021" spans="1:10" x14ac:dyDescent="0.25">
      <c r="A1021">
        <v>7</v>
      </c>
      <c r="B1021">
        <v>107.738</v>
      </c>
      <c r="C1021">
        <v>118.68300000000001</v>
      </c>
      <c r="D1021">
        <v>179.65799999999999</v>
      </c>
      <c r="E1021">
        <v>7370.08</v>
      </c>
      <c r="F1021">
        <v>10800</v>
      </c>
      <c r="G1021">
        <v>19445.7</v>
      </c>
      <c r="H1021">
        <v>3.5748000000000002</v>
      </c>
      <c r="I1021">
        <v>20597.2</v>
      </c>
      <c r="J1021">
        <v>52.583500000000001</v>
      </c>
    </row>
    <row r="1022" spans="1:10" x14ac:dyDescent="0.25">
      <c r="A1022">
        <v>7</v>
      </c>
      <c r="B1022">
        <v>108.68300000000001</v>
      </c>
      <c r="C1022">
        <v>119.625</v>
      </c>
      <c r="D1022">
        <v>188.74600000000001</v>
      </c>
      <c r="E1022">
        <v>10091.299999999999</v>
      </c>
      <c r="F1022">
        <v>15392.1</v>
      </c>
      <c r="G1022">
        <v>19955.900000000001</v>
      </c>
      <c r="H1022">
        <v>2.29921</v>
      </c>
      <c r="I1022">
        <v>30580.2</v>
      </c>
      <c r="J1022">
        <v>28.909700000000001</v>
      </c>
    </row>
    <row r="1023" spans="1:10" x14ac:dyDescent="0.25">
      <c r="A1023">
        <v>7</v>
      </c>
      <c r="B1023">
        <v>109.155</v>
      </c>
      <c r="C1023">
        <v>112.71299999999999</v>
      </c>
      <c r="D1023">
        <v>179.97200000000001</v>
      </c>
      <c r="E1023">
        <v>7795.28</v>
      </c>
      <c r="F1023">
        <v>15902.4</v>
      </c>
      <c r="G1023">
        <v>19445.7</v>
      </c>
      <c r="H1023">
        <v>3.8110200000000001</v>
      </c>
      <c r="I1023">
        <v>26789.9</v>
      </c>
      <c r="J1023">
        <v>34.060699999999997</v>
      </c>
    </row>
    <row r="1024" spans="1:10" x14ac:dyDescent="0.25">
      <c r="A1024">
        <v>7</v>
      </c>
      <c r="B1024">
        <v>109.155</v>
      </c>
      <c r="C1024">
        <v>118.054</v>
      </c>
      <c r="D1024">
        <v>177.465</v>
      </c>
      <c r="E1024">
        <v>7795.28</v>
      </c>
      <c r="F1024">
        <v>10800</v>
      </c>
      <c r="G1024">
        <v>21146.5</v>
      </c>
      <c r="H1024">
        <v>1.92126</v>
      </c>
      <c r="I1024">
        <v>22292.5</v>
      </c>
      <c r="J1024">
        <v>42.235799999999998</v>
      </c>
    </row>
    <row r="1025" spans="1:10" x14ac:dyDescent="0.25">
      <c r="A1025">
        <v>7</v>
      </c>
      <c r="B1025">
        <v>108.446</v>
      </c>
      <c r="C1025">
        <v>119.93899999999999</v>
      </c>
      <c r="D1025">
        <v>179.65799999999999</v>
      </c>
      <c r="E1025">
        <v>7455.12</v>
      </c>
      <c r="F1025">
        <v>10800</v>
      </c>
      <c r="G1025">
        <v>19785.8</v>
      </c>
      <c r="H1025">
        <v>3.5748000000000002</v>
      </c>
      <c r="I1025">
        <v>20619.7</v>
      </c>
      <c r="J1025">
        <v>49.862699999999997</v>
      </c>
    </row>
    <row r="1026" spans="1:10" x14ac:dyDescent="0.25">
      <c r="A1026">
        <v>7</v>
      </c>
      <c r="B1026">
        <v>108.68300000000001</v>
      </c>
      <c r="C1026">
        <v>124.652</v>
      </c>
      <c r="D1026">
        <v>184.35900000000001</v>
      </c>
      <c r="E1026">
        <v>10516.5</v>
      </c>
      <c r="F1026">
        <v>19984.3</v>
      </c>
      <c r="G1026">
        <v>19785.8</v>
      </c>
      <c r="H1026">
        <v>2.25197</v>
      </c>
      <c r="I1026">
        <v>35648.400000000001</v>
      </c>
      <c r="J1026">
        <v>20.0974</v>
      </c>
    </row>
    <row r="1027" spans="1:10" x14ac:dyDescent="0.25">
      <c r="A1027">
        <v>7</v>
      </c>
      <c r="B1027">
        <v>94.981899999999996</v>
      </c>
      <c r="C1027">
        <v>113.02800000000001</v>
      </c>
      <c r="D1027">
        <v>179.345</v>
      </c>
      <c r="E1027">
        <v>7370.08</v>
      </c>
      <c r="F1027">
        <v>11055.1</v>
      </c>
      <c r="G1027">
        <v>25398.400000000001</v>
      </c>
      <c r="H1027">
        <v>3.3385799999999999</v>
      </c>
      <c r="I1027">
        <v>21370.1</v>
      </c>
      <c r="J1027">
        <v>106.227</v>
      </c>
    </row>
    <row r="1028" spans="1:10" x14ac:dyDescent="0.25">
      <c r="A1028">
        <v>7</v>
      </c>
      <c r="B1028">
        <v>109.628</v>
      </c>
      <c r="C1028">
        <v>119.93899999999999</v>
      </c>
      <c r="D1028">
        <v>177.15100000000001</v>
      </c>
      <c r="E1028">
        <v>7795.28</v>
      </c>
      <c r="F1028">
        <v>11310.2</v>
      </c>
      <c r="G1028">
        <v>21316.5</v>
      </c>
      <c r="H1028">
        <v>1.92126</v>
      </c>
      <c r="I1028">
        <v>22595.3</v>
      </c>
      <c r="J1028">
        <v>26.522200000000002</v>
      </c>
    </row>
    <row r="1029" spans="1:10" x14ac:dyDescent="0.25">
      <c r="A1029">
        <v>7</v>
      </c>
      <c r="B1029">
        <v>108.68300000000001</v>
      </c>
      <c r="C1029">
        <v>123.395</v>
      </c>
      <c r="D1029">
        <v>189.06</v>
      </c>
      <c r="E1029">
        <v>7370.08</v>
      </c>
      <c r="F1029">
        <v>10800</v>
      </c>
      <c r="G1029">
        <v>21316.5</v>
      </c>
      <c r="H1029">
        <v>3.8110200000000001</v>
      </c>
      <c r="I1029">
        <v>20435.900000000001</v>
      </c>
      <c r="J1029">
        <v>92.523799999999994</v>
      </c>
    </row>
    <row r="1030" spans="1:10" x14ac:dyDescent="0.25">
      <c r="A1030">
        <v>7</v>
      </c>
      <c r="B1030">
        <v>109.864</v>
      </c>
      <c r="C1030">
        <v>113.342</v>
      </c>
      <c r="D1030">
        <v>179.65799999999999</v>
      </c>
      <c r="E1030">
        <v>7370.08</v>
      </c>
      <c r="F1030">
        <v>10800</v>
      </c>
      <c r="G1030">
        <v>19955.900000000001</v>
      </c>
      <c r="H1030">
        <v>3.5039400000000001</v>
      </c>
      <c r="I1030">
        <v>20829.599999999999</v>
      </c>
      <c r="J1030">
        <v>72.347800000000007</v>
      </c>
    </row>
    <row r="1031" spans="1:10" x14ac:dyDescent="0.25">
      <c r="A1031">
        <v>7</v>
      </c>
      <c r="B1031">
        <v>94.509399999999999</v>
      </c>
      <c r="C1031">
        <v>123.709</v>
      </c>
      <c r="D1031">
        <v>176.524</v>
      </c>
      <c r="E1031">
        <v>10091.299999999999</v>
      </c>
      <c r="F1031">
        <v>10800</v>
      </c>
      <c r="G1031">
        <v>20976.400000000001</v>
      </c>
      <c r="H1031">
        <v>1.92126</v>
      </c>
      <c r="I1031">
        <v>24431.5</v>
      </c>
      <c r="J1031">
        <v>85.748699999999999</v>
      </c>
    </row>
    <row r="1032" spans="1:10" x14ac:dyDescent="0.25">
      <c r="A1032">
        <v>7</v>
      </c>
      <c r="B1032">
        <v>108.68300000000001</v>
      </c>
      <c r="C1032">
        <v>113.02800000000001</v>
      </c>
      <c r="D1032">
        <v>184.672</v>
      </c>
      <c r="E1032">
        <v>10431.5</v>
      </c>
      <c r="F1032">
        <v>10800</v>
      </c>
      <c r="G1032">
        <v>20636.2</v>
      </c>
      <c r="H1032">
        <v>2.29921</v>
      </c>
      <c r="I1032">
        <v>24313.7</v>
      </c>
      <c r="J1032">
        <v>38.608899999999998</v>
      </c>
    </row>
    <row r="1033" spans="1:10" x14ac:dyDescent="0.25">
      <c r="A1033">
        <v>7</v>
      </c>
      <c r="B1033">
        <v>105.848</v>
      </c>
      <c r="C1033">
        <v>124.96599999999999</v>
      </c>
      <c r="D1033">
        <v>179.97200000000001</v>
      </c>
      <c r="E1033">
        <v>7200</v>
      </c>
      <c r="F1033">
        <v>11820.5</v>
      </c>
      <c r="G1033">
        <v>18595.3</v>
      </c>
      <c r="H1033">
        <v>2.6299199999999998</v>
      </c>
      <c r="I1033">
        <v>22870.799999999999</v>
      </c>
      <c r="J1033">
        <v>90.381500000000003</v>
      </c>
    </row>
    <row r="1034" spans="1:10" x14ac:dyDescent="0.25">
      <c r="A1034">
        <v>7</v>
      </c>
      <c r="B1034">
        <v>107.738</v>
      </c>
      <c r="C1034">
        <v>124.96599999999999</v>
      </c>
      <c r="D1034">
        <v>189.06</v>
      </c>
      <c r="E1034">
        <v>7370.08</v>
      </c>
      <c r="F1034">
        <v>10800</v>
      </c>
      <c r="G1034">
        <v>21316.5</v>
      </c>
      <c r="H1034">
        <v>3.2913399999999999</v>
      </c>
      <c r="I1034">
        <v>20973.200000000001</v>
      </c>
      <c r="J1034">
        <v>111.455</v>
      </c>
    </row>
    <row r="1035" spans="1:10" x14ac:dyDescent="0.25">
      <c r="A1035">
        <v>7</v>
      </c>
      <c r="B1035">
        <v>109.628</v>
      </c>
      <c r="C1035">
        <v>113.02800000000001</v>
      </c>
      <c r="D1035">
        <v>190</v>
      </c>
      <c r="E1035">
        <v>10176.4</v>
      </c>
      <c r="F1035">
        <v>11820.5</v>
      </c>
      <c r="G1035">
        <v>21316.5</v>
      </c>
      <c r="H1035">
        <v>3.4330699999999998</v>
      </c>
      <c r="I1035">
        <v>24377.3</v>
      </c>
      <c r="J1035">
        <v>37.605800000000002</v>
      </c>
    </row>
    <row r="1036" spans="1:10" x14ac:dyDescent="0.25">
      <c r="A1036">
        <v>7</v>
      </c>
      <c r="B1036">
        <v>91.674800000000005</v>
      </c>
      <c r="C1036">
        <v>118.369</v>
      </c>
      <c r="D1036">
        <v>174.64400000000001</v>
      </c>
      <c r="E1036">
        <v>7370.08</v>
      </c>
      <c r="F1036">
        <v>10800</v>
      </c>
      <c r="G1036">
        <v>21316.5</v>
      </c>
      <c r="H1036">
        <v>3.4094500000000001</v>
      </c>
      <c r="I1036">
        <v>21211.5</v>
      </c>
      <c r="J1036">
        <v>91.923699999999997</v>
      </c>
    </row>
    <row r="1037" spans="1:10" x14ac:dyDescent="0.25">
      <c r="A1037">
        <v>7</v>
      </c>
      <c r="B1037">
        <v>94.037000000000006</v>
      </c>
      <c r="C1037">
        <v>124.96599999999999</v>
      </c>
      <c r="D1037">
        <v>169.31700000000001</v>
      </c>
      <c r="E1037">
        <v>10516.5</v>
      </c>
      <c r="F1037">
        <v>11310.2</v>
      </c>
      <c r="G1037">
        <v>19445.7</v>
      </c>
      <c r="H1037">
        <v>3.7637800000000001</v>
      </c>
      <c r="I1037">
        <v>24559.1</v>
      </c>
      <c r="J1037">
        <v>110.078</v>
      </c>
    </row>
    <row r="1038" spans="1:10" x14ac:dyDescent="0.25">
      <c r="A1038">
        <v>7</v>
      </c>
      <c r="B1038">
        <v>108.68300000000001</v>
      </c>
      <c r="C1038">
        <v>118.369</v>
      </c>
      <c r="D1038">
        <v>190</v>
      </c>
      <c r="E1038">
        <v>7710.24</v>
      </c>
      <c r="F1038">
        <v>11310.2</v>
      </c>
      <c r="G1038">
        <v>18085</v>
      </c>
      <c r="H1038">
        <v>3.7401599999999999</v>
      </c>
      <c r="I1038">
        <v>21183.7</v>
      </c>
      <c r="J1038">
        <v>38.680799999999998</v>
      </c>
    </row>
    <row r="1039" spans="1:10" x14ac:dyDescent="0.25">
      <c r="A1039">
        <v>7</v>
      </c>
      <c r="B1039">
        <v>93.564599999999999</v>
      </c>
      <c r="C1039">
        <v>114.28400000000001</v>
      </c>
      <c r="D1039">
        <v>190</v>
      </c>
      <c r="E1039">
        <v>7710.24</v>
      </c>
      <c r="F1039">
        <v>10800</v>
      </c>
      <c r="G1039">
        <v>18425.2</v>
      </c>
      <c r="H1039">
        <v>2.9133900000000001</v>
      </c>
      <c r="I1039">
        <v>21276.5</v>
      </c>
      <c r="J1039">
        <v>88.533000000000001</v>
      </c>
    </row>
    <row r="1040" spans="1:10" x14ac:dyDescent="0.25">
      <c r="A1040">
        <v>7</v>
      </c>
      <c r="B1040">
        <v>107.502</v>
      </c>
      <c r="C1040">
        <v>119.93899999999999</v>
      </c>
      <c r="D1040">
        <v>159.602</v>
      </c>
      <c r="E1040">
        <v>7540.16</v>
      </c>
      <c r="F1040">
        <v>10800</v>
      </c>
      <c r="G1040">
        <v>24718.1</v>
      </c>
      <c r="H1040">
        <v>2.0629900000000001</v>
      </c>
      <c r="I1040">
        <v>37836.400000000001</v>
      </c>
      <c r="J1040">
        <v>70.900899999999993</v>
      </c>
    </row>
    <row r="1041" spans="1:10" x14ac:dyDescent="0.25">
      <c r="A1041">
        <v>7</v>
      </c>
      <c r="B1041">
        <v>109.628</v>
      </c>
      <c r="C1041">
        <v>119.625</v>
      </c>
      <c r="D1041">
        <v>187.49299999999999</v>
      </c>
      <c r="E1041">
        <v>7710.24</v>
      </c>
      <c r="F1041">
        <v>11820.5</v>
      </c>
      <c r="G1041">
        <v>19955.900000000001</v>
      </c>
      <c r="H1041">
        <v>2.2283499999999998</v>
      </c>
      <c r="I1041">
        <v>22694</v>
      </c>
      <c r="J1041">
        <v>62.265500000000003</v>
      </c>
    </row>
    <row r="1042" spans="1:10" x14ac:dyDescent="0.25">
      <c r="A1042">
        <v>7</v>
      </c>
      <c r="B1042">
        <v>109.39100000000001</v>
      </c>
      <c r="C1042">
        <v>124.652</v>
      </c>
      <c r="D1042">
        <v>189.06</v>
      </c>
      <c r="E1042">
        <v>10176.4</v>
      </c>
      <c r="F1042">
        <v>11310.2</v>
      </c>
      <c r="G1042">
        <v>19785.8</v>
      </c>
      <c r="H1042">
        <v>2.1574800000000001</v>
      </c>
      <c r="I1042">
        <v>25192.400000000001</v>
      </c>
      <c r="J1042">
        <v>99.035899999999998</v>
      </c>
    </row>
    <row r="1043" spans="1:10" x14ac:dyDescent="0.25">
      <c r="A1043">
        <v>7</v>
      </c>
      <c r="B1043">
        <v>109.155</v>
      </c>
      <c r="C1043">
        <v>124.96599999999999</v>
      </c>
      <c r="D1043">
        <v>181.53899999999999</v>
      </c>
      <c r="E1043">
        <v>7625.2</v>
      </c>
      <c r="F1043">
        <v>10800</v>
      </c>
      <c r="G1043">
        <v>27609.4</v>
      </c>
      <c r="H1043">
        <v>2.2283499999999998</v>
      </c>
      <c r="I1043">
        <v>22346.2</v>
      </c>
      <c r="J1043">
        <v>90.695899999999995</v>
      </c>
    </row>
    <row r="1044" spans="1:10" x14ac:dyDescent="0.25">
      <c r="A1044">
        <v>7</v>
      </c>
      <c r="B1044">
        <v>94.273200000000003</v>
      </c>
      <c r="C1044">
        <v>124.96599999999999</v>
      </c>
      <c r="D1044">
        <v>190</v>
      </c>
      <c r="E1044">
        <v>7370.08</v>
      </c>
      <c r="F1044">
        <v>11820.5</v>
      </c>
      <c r="G1044">
        <v>19955.900000000001</v>
      </c>
      <c r="H1044">
        <v>1.51969</v>
      </c>
      <c r="I1044">
        <v>24321.3</v>
      </c>
      <c r="J1044">
        <v>107.565</v>
      </c>
    </row>
    <row r="1045" spans="1:10" x14ac:dyDescent="0.25">
      <c r="A1045">
        <v>7</v>
      </c>
      <c r="B1045">
        <v>106.79300000000001</v>
      </c>
      <c r="C1045">
        <v>114.28400000000001</v>
      </c>
      <c r="D1045">
        <v>187.49299999999999</v>
      </c>
      <c r="E1045">
        <v>7795.28</v>
      </c>
      <c r="F1045">
        <v>11310.2</v>
      </c>
      <c r="G1045">
        <v>19105.5</v>
      </c>
      <c r="H1045">
        <v>2.9133900000000001</v>
      </c>
      <c r="I1045">
        <v>21767.9</v>
      </c>
      <c r="J1045">
        <v>57.046300000000002</v>
      </c>
    </row>
    <row r="1046" spans="1:10" x14ac:dyDescent="0.25">
      <c r="A1046">
        <v>7</v>
      </c>
      <c r="B1046">
        <v>90.966099999999997</v>
      </c>
      <c r="C1046">
        <v>124.652</v>
      </c>
      <c r="D1046">
        <v>179.97200000000001</v>
      </c>
      <c r="E1046">
        <v>7710.24</v>
      </c>
      <c r="F1046">
        <v>10800</v>
      </c>
      <c r="G1046">
        <v>22677.200000000001</v>
      </c>
      <c r="H1046">
        <v>3.6220500000000002</v>
      </c>
      <c r="I1046">
        <v>20941.599999999999</v>
      </c>
      <c r="J1046">
        <v>106.099</v>
      </c>
    </row>
    <row r="1047" spans="1:10" x14ac:dyDescent="0.25">
      <c r="A1047">
        <v>7</v>
      </c>
      <c r="B1047">
        <v>94.273200000000003</v>
      </c>
      <c r="C1047">
        <v>123.395</v>
      </c>
      <c r="D1047">
        <v>184.672</v>
      </c>
      <c r="E1047">
        <v>7370.08</v>
      </c>
      <c r="F1047">
        <v>10800</v>
      </c>
      <c r="G1047">
        <v>22677.200000000001</v>
      </c>
      <c r="H1047">
        <v>1.89764</v>
      </c>
      <c r="I1047">
        <v>21792.9</v>
      </c>
      <c r="J1047">
        <v>31.204499999999999</v>
      </c>
    </row>
    <row r="1048" spans="1:10" x14ac:dyDescent="0.25">
      <c r="A1048">
        <v>7</v>
      </c>
      <c r="B1048">
        <v>104.90300000000001</v>
      </c>
      <c r="C1048">
        <v>114.913</v>
      </c>
      <c r="D1048">
        <v>179.345</v>
      </c>
      <c r="E1048">
        <v>7540.16</v>
      </c>
      <c r="F1048">
        <v>14881.9</v>
      </c>
      <c r="G1048">
        <v>19615.7</v>
      </c>
      <c r="H1048">
        <v>2.7244100000000002</v>
      </c>
      <c r="I1048">
        <v>25136.9</v>
      </c>
      <c r="J1048">
        <v>35.105499999999999</v>
      </c>
    </row>
    <row r="1049" spans="1:10" x14ac:dyDescent="0.25">
      <c r="A1049">
        <v>7</v>
      </c>
      <c r="B1049">
        <v>108.68300000000001</v>
      </c>
      <c r="C1049">
        <v>113.97</v>
      </c>
      <c r="D1049">
        <v>184.672</v>
      </c>
      <c r="E1049">
        <v>10176.4</v>
      </c>
      <c r="F1049">
        <v>11820.5</v>
      </c>
      <c r="G1049">
        <v>19445.7</v>
      </c>
      <c r="H1049">
        <v>2.25197</v>
      </c>
      <c r="I1049">
        <v>25137</v>
      </c>
      <c r="J1049">
        <v>33.174199999999999</v>
      </c>
    </row>
    <row r="1050" spans="1:10" x14ac:dyDescent="0.25">
      <c r="A1050">
        <v>7</v>
      </c>
      <c r="B1050">
        <v>108.68300000000001</v>
      </c>
      <c r="C1050">
        <v>128.73599999999999</v>
      </c>
      <c r="D1050">
        <v>179.97200000000001</v>
      </c>
      <c r="E1050">
        <v>7795.28</v>
      </c>
      <c r="F1050">
        <v>15392.1</v>
      </c>
      <c r="G1050">
        <v>22166.9</v>
      </c>
      <c r="H1050">
        <v>2.29921</v>
      </c>
      <c r="I1050">
        <v>27109.8</v>
      </c>
      <c r="J1050">
        <v>111.131</v>
      </c>
    </row>
    <row r="1051" spans="1:10" x14ac:dyDescent="0.25">
      <c r="A1051">
        <v>7</v>
      </c>
      <c r="B1051">
        <v>108.21</v>
      </c>
      <c r="C1051">
        <v>123.081</v>
      </c>
      <c r="D1051">
        <v>179.97200000000001</v>
      </c>
      <c r="E1051">
        <v>9921.26</v>
      </c>
      <c r="F1051">
        <v>12330.7</v>
      </c>
      <c r="G1051">
        <v>18255.099999999999</v>
      </c>
      <c r="H1051">
        <v>2.8661400000000001</v>
      </c>
      <c r="I1051">
        <v>25683.1</v>
      </c>
      <c r="J1051">
        <v>90.228399999999993</v>
      </c>
    </row>
    <row r="1052" spans="1:10" x14ac:dyDescent="0.25">
      <c r="A1052">
        <v>7</v>
      </c>
      <c r="B1052">
        <v>104.90300000000001</v>
      </c>
      <c r="C1052">
        <v>124.652</v>
      </c>
      <c r="D1052">
        <v>190</v>
      </c>
      <c r="E1052">
        <v>10431.5</v>
      </c>
      <c r="F1052">
        <v>10800</v>
      </c>
      <c r="G1052">
        <v>19955.900000000001</v>
      </c>
      <c r="H1052">
        <v>3.7401599999999999</v>
      </c>
      <c r="I1052">
        <v>23700.799999999999</v>
      </c>
      <c r="J1052">
        <v>109.101</v>
      </c>
    </row>
    <row r="1053" spans="1:10" x14ac:dyDescent="0.25">
      <c r="A1053">
        <v>7</v>
      </c>
      <c r="B1053">
        <v>108.68300000000001</v>
      </c>
      <c r="C1053">
        <v>113.65600000000001</v>
      </c>
      <c r="D1053">
        <v>179.97200000000001</v>
      </c>
      <c r="E1053">
        <v>8900.7900000000009</v>
      </c>
      <c r="F1053">
        <v>11310.2</v>
      </c>
      <c r="G1053">
        <v>21146.5</v>
      </c>
      <c r="H1053">
        <v>2.0393699999999999</v>
      </c>
      <c r="I1053">
        <v>23712.7</v>
      </c>
      <c r="J1053">
        <v>45.203600000000002</v>
      </c>
    </row>
    <row r="1054" spans="1:10" x14ac:dyDescent="0.25">
      <c r="A1054">
        <v>7</v>
      </c>
      <c r="B1054">
        <v>107.738</v>
      </c>
      <c r="C1054">
        <v>124.96599999999999</v>
      </c>
      <c r="D1054">
        <v>179.65799999999999</v>
      </c>
      <c r="E1054">
        <v>7455.12</v>
      </c>
      <c r="F1054">
        <v>10800</v>
      </c>
      <c r="G1054">
        <v>18595.3</v>
      </c>
      <c r="H1054">
        <v>3.6220500000000002</v>
      </c>
      <c r="I1054">
        <v>21225.9</v>
      </c>
      <c r="J1054">
        <v>111.398</v>
      </c>
    </row>
    <row r="1055" spans="1:10" x14ac:dyDescent="0.25">
      <c r="A1055">
        <v>7</v>
      </c>
      <c r="B1055">
        <v>109.628</v>
      </c>
      <c r="C1055">
        <v>123.395</v>
      </c>
      <c r="D1055">
        <v>189.06</v>
      </c>
      <c r="E1055">
        <v>10091.299999999999</v>
      </c>
      <c r="F1055">
        <v>10800</v>
      </c>
      <c r="G1055">
        <v>22337</v>
      </c>
      <c r="H1055">
        <v>3.4330699999999998</v>
      </c>
      <c r="I1055">
        <v>23930.6</v>
      </c>
      <c r="J1055">
        <v>24.2546</v>
      </c>
    </row>
    <row r="1056" spans="1:10" x14ac:dyDescent="0.25">
      <c r="A1056">
        <v>7</v>
      </c>
      <c r="B1056">
        <v>109.864</v>
      </c>
      <c r="C1056">
        <v>113.342</v>
      </c>
      <c r="D1056">
        <v>189.68700000000001</v>
      </c>
      <c r="E1056">
        <v>7370.08</v>
      </c>
      <c r="F1056">
        <v>10800</v>
      </c>
      <c r="G1056">
        <v>19955.900000000001</v>
      </c>
      <c r="H1056">
        <v>3.2677200000000002</v>
      </c>
      <c r="I1056">
        <v>20638.3</v>
      </c>
      <c r="J1056">
        <v>63.4497</v>
      </c>
    </row>
    <row r="1057" spans="1:10" x14ac:dyDescent="0.25">
      <c r="A1057">
        <v>7</v>
      </c>
      <c r="B1057">
        <v>90.729900000000001</v>
      </c>
      <c r="C1057">
        <v>114.913</v>
      </c>
      <c r="D1057">
        <v>176.524</v>
      </c>
      <c r="E1057">
        <v>7370.08</v>
      </c>
      <c r="F1057">
        <v>15392.1</v>
      </c>
      <c r="G1057">
        <v>20976.400000000001</v>
      </c>
      <c r="H1057">
        <v>1</v>
      </c>
      <c r="I1057">
        <v>28744</v>
      </c>
      <c r="J1057">
        <v>22.538799999999998</v>
      </c>
    </row>
    <row r="1058" spans="1:10" x14ac:dyDescent="0.25">
      <c r="A1058">
        <v>7</v>
      </c>
      <c r="B1058">
        <v>105.848</v>
      </c>
      <c r="C1058">
        <v>124.652</v>
      </c>
      <c r="D1058">
        <v>184.04599999999999</v>
      </c>
      <c r="E1058">
        <v>10261.4</v>
      </c>
      <c r="F1058">
        <v>10800</v>
      </c>
      <c r="G1058">
        <v>23017.3</v>
      </c>
      <c r="H1058">
        <v>1.4960599999999999</v>
      </c>
      <c r="I1058">
        <v>26392.799999999999</v>
      </c>
      <c r="J1058">
        <v>89.770200000000003</v>
      </c>
    </row>
    <row r="1059" spans="1:10" x14ac:dyDescent="0.25">
      <c r="A1059">
        <v>7</v>
      </c>
      <c r="B1059">
        <v>103.958</v>
      </c>
      <c r="C1059">
        <v>114.913</v>
      </c>
      <c r="D1059">
        <v>189.37299999999999</v>
      </c>
      <c r="E1059">
        <v>7540.16</v>
      </c>
      <c r="F1059">
        <v>15392.1</v>
      </c>
      <c r="G1059">
        <v>22337</v>
      </c>
      <c r="H1059">
        <v>1.2125999999999999</v>
      </c>
      <c r="I1059">
        <v>28101.599999999999</v>
      </c>
      <c r="J1059">
        <v>29.093299999999999</v>
      </c>
    </row>
    <row r="1060" spans="1:10" x14ac:dyDescent="0.25">
      <c r="A1060">
        <v>7</v>
      </c>
      <c r="B1060">
        <v>108.68300000000001</v>
      </c>
      <c r="C1060">
        <v>117.74</v>
      </c>
      <c r="D1060">
        <v>179.345</v>
      </c>
      <c r="E1060">
        <v>10516.5</v>
      </c>
      <c r="F1060">
        <v>11820.5</v>
      </c>
      <c r="G1060">
        <v>19275.599999999999</v>
      </c>
      <c r="H1060">
        <v>2.25197</v>
      </c>
      <c r="I1060">
        <v>26132.6</v>
      </c>
      <c r="J1060">
        <v>42.889499999999998</v>
      </c>
    </row>
    <row r="1061" spans="1:10" x14ac:dyDescent="0.25">
      <c r="A1061">
        <v>7</v>
      </c>
      <c r="B1061">
        <v>108.68300000000001</v>
      </c>
      <c r="C1061">
        <v>119.93899999999999</v>
      </c>
      <c r="D1061">
        <v>179.345</v>
      </c>
      <c r="E1061">
        <v>7455.12</v>
      </c>
      <c r="F1061">
        <v>11310.2</v>
      </c>
      <c r="G1061">
        <v>20976.400000000001</v>
      </c>
      <c r="H1061">
        <v>1.87402</v>
      </c>
      <c r="I1061">
        <v>22429.3</v>
      </c>
      <c r="J1061">
        <v>62.813699999999997</v>
      </c>
    </row>
    <row r="1062" spans="1:10" x14ac:dyDescent="0.25">
      <c r="A1062">
        <v>7</v>
      </c>
      <c r="B1062">
        <v>108.446</v>
      </c>
      <c r="C1062">
        <v>114.598</v>
      </c>
      <c r="D1062">
        <v>184.672</v>
      </c>
      <c r="E1062">
        <v>10261.4</v>
      </c>
      <c r="F1062">
        <v>12330.7</v>
      </c>
      <c r="G1062">
        <v>8560.6299999999992</v>
      </c>
      <c r="H1062">
        <v>2.25197</v>
      </c>
      <c r="I1062">
        <v>25738.2</v>
      </c>
      <c r="J1062">
        <v>36.577399999999997</v>
      </c>
    </row>
    <row r="1063" spans="1:10" x14ac:dyDescent="0.25">
      <c r="A1063">
        <v>7</v>
      </c>
      <c r="B1063">
        <v>108.68300000000001</v>
      </c>
      <c r="C1063">
        <v>113.02800000000001</v>
      </c>
      <c r="D1063">
        <v>179.345</v>
      </c>
      <c r="E1063">
        <v>7795.28</v>
      </c>
      <c r="F1063">
        <v>10800</v>
      </c>
      <c r="G1063">
        <v>20126</v>
      </c>
      <c r="H1063">
        <v>3.9763799999999998</v>
      </c>
      <c r="I1063">
        <v>21107.5</v>
      </c>
      <c r="J1063">
        <v>83.545599999999993</v>
      </c>
    </row>
    <row r="1064" spans="1:10" x14ac:dyDescent="0.25">
      <c r="A1064">
        <v>7</v>
      </c>
      <c r="B1064">
        <v>104.431</v>
      </c>
      <c r="C1064">
        <v>124.96599999999999</v>
      </c>
      <c r="D1064">
        <v>178.71799999999999</v>
      </c>
      <c r="E1064">
        <v>7795.28</v>
      </c>
      <c r="F1064">
        <v>10800</v>
      </c>
      <c r="G1064">
        <v>19615.7</v>
      </c>
      <c r="H1064">
        <v>3.3858299999999999</v>
      </c>
      <c r="I1064">
        <v>21613.4</v>
      </c>
      <c r="J1064">
        <v>98.307500000000005</v>
      </c>
    </row>
    <row r="1065" spans="1:10" x14ac:dyDescent="0.25">
      <c r="A1065">
        <v>7</v>
      </c>
      <c r="B1065">
        <v>108.446</v>
      </c>
      <c r="C1065">
        <v>113.65600000000001</v>
      </c>
      <c r="D1065">
        <v>184.672</v>
      </c>
      <c r="E1065">
        <v>10431.5</v>
      </c>
      <c r="F1065">
        <v>10800</v>
      </c>
      <c r="G1065">
        <v>26078.7</v>
      </c>
      <c r="H1065">
        <v>1.09449</v>
      </c>
      <c r="I1065">
        <v>26792.7</v>
      </c>
      <c r="J1065">
        <v>29.794</v>
      </c>
    </row>
    <row r="1066" spans="1:10" x14ac:dyDescent="0.25">
      <c r="A1066">
        <v>7</v>
      </c>
      <c r="B1066">
        <v>109.39100000000001</v>
      </c>
      <c r="C1066">
        <v>113.342</v>
      </c>
      <c r="D1066">
        <v>189.68700000000001</v>
      </c>
      <c r="E1066">
        <v>10176.4</v>
      </c>
      <c r="F1066">
        <v>11820.5</v>
      </c>
      <c r="G1066">
        <v>19785.8</v>
      </c>
      <c r="H1066">
        <v>2.20472</v>
      </c>
      <c r="I1066">
        <v>25206.400000000001</v>
      </c>
      <c r="J1066">
        <v>29.2393</v>
      </c>
    </row>
    <row r="1067" spans="1:10" x14ac:dyDescent="0.25">
      <c r="A1067">
        <v>7</v>
      </c>
      <c r="B1067">
        <v>109.628</v>
      </c>
      <c r="C1067">
        <v>124.652</v>
      </c>
      <c r="D1067">
        <v>183.10599999999999</v>
      </c>
      <c r="E1067">
        <v>10091.299999999999</v>
      </c>
      <c r="F1067">
        <v>11310.2</v>
      </c>
      <c r="G1067">
        <v>19955.900000000001</v>
      </c>
      <c r="H1067">
        <v>1.92126</v>
      </c>
      <c r="I1067">
        <v>25983.9</v>
      </c>
      <c r="J1067">
        <v>96.235699999999994</v>
      </c>
    </row>
    <row r="1068" spans="1:10" x14ac:dyDescent="0.25">
      <c r="A1068">
        <v>7</v>
      </c>
      <c r="B1068">
        <v>108.446</v>
      </c>
      <c r="C1068">
        <v>124.652</v>
      </c>
      <c r="D1068">
        <v>184.98599999999999</v>
      </c>
      <c r="E1068">
        <v>10091.299999999999</v>
      </c>
      <c r="F1068">
        <v>11310.2</v>
      </c>
      <c r="G1068">
        <v>19955.900000000001</v>
      </c>
      <c r="H1068">
        <v>1.89764</v>
      </c>
      <c r="I1068">
        <v>26200.6</v>
      </c>
      <c r="J1068">
        <v>38.611199999999997</v>
      </c>
    </row>
    <row r="1069" spans="1:10" x14ac:dyDescent="0.25">
      <c r="A1069">
        <v>7</v>
      </c>
      <c r="B1069">
        <v>94.273200000000003</v>
      </c>
      <c r="C1069">
        <v>124.96599999999999</v>
      </c>
      <c r="D1069">
        <v>189.06</v>
      </c>
      <c r="E1069">
        <v>7795.28</v>
      </c>
      <c r="F1069">
        <v>10800</v>
      </c>
      <c r="G1069">
        <v>22166.9</v>
      </c>
      <c r="H1069">
        <v>1.85039</v>
      </c>
      <c r="I1069">
        <v>22429.5</v>
      </c>
      <c r="J1069">
        <v>105.574</v>
      </c>
    </row>
    <row r="1070" spans="1:10" x14ac:dyDescent="0.25">
      <c r="A1070">
        <v>7</v>
      </c>
      <c r="B1070">
        <v>108.68300000000001</v>
      </c>
      <c r="C1070">
        <v>124.652</v>
      </c>
      <c r="D1070">
        <v>169.31700000000001</v>
      </c>
      <c r="E1070">
        <v>7795.28</v>
      </c>
      <c r="F1070">
        <v>11310.2</v>
      </c>
      <c r="G1070">
        <v>22166.9</v>
      </c>
      <c r="H1070">
        <v>2.25197</v>
      </c>
      <c r="I1070">
        <v>25526.3</v>
      </c>
      <c r="J1070">
        <v>26.016500000000001</v>
      </c>
    </row>
    <row r="1071" spans="1:10" x14ac:dyDescent="0.25">
      <c r="A1071">
        <v>7</v>
      </c>
      <c r="B1071">
        <v>108.919</v>
      </c>
      <c r="C1071">
        <v>114.598</v>
      </c>
      <c r="D1071">
        <v>189.68700000000001</v>
      </c>
      <c r="E1071">
        <v>7795.28</v>
      </c>
      <c r="F1071">
        <v>10800</v>
      </c>
      <c r="G1071">
        <v>21146.5</v>
      </c>
      <c r="H1071">
        <v>2.25197</v>
      </c>
      <c r="I1071">
        <v>21749.200000000001</v>
      </c>
      <c r="J1071">
        <v>46.961500000000001</v>
      </c>
    </row>
    <row r="1072" spans="1:10" x14ac:dyDescent="0.25">
      <c r="A1072">
        <v>7</v>
      </c>
      <c r="B1072">
        <v>108.446</v>
      </c>
      <c r="C1072">
        <v>114.598</v>
      </c>
      <c r="D1072">
        <v>189.68700000000001</v>
      </c>
      <c r="E1072">
        <v>7710.24</v>
      </c>
      <c r="F1072">
        <v>11820.5</v>
      </c>
      <c r="G1072">
        <v>22677.200000000001</v>
      </c>
      <c r="H1072">
        <v>2.25197</v>
      </c>
      <c r="I1072">
        <v>22627.5</v>
      </c>
      <c r="J1072">
        <v>49.3127</v>
      </c>
    </row>
    <row r="1073" spans="1:10" x14ac:dyDescent="0.25">
      <c r="A1073">
        <v>7</v>
      </c>
      <c r="B1073">
        <v>108.919</v>
      </c>
      <c r="C1073">
        <v>113.342</v>
      </c>
      <c r="D1073">
        <v>189.68700000000001</v>
      </c>
      <c r="E1073">
        <v>7455.12</v>
      </c>
      <c r="F1073">
        <v>10800</v>
      </c>
      <c r="G1073">
        <v>19785.8</v>
      </c>
      <c r="H1073">
        <v>3.64567</v>
      </c>
      <c r="I1073">
        <v>20561.3</v>
      </c>
      <c r="J1073">
        <v>71.873199999999997</v>
      </c>
    </row>
    <row r="1074" spans="1:10" x14ac:dyDescent="0.25">
      <c r="A1074">
        <v>7</v>
      </c>
      <c r="B1074">
        <v>103.958</v>
      </c>
      <c r="C1074">
        <v>113.342</v>
      </c>
      <c r="D1074">
        <v>189.68700000000001</v>
      </c>
      <c r="E1074">
        <v>7370.08</v>
      </c>
      <c r="F1074">
        <v>10800</v>
      </c>
      <c r="G1074">
        <v>22677.200000000001</v>
      </c>
      <c r="H1074">
        <v>3.5275599999999998</v>
      </c>
      <c r="I1074">
        <v>20626.2</v>
      </c>
      <c r="J1074">
        <v>87.657399999999996</v>
      </c>
    </row>
    <row r="1075" spans="1:10" x14ac:dyDescent="0.25">
      <c r="A1075">
        <v>7</v>
      </c>
      <c r="B1075">
        <v>109.39100000000001</v>
      </c>
      <c r="C1075">
        <v>119.93899999999999</v>
      </c>
      <c r="D1075">
        <v>168.376</v>
      </c>
      <c r="E1075">
        <v>7370.08</v>
      </c>
      <c r="F1075">
        <v>10800</v>
      </c>
      <c r="G1075">
        <v>21316.5</v>
      </c>
      <c r="H1075">
        <v>1.92126</v>
      </c>
      <c r="I1075">
        <v>22170.3</v>
      </c>
      <c r="J1075">
        <v>44.774299999999997</v>
      </c>
    </row>
    <row r="1076" spans="1:10" x14ac:dyDescent="0.25">
      <c r="A1076">
        <v>7</v>
      </c>
      <c r="B1076">
        <v>107.265</v>
      </c>
      <c r="C1076">
        <v>123.081</v>
      </c>
      <c r="D1076">
        <v>179.65799999999999</v>
      </c>
      <c r="E1076">
        <v>7710.24</v>
      </c>
      <c r="F1076">
        <v>11310.2</v>
      </c>
      <c r="G1076">
        <v>21316.5</v>
      </c>
      <c r="H1076">
        <v>3.55118</v>
      </c>
      <c r="I1076">
        <v>22766.2</v>
      </c>
      <c r="J1076">
        <v>31.689699999999998</v>
      </c>
    </row>
    <row r="1077" spans="1:10" x14ac:dyDescent="0.25">
      <c r="A1077">
        <v>7</v>
      </c>
      <c r="B1077">
        <v>93.564599999999999</v>
      </c>
      <c r="C1077">
        <v>119.93899999999999</v>
      </c>
      <c r="D1077">
        <v>186.553</v>
      </c>
      <c r="E1077">
        <v>7455.12</v>
      </c>
      <c r="F1077">
        <v>11310.2</v>
      </c>
      <c r="G1077">
        <v>22337</v>
      </c>
      <c r="H1077">
        <v>2.25197</v>
      </c>
      <c r="I1077">
        <v>21858.5</v>
      </c>
      <c r="J1077">
        <v>37.784100000000002</v>
      </c>
    </row>
    <row r="1078" spans="1:10" x14ac:dyDescent="0.25">
      <c r="A1078">
        <v>7</v>
      </c>
      <c r="B1078">
        <v>109.39100000000001</v>
      </c>
      <c r="C1078">
        <v>113.342</v>
      </c>
      <c r="D1078">
        <v>179.345</v>
      </c>
      <c r="E1078">
        <v>10431.5</v>
      </c>
      <c r="F1078">
        <v>15902.4</v>
      </c>
      <c r="G1078">
        <v>10431.5</v>
      </c>
      <c r="H1078">
        <v>3.45669</v>
      </c>
      <c r="I1078">
        <v>30872</v>
      </c>
      <c r="J1078">
        <v>25.892800000000001</v>
      </c>
    </row>
    <row r="1079" spans="1:10" x14ac:dyDescent="0.25">
      <c r="A1079">
        <v>7</v>
      </c>
      <c r="B1079">
        <v>109.155</v>
      </c>
      <c r="C1079">
        <v>124.96599999999999</v>
      </c>
      <c r="D1079">
        <v>188.74600000000001</v>
      </c>
      <c r="E1079">
        <v>7795.28</v>
      </c>
      <c r="F1079">
        <v>11310.2</v>
      </c>
      <c r="G1079">
        <v>20296.099999999999</v>
      </c>
      <c r="H1079">
        <v>3.5748000000000002</v>
      </c>
      <c r="I1079">
        <v>21951.599999999999</v>
      </c>
      <c r="J1079">
        <v>108.273</v>
      </c>
    </row>
    <row r="1080" spans="1:10" x14ac:dyDescent="0.25">
      <c r="A1080">
        <v>7</v>
      </c>
      <c r="B1080">
        <v>107.265</v>
      </c>
      <c r="C1080">
        <v>123.395</v>
      </c>
      <c r="D1080">
        <v>189.06</v>
      </c>
      <c r="E1080">
        <v>10176.4</v>
      </c>
      <c r="F1080">
        <v>18963.8</v>
      </c>
      <c r="G1080">
        <v>20636.2</v>
      </c>
      <c r="H1080">
        <v>3.2677200000000002</v>
      </c>
      <c r="I1080">
        <v>32202</v>
      </c>
      <c r="J1080">
        <v>99.085300000000004</v>
      </c>
    </row>
    <row r="1081" spans="1:10" x14ac:dyDescent="0.25">
      <c r="A1081">
        <v>7</v>
      </c>
      <c r="B1081">
        <v>89.312600000000003</v>
      </c>
      <c r="C1081">
        <v>124.96599999999999</v>
      </c>
      <c r="D1081">
        <v>179.97200000000001</v>
      </c>
      <c r="E1081">
        <v>7540.16</v>
      </c>
      <c r="F1081">
        <v>10800</v>
      </c>
      <c r="G1081">
        <v>19615.7</v>
      </c>
      <c r="H1081">
        <v>2.8189000000000002</v>
      </c>
      <c r="I1081">
        <v>21034.3</v>
      </c>
      <c r="J1081">
        <v>33.902299999999997</v>
      </c>
    </row>
    <row r="1082" spans="1:10" x14ac:dyDescent="0.25">
      <c r="A1082">
        <v>7</v>
      </c>
      <c r="B1082">
        <v>89.312600000000003</v>
      </c>
      <c r="C1082">
        <v>124.96599999999999</v>
      </c>
      <c r="D1082">
        <v>179.97200000000001</v>
      </c>
      <c r="E1082">
        <v>7540.16</v>
      </c>
      <c r="F1082">
        <v>10800</v>
      </c>
      <c r="G1082">
        <v>19615.7</v>
      </c>
      <c r="H1082">
        <v>2.8189000000000002</v>
      </c>
      <c r="I1082">
        <v>21034.3</v>
      </c>
      <c r="J1082">
        <v>33.902299999999997</v>
      </c>
    </row>
    <row r="1083" spans="1:10" x14ac:dyDescent="0.25">
      <c r="A1083">
        <v>7</v>
      </c>
      <c r="B1083">
        <v>105.848</v>
      </c>
      <c r="C1083">
        <v>114.913</v>
      </c>
      <c r="D1083">
        <v>189.37299999999999</v>
      </c>
      <c r="E1083">
        <v>7710.24</v>
      </c>
      <c r="F1083">
        <v>15392.1</v>
      </c>
      <c r="G1083">
        <v>20976.400000000001</v>
      </c>
      <c r="H1083">
        <v>1</v>
      </c>
      <c r="I1083">
        <v>29378.3</v>
      </c>
      <c r="J1083">
        <v>17.155000000000001</v>
      </c>
    </row>
    <row r="1084" spans="1:10" x14ac:dyDescent="0.25">
      <c r="A1084">
        <v>7</v>
      </c>
      <c r="B1084">
        <v>105.848</v>
      </c>
      <c r="C1084">
        <v>114.913</v>
      </c>
      <c r="D1084">
        <v>189.37299999999999</v>
      </c>
      <c r="E1084">
        <v>7710.24</v>
      </c>
      <c r="F1084">
        <v>15392.1</v>
      </c>
      <c r="G1084">
        <v>20976.400000000001</v>
      </c>
      <c r="H1084">
        <v>1</v>
      </c>
      <c r="I1084">
        <v>29378.3</v>
      </c>
      <c r="J1084">
        <v>17.155000000000001</v>
      </c>
    </row>
    <row r="1085" spans="1:10" x14ac:dyDescent="0.25">
      <c r="A1085">
        <v>7</v>
      </c>
      <c r="B1085">
        <v>89.312600000000003</v>
      </c>
      <c r="C1085">
        <v>124.96599999999999</v>
      </c>
      <c r="D1085">
        <v>179.97200000000001</v>
      </c>
      <c r="E1085">
        <v>7540.16</v>
      </c>
      <c r="F1085">
        <v>10800</v>
      </c>
      <c r="G1085">
        <v>19615.7</v>
      </c>
      <c r="H1085">
        <v>2.8189000000000002</v>
      </c>
      <c r="I1085">
        <v>21034.3</v>
      </c>
      <c r="J1085">
        <v>33.902299999999997</v>
      </c>
    </row>
    <row r="1086" spans="1:10" x14ac:dyDescent="0.25">
      <c r="A1086">
        <v>7</v>
      </c>
      <c r="B1086">
        <v>109.628</v>
      </c>
      <c r="C1086">
        <v>123.395</v>
      </c>
      <c r="D1086">
        <v>189.06</v>
      </c>
      <c r="E1086">
        <v>10091.299999999999</v>
      </c>
      <c r="F1086">
        <v>10800</v>
      </c>
      <c r="G1086">
        <v>22337</v>
      </c>
      <c r="H1086">
        <v>3.4330699999999998</v>
      </c>
      <c r="I1086">
        <v>23930.6</v>
      </c>
      <c r="J1086">
        <v>24.2546</v>
      </c>
    </row>
    <row r="1087" spans="1:10" x14ac:dyDescent="0.25">
      <c r="A1087">
        <v>7</v>
      </c>
      <c r="B1087">
        <v>89.312600000000003</v>
      </c>
      <c r="C1087">
        <v>124.96599999999999</v>
      </c>
      <c r="D1087">
        <v>179.97200000000001</v>
      </c>
      <c r="E1087">
        <v>7540.16</v>
      </c>
      <c r="F1087">
        <v>10800</v>
      </c>
      <c r="G1087">
        <v>19615.7</v>
      </c>
      <c r="H1087">
        <v>2.8189000000000002</v>
      </c>
      <c r="I1087">
        <v>21034.3</v>
      </c>
      <c r="J1087">
        <v>33.902299999999997</v>
      </c>
    </row>
    <row r="1088" spans="1:10" x14ac:dyDescent="0.25">
      <c r="A1088">
        <v>7</v>
      </c>
      <c r="B1088">
        <v>109.628</v>
      </c>
      <c r="C1088">
        <v>123.395</v>
      </c>
      <c r="D1088">
        <v>189.06</v>
      </c>
      <c r="E1088">
        <v>10091.299999999999</v>
      </c>
      <c r="F1088">
        <v>10800</v>
      </c>
      <c r="G1088">
        <v>22337</v>
      </c>
      <c r="H1088">
        <v>3.4330699999999998</v>
      </c>
      <c r="I1088">
        <v>23930.6</v>
      </c>
      <c r="J1088">
        <v>24.2546</v>
      </c>
    </row>
    <row r="1089" spans="1:10" x14ac:dyDescent="0.25">
      <c r="A1089">
        <v>7</v>
      </c>
      <c r="B1089">
        <v>105.848</v>
      </c>
      <c r="C1089">
        <v>114.913</v>
      </c>
      <c r="D1089">
        <v>189.37299999999999</v>
      </c>
      <c r="E1089">
        <v>7710.24</v>
      </c>
      <c r="F1089">
        <v>15392.1</v>
      </c>
      <c r="G1089">
        <v>20976.400000000001</v>
      </c>
      <c r="H1089">
        <v>1</v>
      </c>
      <c r="I1089">
        <v>29378.3</v>
      </c>
      <c r="J1089">
        <v>17.155000000000001</v>
      </c>
    </row>
    <row r="1090" spans="1:10" x14ac:dyDescent="0.25">
      <c r="A1090">
        <v>7</v>
      </c>
      <c r="B1090">
        <v>89.312600000000003</v>
      </c>
      <c r="C1090">
        <v>124.96599999999999</v>
      </c>
      <c r="D1090">
        <v>179.97200000000001</v>
      </c>
      <c r="E1090">
        <v>7540.16</v>
      </c>
      <c r="F1090">
        <v>10800</v>
      </c>
      <c r="G1090">
        <v>19615.7</v>
      </c>
      <c r="H1090">
        <v>2.8189000000000002</v>
      </c>
      <c r="I1090">
        <v>21034.3</v>
      </c>
      <c r="J1090">
        <v>33.902299999999997</v>
      </c>
    </row>
    <row r="1091" spans="1:10" x14ac:dyDescent="0.25">
      <c r="A1091">
        <v>7</v>
      </c>
      <c r="B1091">
        <v>105.848</v>
      </c>
      <c r="C1091">
        <v>114.913</v>
      </c>
      <c r="D1091">
        <v>189.37299999999999</v>
      </c>
      <c r="E1091">
        <v>7710.24</v>
      </c>
      <c r="F1091">
        <v>15392.1</v>
      </c>
      <c r="G1091">
        <v>20976.400000000001</v>
      </c>
      <c r="H1091">
        <v>1</v>
      </c>
      <c r="I1091">
        <v>29378.3</v>
      </c>
      <c r="J1091">
        <v>17.155000000000001</v>
      </c>
    </row>
    <row r="1092" spans="1:10" x14ac:dyDescent="0.25">
      <c r="A1092">
        <v>7</v>
      </c>
      <c r="B1092">
        <v>109.628</v>
      </c>
      <c r="C1092">
        <v>123.395</v>
      </c>
      <c r="D1092">
        <v>189.06</v>
      </c>
      <c r="E1092">
        <v>10091.299999999999</v>
      </c>
      <c r="F1092">
        <v>10800</v>
      </c>
      <c r="G1092">
        <v>22337</v>
      </c>
      <c r="H1092">
        <v>3.4330699999999998</v>
      </c>
      <c r="I1092">
        <v>23930.6</v>
      </c>
      <c r="J1092">
        <v>24.2546</v>
      </c>
    </row>
    <row r="1093" spans="1:10" x14ac:dyDescent="0.25">
      <c r="A1093">
        <v>7</v>
      </c>
      <c r="B1093">
        <v>89.312600000000003</v>
      </c>
      <c r="C1093">
        <v>124.96599999999999</v>
      </c>
      <c r="D1093">
        <v>179.97200000000001</v>
      </c>
      <c r="E1093">
        <v>7540.16</v>
      </c>
      <c r="F1093">
        <v>10800</v>
      </c>
      <c r="G1093">
        <v>19615.7</v>
      </c>
      <c r="H1093">
        <v>2.8189000000000002</v>
      </c>
      <c r="I1093">
        <v>21034.3</v>
      </c>
      <c r="J1093">
        <v>33.902299999999997</v>
      </c>
    </row>
    <row r="1094" spans="1:10" x14ac:dyDescent="0.25">
      <c r="A1094">
        <v>7</v>
      </c>
      <c r="B1094">
        <v>105.848</v>
      </c>
      <c r="C1094">
        <v>114.913</v>
      </c>
      <c r="D1094">
        <v>189.37299999999999</v>
      </c>
      <c r="E1094">
        <v>7710.24</v>
      </c>
      <c r="F1094">
        <v>15392.1</v>
      </c>
      <c r="G1094">
        <v>20976.400000000001</v>
      </c>
      <c r="H1094">
        <v>1</v>
      </c>
      <c r="I1094">
        <v>29378.3</v>
      </c>
      <c r="J1094">
        <v>17.155000000000001</v>
      </c>
    </row>
    <row r="1095" spans="1:10" x14ac:dyDescent="0.25">
      <c r="A1095">
        <v>7</v>
      </c>
      <c r="B1095">
        <v>108.68300000000001</v>
      </c>
      <c r="C1095">
        <v>124.96599999999999</v>
      </c>
      <c r="D1095">
        <v>189.37299999999999</v>
      </c>
      <c r="E1095">
        <v>7795.28</v>
      </c>
      <c r="F1095">
        <v>11310.2</v>
      </c>
      <c r="G1095">
        <v>22166.9</v>
      </c>
      <c r="H1095">
        <v>2.25197</v>
      </c>
      <c r="I1095">
        <v>23578.5</v>
      </c>
      <c r="J1095">
        <v>26.253</v>
      </c>
    </row>
    <row r="1096" spans="1:10" x14ac:dyDescent="0.25">
      <c r="A1096">
        <v>7</v>
      </c>
      <c r="B1096">
        <v>109.39100000000001</v>
      </c>
      <c r="C1096">
        <v>117.74</v>
      </c>
      <c r="D1096">
        <v>190</v>
      </c>
      <c r="E1096">
        <v>7370.08</v>
      </c>
      <c r="F1096">
        <v>10800</v>
      </c>
      <c r="G1096">
        <v>19955.900000000001</v>
      </c>
      <c r="H1096">
        <v>3.3858299999999999</v>
      </c>
      <c r="I1096">
        <v>20486.7</v>
      </c>
      <c r="J1096">
        <v>47.560499999999998</v>
      </c>
    </row>
    <row r="1097" spans="1:10" x14ac:dyDescent="0.25">
      <c r="A1097">
        <v>7</v>
      </c>
      <c r="B1097">
        <v>89.312600000000003</v>
      </c>
      <c r="C1097">
        <v>124.96599999999999</v>
      </c>
      <c r="D1097">
        <v>179.97200000000001</v>
      </c>
      <c r="E1097">
        <v>7540.16</v>
      </c>
      <c r="F1097">
        <v>10800</v>
      </c>
      <c r="G1097">
        <v>19615.7</v>
      </c>
      <c r="H1097">
        <v>2.8189000000000002</v>
      </c>
      <c r="I1097">
        <v>21034.3</v>
      </c>
      <c r="J1097">
        <v>33.902299999999997</v>
      </c>
    </row>
    <row r="1098" spans="1:10" x14ac:dyDescent="0.25">
      <c r="A1098">
        <v>7</v>
      </c>
      <c r="B1098">
        <v>109.628</v>
      </c>
      <c r="C1098">
        <v>123.395</v>
      </c>
      <c r="D1098">
        <v>189.06</v>
      </c>
      <c r="E1098">
        <v>10091.299999999999</v>
      </c>
      <c r="F1098">
        <v>10800</v>
      </c>
      <c r="G1098">
        <v>22337</v>
      </c>
      <c r="H1098">
        <v>3.4330699999999998</v>
      </c>
      <c r="I1098">
        <v>23930.6</v>
      </c>
      <c r="J1098">
        <v>24.2546</v>
      </c>
    </row>
    <row r="1099" spans="1:10" x14ac:dyDescent="0.25">
      <c r="A1099">
        <v>7</v>
      </c>
      <c r="B1099">
        <v>89.312600000000003</v>
      </c>
      <c r="C1099">
        <v>124.96599999999999</v>
      </c>
      <c r="D1099">
        <v>179.97200000000001</v>
      </c>
      <c r="E1099">
        <v>7540.16</v>
      </c>
      <c r="F1099">
        <v>10800</v>
      </c>
      <c r="G1099">
        <v>19615.7</v>
      </c>
      <c r="H1099">
        <v>2.8189000000000002</v>
      </c>
      <c r="I1099">
        <v>21034.3</v>
      </c>
      <c r="J1099">
        <v>33.902299999999997</v>
      </c>
    </row>
    <row r="1100" spans="1:10" x14ac:dyDescent="0.25">
      <c r="A1100">
        <v>7</v>
      </c>
      <c r="B1100">
        <v>109.39100000000001</v>
      </c>
      <c r="C1100">
        <v>117.74</v>
      </c>
      <c r="D1100">
        <v>190</v>
      </c>
      <c r="E1100">
        <v>7370.08</v>
      </c>
      <c r="F1100">
        <v>10800</v>
      </c>
      <c r="G1100">
        <v>19955.900000000001</v>
      </c>
      <c r="H1100">
        <v>3.3858299999999999</v>
      </c>
      <c r="I1100">
        <v>20486.7</v>
      </c>
      <c r="J1100">
        <v>47.560499999999998</v>
      </c>
    </row>
    <row r="1101" spans="1:10" x14ac:dyDescent="0.25">
      <c r="A1101">
        <v>7</v>
      </c>
      <c r="B1101">
        <v>108.446</v>
      </c>
      <c r="C1101">
        <v>119.93899999999999</v>
      </c>
      <c r="D1101">
        <v>167.75</v>
      </c>
      <c r="E1101">
        <v>10431.5</v>
      </c>
      <c r="F1101">
        <v>11310.2</v>
      </c>
      <c r="G1101">
        <v>24718.1</v>
      </c>
      <c r="H1101">
        <v>1.1181099999999999</v>
      </c>
      <c r="I1101">
        <v>27673.5</v>
      </c>
      <c r="J1101">
        <v>18.264900000000001</v>
      </c>
    </row>
    <row r="1102" spans="1:10" x14ac:dyDescent="0.25">
      <c r="A1102">
        <v>7</v>
      </c>
      <c r="B1102">
        <v>108.68300000000001</v>
      </c>
      <c r="C1102">
        <v>124.652</v>
      </c>
      <c r="D1102">
        <v>168.06299999999999</v>
      </c>
      <c r="E1102">
        <v>10516.5</v>
      </c>
      <c r="F1102">
        <v>11310.2</v>
      </c>
      <c r="G1102">
        <v>19615.7</v>
      </c>
      <c r="H1102">
        <v>2.25197</v>
      </c>
      <c r="I1102">
        <v>26608.1</v>
      </c>
      <c r="J1102">
        <v>20.0974</v>
      </c>
    </row>
    <row r="1103" spans="1:10" x14ac:dyDescent="0.25">
      <c r="A1103">
        <v>7</v>
      </c>
      <c r="B1103">
        <v>94.273200000000003</v>
      </c>
      <c r="C1103">
        <v>123.395</v>
      </c>
      <c r="D1103">
        <v>184.672</v>
      </c>
      <c r="E1103">
        <v>7370.08</v>
      </c>
      <c r="F1103">
        <v>10800</v>
      </c>
      <c r="G1103">
        <v>22677.200000000001</v>
      </c>
      <c r="H1103">
        <v>1.89764</v>
      </c>
      <c r="I1103">
        <v>21792.9</v>
      </c>
      <c r="J1103">
        <v>31.204499999999999</v>
      </c>
    </row>
    <row r="1104" spans="1:10" x14ac:dyDescent="0.25">
      <c r="A1104">
        <v>7</v>
      </c>
      <c r="B1104">
        <v>108.68300000000001</v>
      </c>
      <c r="C1104">
        <v>124.96599999999999</v>
      </c>
      <c r="D1104">
        <v>189.37299999999999</v>
      </c>
      <c r="E1104">
        <v>7795.28</v>
      </c>
      <c r="F1104">
        <v>11310.2</v>
      </c>
      <c r="G1104">
        <v>22166.9</v>
      </c>
      <c r="H1104">
        <v>2.25197</v>
      </c>
      <c r="I1104">
        <v>23578.5</v>
      </c>
      <c r="J1104">
        <v>26.253</v>
      </c>
    </row>
    <row r="1105" spans="1:10" x14ac:dyDescent="0.25">
      <c r="A1105">
        <v>7</v>
      </c>
      <c r="B1105">
        <v>106.79300000000001</v>
      </c>
      <c r="C1105">
        <v>124.024</v>
      </c>
      <c r="D1105">
        <v>184.04599999999999</v>
      </c>
      <c r="E1105">
        <v>10516.5</v>
      </c>
      <c r="F1105">
        <v>19984.3</v>
      </c>
      <c r="G1105">
        <v>20636.2</v>
      </c>
      <c r="H1105">
        <v>2.25197</v>
      </c>
      <c r="I1105">
        <v>36430.5</v>
      </c>
      <c r="J1105">
        <v>16.778199999999998</v>
      </c>
    </row>
    <row r="1106" spans="1:10" x14ac:dyDescent="0.25">
      <c r="A1106">
        <v>7</v>
      </c>
      <c r="B1106">
        <v>109.39100000000001</v>
      </c>
      <c r="C1106">
        <v>117.74</v>
      </c>
      <c r="D1106">
        <v>190</v>
      </c>
      <c r="E1106">
        <v>7370.08</v>
      </c>
      <c r="F1106">
        <v>10800</v>
      </c>
      <c r="G1106">
        <v>19955.900000000001</v>
      </c>
      <c r="H1106">
        <v>3.3858299999999999</v>
      </c>
      <c r="I1106">
        <v>20486.7</v>
      </c>
      <c r="J1106">
        <v>47.560499999999998</v>
      </c>
    </row>
    <row r="1107" spans="1:10" x14ac:dyDescent="0.25">
      <c r="A1107">
        <v>7</v>
      </c>
      <c r="B1107">
        <v>94.273200000000003</v>
      </c>
      <c r="C1107">
        <v>123.395</v>
      </c>
      <c r="D1107">
        <v>189.68700000000001</v>
      </c>
      <c r="E1107">
        <v>7370.08</v>
      </c>
      <c r="F1107">
        <v>10800</v>
      </c>
      <c r="G1107">
        <v>22677.200000000001</v>
      </c>
      <c r="H1107">
        <v>1.82677</v>
      </c>
      <c r="I1107">
        <v>21744.9</v>
      </c>
      <c r="J1107">
        <v>31.503900000000002</v>
      </c>
    </row>
    <row r="1108" spans="1:10" x14ac:dyDescent="0.25">
      <c r="A1108">
        <v>7</v>
      </c>
      <c r="B1108">
        <v>109.155</v>
      </c>
      <c r="C1108">
        <v>124.652</v>
      </c>
      <c r="D1108">
        <v>181.53899999999999</v>
      </c>
      <c r="E1108">
        <v>10516.5</v>
      </c>
      <c r="F1108">
        <v>11820.5</v>
      </c>
      <c r="G1108">
        <v>25398.400000000001</v>
      </c>
      <c r="H1108">
        <v>1.4960599999999999</v>
      </c>
      <c r="I1108">
        <v>27597.1</v>
      </c>
      <c r="J1108">
        <v>18.9985</v>
      </c>
    </row>
    <row r="1109" spans="1:10" x14ac:dyDescent="0.25">
      <c r="A1109">
        <v>7</v>
      </c>
      <c r="B1109">
        <v>105.848</v>
      </c>
      <c r="C1109">
        <v>114.598</v>
      </c>
      <c r="D1109">
        <v>189.37299999999999</v>
      </c>
      <c r="E1109">
        <v>7710.24</v>
      </c>
      <c r="F1109">
        <v>15392.1</v>
      </c>
      <c r="G1109">
        <v>20976.400000000001</v>
      </c>
      <c r="H1109">
        <v>1.07087</v>
      </c>
      <c r="I1109">
        <v>28823.9</v>
      </c>
      <c r="J1109">
        <v>18.1525</v>
      </c>
    </row>
    <row r="1110" spans="1:10" x14ac:dyDescent="0.25">
      <c r="A1110">
        <v>7</v>
      </c>
      <c r="B1110">
        <v>109.628</v>
      </c>
      <c r="C1110">
        <v>119.93899999999999</v>
      </c>
      <c r="D1110">
        <v>177.15100000000001</v>
      </c>
      <c r="E1110">
        <v>7795.28</v>
      </c>
      <c r="F1110">
        <v>11310.2</v>
      </c>
      <c r="G1110">
        <v>21316.5</v>
      </c>
      <c r="H1110">
        <v>1.92126</v>
      </c>
      <c r="I1110">
        <v>22595.3</v>
      </c>
      <c r="J1110">
        <v>26.522200000000002</v>
      </c>
    </row>
    <row r="1111" spans="1:10" x14ac:dyDescent="0.25">
      <c r="A1111">
        <v>7</v>
      </c>
      <c r="B1111">
        <v>108.68300000000001</v>
      </c>
      <c r="C1111">
        <v>123.395</v>
      </c>
      <c r="D1111">
        <v>189.06</v>
      </c>
      <c r="E1111">
        <v>7370.08</v>
      </c>
      <c r="F1111">
        <v>10800</v>
      </c>
      <c r="G1111">
        <v>21316.5</v>
      </c>
      <c r="H1111">
        <v>3.8110200000000001</v>
      </c>
      <c r="I1111">
        <v>20435.900000000001</v>
      </c>
      <c r="J1111">
        <v>92.523799999999994</v>
      </c>
    </row>
    <row r="1121" spans="1:10" x14ac:dyDescent="0.25">
      <c r="A1121">
        <v>8</v>
      </c>
      <c r="B1121">
        <v>106.79300000000001</v>
      </c>
      <c r="C1121">
        <v>124.024</v>
      </c>
      <c r="D1121">
        <v>184.04599999999999</v>
      </c>
      <c r="E1121">
        <v>10516.5</v>
      </c>
      <c r="F1121">
        <v>19984.3</v>
      </c>
      <c r="G1121">
        <v>20636.2</v>
      </c>
      <c r="H1121">
        <v>2.25197</v>
      </c>
      <c r="I1121">
        <v>36430.5</v>
      </c>
      <c r="J1121">
        <v>16.778199999999998</v>
      </c>
    </row>
    <row r="1122" spans="1:10" x14ac:dyDescent="0.25">
      <c r="A1122">
        <v>8</v>
      </c>
      <c r="B1122">
        <v>109.628</v>
      </c>
      <c r="C1122">
        <v>119.93899999999999</v>
      </c>
      <c r="D1122">
        <v>177.15100000000001</v>
      </c>
      <c r="E1122">
        <v>7795.28</v>
      </c>
      <c r="F1122">
        <v>11310.2</v>
      </c>
      <c r="G1122">
        <v>21316.5</v>
      </c>
      <c r="H1122">
        <v>1.92126</v>
      </c>
      <c r="I1122">
        <v>22595.3</v>
      </c>
      <c r="J1122">
        <v>26.522200000000002</v>
      </c>
    </row>
    <row r="1123" spans="1:10" x14ac:dyDescent="0.25">
      <c r="A1123">
        <v>8</v>
      </c>
      <c r="B1123">
        <v>109.155</v>
      </c>
      <c r="C1123">
        <v>124.652</v>
      </c>
      <c r="D1123">
        <v>181.53899999999999</v>
      </c>
      <c r="E1123">
        <v>10516.5</v>
      </c>
      <c r="F1123">
        <v>11820.5</v>
      </c>
      <c r="G1123">
        <v>25398.400000000001</v>
      </c>
      <c r="H1123">
        <v>1.4960599999999999</v>
      </c>
      <c r="I1123">
        <v>27597.1</v>
      </c>
      <c r="J1123">
        <v>18.9985</v>
      </c>
    </row>
    <row r="1124" spans="1:10" x14ac:dyDescent="0.25">
      <c r="A1124">
        <v>8</v>
      </c>
      <c r="B1124">
        <v>109.39100000000001</v>
      </c>
      <c r="C1124">
        <v>117.74</v>
      </c>
      <c r="D1124">
        <v>190</v>
      </c>
      <c r="E1124">
        <v>7370.08</v>
      </c>
      <c r="F1124">
        <v>10800</v>
      </c>
      <c r="G1124">
        <v>19955.900000000001</v>
      </c>
      <c r="H1124">
        <v>3.3858299999999999</v>
      </c>
      <c r="I1124">
        <v>20486.7</v>
      </c>
      <c r="J1124">
        <v>47.560499999999998</v>
      </c>
    </row>
    <row r="1125" spans="1:10" x14ac:dyDescent="0.25">
      <c r="A1125">
        <v>8</v>
      </c>
      <c r="B1125">
        <v>105.848</v>
      </c>
      <c r="C1125">
        <v>114.598</v>
      </c>
      <c r="D1125">
        <v>189.37299999999999</v>
      </c>
      <c r="E1125">
        <v>7710.24</v>
      </c>
      <c r="F1125">
        <v>15392.1</v>
      </c>
      <c r="G1125">
        <v>20976.400000000001</v>
      </c>
      <c r="H1125">
        <v>1.07087</v>
      </c>
      <c r="I1125">
        <v>28823.9</v>
      </c>
      <c r="J1125">
        <v>18.1525</v>
      </c>
    </row>
    <row r="1126" spans="1:10" x14ac:dyDescent="0.25">
      <c r="A1126">
        <v>8</v>
      </c>
      <c r="B1126">
        <v>108.68300000000001</v>
      </c>
      <c r="C1126">
        <v>124.652</v>
      </c>
      <c r="D1126">
        <v>168.06299999999999</v>
      </c>
      <c r="E1126">
        <v>10516.5</v>
      </c>
      <c r="F1126">
        <v>11310.2</v>
      </c>
      <c r="G1126">
        <v>19615.7</v>
      </c>
      <c r="H1126">
        <v>2.25197</v>
      </c>
      <c r="I1126">
        <v>26608.1</v>
      </c>
      <c r="J1126">
        <v>20.0974</v>
      </c>
    </row>
    <row r="1127" spans="1:10" x14ac:dyDescent="0.25">
      <c r="A1127">
        <v>8</v>
      </c>
      <c r="B1127">
        <v>94.273200000000003</v>
      </c>
      <c r="C1127">
        <v>123.395</v>
      </c>
      <c r="D1127">
        <v>189.68700000000001</v>
      </c>
      <c r="E1127">
        <v>7370.08</v>
      </c>
      <c r="F1127">
        <v>10800</v>
      </c>
      <c r="G1127">
        <v>22677.200000000001</v>
      </c>
      <c r="H1127">
        <v>1.82677</v>
      </c>
      <c r="I1127">
        <v>21744.9</v>
      </c>
      <c r="J1127">
        <v>31.503900000000002</v>
      </c>
    </row>
    <row r="1128" spans="1:10" x14ac:dyDescent="0.25">
      <c r="A1128">
        <v>8</v>
      </c>
      <c r="B1128">
        <v>89.312600000000003</v>
      </c>
      <c r="C1128">
        <v>124.96599999999999</v>
      </c>
      <c r="D1128">
        <v>179.97200000000001</v>
      </c>
      <c r="E1128">
        <v>7540.16</v>
      </c>
      <c r="F1128">
        <v>10800</v>
      </c>
      <c r="G1128">
        <v>19615.7</v>
      </c>
      <c r="H1128">
        <v>2.8189000000000002</v>
      </c>
      <c r="I1128">
        <v>21034.3</v>
      </c>
      <c r="J1128">
        <v>33.902299999999997</v>
      </c>
    </row>
    <row r="1129" spans="1:10" x14ac:dyDescent="0.25">
      <c r="A1129">
        <v>8</v>
      </c>
      <c r="B1129">
        <v>106.79300000000001</v>
      </c>
      <c r="C1129">
        <v>124.024</v>
      </c>
      <c r="D1129">
        <v>164.30199999999999</v>
      </c>
      <c r="E1129">
        <v>10516.5</v>
      </c>
      <c r="F1129">
        <v>18963.8</v>
      </c>
      <c r="G1129">
        <v>23357.5</v>
      </c>
      <c r="H1129">
        <v>2.25197</v>
      </c>
      <c r="I1129">
        <v>38755.1</v>
      </c>
      <c r="J1129">
        <v>16.778199999999998</v>
      </c>
    </row>
    <row r="1130" spans="1:10" x14ac:dyDescent="0.25">
      <c r="A1130">
        <v>8</v>
      </c>
      <c r="B1130">
        <v>109.39100000000001</v>
      </c>
      <c r="C1130">
        <v>113.342</v>
      </c>
      <c r="D1130">
        <v>189.68700000000001</v>
      </c>
      <c r="E1130">
        <v>7455.12</v>
      </c>
      <c r="F1130">
        <v>11820.5</v>
      </c>
      <c r="G1130">
        <v>22507.1</v>
      </c>
      <c r="H1130">
        <v>1.82677</v>
      </c>
      <c r="I1130">
        <v>22965.8</v>
      </c>
      <c r="J1130">
        <v>33.115600000000001</v>
      </c>
    </row>
    <row r="1131" spans="1:10" x14ac:dyDescent="0.25">
      <c r="A1131">
        <v>8</v>
      </c>
      <c r="B1131">
        <v>108.919</v>
      </c>
      <c r="C1131">
        <v>113.342</v>
      </c>
      <c r="D1131">
        <v>189.68700000000001</v>
      </c>
      <c r="E1131">
        <v>7455.12</v>
      </c>
      <c r="F1131">
        <v>10800</v>
      </c>
      <c r="G1131">
        <v>19785.8</v>
      </c>
      <c r="H1131">
        <v>3.64567</v>
      </c>
      <c r="I1131">
        <v>20561.3</v>
      </c>
      <c r="J1131">
        <v>71.873199999999997</v>
      </c>
    </row>
    <row r="1132" spans="1:10" x14ac:dyDescent="0.25">
      <c r="A1132">
        <v>8</v>
      </c>
      <c r="B1132">
        <v>108.21</v>
      </c>
      <c r="C1132">
        <v>119.93899999999999</v>
      </c>
      <c r="D1132">
        <v>179.65799999999999</v>
      </c>
      <c r="E1132">
        <v>7455.12</v>
      </c>
      <c r="F1132">
        <v>10800</v>
      </c>
      <c r="G1132">
        <v>19615.7</v>
      </c>
      <c r="H1132">
        <v>3.5748000000000002</v>
      </c>
      <c r="I1132">
        <v>20610.8</v>
      </c>
      <c r="J1132">
        <v>49.316200000000002</v>
      </c>
    </row>
    <row r="1133" spans="1:10" x14ac:dyDescent="0.25">
      <c r="A1133">
        <v>8</v>
      </c>
      <c r="B1133">
        <v>109.628</v>
      </c>
      <c r="C1133">
        <v>119.93899999999999</v>
      </c>
      <c r="D1133">
        <v>168.06299999999999</v>
      </c>
      <c r="E1133">
        <v>10431.5</v>
      </c>
      <c r="F1133">
        <v>15392.1</v>
      </c>
      <c r="G1133">
        <v>19615.7</v>
      </c>
      <c r="H1133">
        <v>2.25197</v>
      </c>
      <c r="I1133">
        <v>33331.599999999999</v>
      </c>
      <c r="J1133">
        <v>20.762899999999998</v>
      </c>
    </row>
    <row r="1134" spans="1:10" x14ac:dyDescent="0.25">
      <c r="A1134">
        <v>8</v>
      </c>
      <c r="B1134">
        <v>108.68300000000001</v>
      </c>
      <c r="C1134">
        <v>117.74</v>
      </c>
      <c r="D1134">
        <v>190</v>
      </c>
      <c r="E1134">
        <v>7710.24</v>
      </c>
      <c r="F1134">
        <v>11310.2</v>
      </c>
      <c r="G1134">
        <v>19445.7</v>
      </c>
      <c r="H1134">
        <v>3.7401599999999999</v>
      </c>
      <c r="I1134">
        <v>21151.4</v>
      </c>
      <c r="J1134">
        <v>42.175699999999999</v>
      </c>
    </row>
    <row r="1135" spans="1:10" x14ac:dyDescent="0.25">
      <c r="A1135">
        <v>8</v>
      </c>
      <c r="B1135">
        <v>103.486</v>
      </c>
      <c r="C1135">
        <v>124.96599999999999</v>
      </c>
      <c r="D1135">
        <v>190</v>
      </c>
      <c r="E1135">
        <v>7625.2</v>
      </c>
      <c r="F1135">
        <v>11310.2</v>
      </c>
      <c r="G1135">
        <v>19615.7</v>
      </c>
      <c r="H1135">
        <v>3.9527600000000001</v>
      </c>
      <c r="I1135">
        <v>20952</v>
      </c>
      <c r="J1135">
        <v>72.204700000000003</v>
      </c>
    </row>
    <row r="1136" spans="1:10" x14ac:dyDescent="0.25">
      <c r="A1136">
        <v>8</v>
      </c>
      <c r="B1136">
        <v>94.273200000000003</v>
      </c>
      <c r="C1136">
        <v>124.652</v>
      </c>
      <c r="D1136">
        <v>189.06</v>
      </c>
      <c r="E1136">
        <v>7370.08</v>
      </c>
      <c r="F1136">
        <v>15392.1</v>
      </c>
      <c r="G1136">
        <v>20976.400000000001</v>
      </c>
      <c r="H1136">
        <v>1.07087</v>
      </c>
      <c r="I1136">
        <v>29340.400000000001</v>
      </c>
      <c r="J1136">
        <v>97.952399999999997</v>
      </c>
    </row>
    <row r="1137" spans="1:10" x14ac:dyDescent="0.25">
      <c r="A1137">
        <v>8</v>
      </c>
      <c r="B1137">
        <v>103.72199999999999</v>
      </c>
      <c r="C1137">
        <v>123.395</v>
      </c>
      <c r="D1137">
        <v>184.672</v>
      </c>
      <c r="E1137">
        <v>7200</v>
      </c>
      <c r="F1137">
        <v>10800</v>
      </c>
      <c r="G1137">
        <v>18595.3</v>
      </c>
      <c r="H1137">
        <v>1.87402</v>
      </c>
      <c r="I1137">
        <v>21458.1</v>
      </c>
      <c r="J1137">
        <v>79.936700000000002</v>
      </c>
    </row>
    <row r="1138" spans="1:10" x14ac:dyDescent="0.25">
      <c r="A1138">
        <v>8</v>
      </c>
      <c r="B1138">
        <v>109.628</v>
      </c>
      <c r="C1138">
        <v>118.369</v>
      </c>
      <c r="D1138">
        <v>179.65799999999999</v>
      </c>
      <c r="E1138">
        <v>7710.24</v>
      </c>
      <c r="F1138">
        <v>11310.2</v>
      </c>
      <c r="G1138">
        <v>18085</v>
      </c>
      <c r="H1138">
        <v>3.7401599999999999</v>
      </c>
      <c r="I1138">
        <v>21404.5</v>
      </c>
      <c r="J1138">
        <v>46.9178</v>
      </c>
    </row>
    <row r="1139" spans="1:10" x14ac:dyDescent="0.25">
      <c r="A1139">
        <v>8</v>
      </c>
      <c r="B1139">
        <v>108.446</v>
      </c>
      <c r="C1139">
        <v>119.93899999999999</v>
      </c>
      <c r="D1139">
        <v>169.63</v>
      </c>
      <c r="E1139">
        <v>10516.5</v>
      </c>
      <c r="F1139">
        <v>14881.9</v>
      </c>
      <c r="G1139">
        <v>19785.8</v>
      </c>
      <c r="H1139">
        <v>2.25197</v>
      </c>
      <c r="I1139">
        <v>33052.199999999997</v>
      </c>
      <c r="J1139">
        <v>26.8278</v>
      </c>
    </row>
    <row r="1140" spans="1:10" x14ac:dyDescent="0.25">
      <c r="A1140">
        <v>8</v>
      </c>
      <c r="B1140">
        <v>90.493700000000004</v>
      </c>
      <c r="C1140">
        <v>118.68300000000001</v>
      </c>
      <c r="D1140">
        <v>177.465</v>
      </c>
      <c r="E1140">
        <v>7370.08</v>
      </c>
      <c r="F1140">
        <v>15392.1</v>
      </c>
      <c r="G1140">
        <v>18595.3</v>
      </c>
      <c r="H1140">
        <v>1.85039</v>
      </c>
      <c r="I1140">
        <v>27547.7</v>
      </c>
      <c r="J1140">
        <v>61.311599999999999</v>
      </c>
    </row>
    <row r="1141" spans="1:10" x14ac:dyDescent="0.25">
      <c r="A1141">
        <v>8</v>
      </c>
      <c r="B1141">
        <v>109.628</v>
      </c>
      <c r="C1141">
        <v>123.395</v>
      </c>
      <c r="D1141">
        <v>189.06</v>
      </c>
      <c r="E1141">
        <v>10091.299999999999</v>
      </c>
      <c r="F1141">
        <v>10800</v>
      </c>
      <c r="G1141">
        <v>22337</v>
      </c>
      <c r="H1141">
        <v>2.6771699999999998</v>
      </c>
      <c r="I1141">
        <v>24666.9</v>
      </c>
      <c r="J1141">
        <v>25.377199999999998</v>
      </c>
    </row>
    <row r="1142" spans="1:10" x14ac:dyDescent="0.25">
      <c r="A1142">
        <v>8</v>
      </c>
      <c r="B1142">
        <v>109.628</v>
      </c>
      <c r="C1142">
        <v>124.652</v>
      </c>
      <c r="D1142">
        <v>184.35900000000001</v>
      </c>
      <c r="E1142">
        <v>7795.28</v>
      </c>
      <c r="F1142">
        <v>24576.400000000001</v>
      </c>
      <c r="G1142">
        <v>20976.400000000001</v>
      </c>
      <c r="H1142">
        <v>1.4960599999999999</v>
      </c>
      <c r="I1142">
        <v>37673.199999999997</v>
      </c>
      <c r="J1142">
        <v>92.766300000000001</v>
      </c>
    </row>
    <row r="1143" spans="1:10" x14ac:dyDescent="0.25">
      <c r="A1143">
        <v>8</v>
      </c>
      <c r="B1143">
        <v>94.745699999999999</v>
      </c>
      <c r="C1143">
        <v>123.395</v>
      </c>
      <c r="D1143">
        <v>189.68700000000001</v>
      </c>
      <c r="E1143">
        <v>7370.08</v>
      </c>
      <c r="F1143">
        <v>10800</v>
      </c>
      <c r="G1143">
        <v>22677.200000000001</v>
      </c>
      <c r="H1143">
        <v>3.3149600000000001</v>
      </c>
      <c r="I1143">
        <v>20599.7</v>
      </c>
      <c r="J1143">
        <v>39.714300000000001</v>
      </c>
    </row>
    <row r="1144" spans="1:10" x14ac:dyDescent="0.25">
      <c r="A1144">
        <v>8</v>
      </c>
      <c r="B1144">
        <v>107.029</v>
      </c>
      <c r="C1144">
        <v>113.65600000000001</v>
      </c>
      <c r="D1144">
        <v>190</v>
      </c>
      <c r="E1144">
        <v>7200</v>
      </c>
      <c r="F1144">
        <v>15392.1</v>
      </c>
      <c r="G1144">
        <v>22166.9</v>
      </c>
      <c r="H1144">
        <v>3.45669</v>
      </c>
      <c r="I1144">
        <v>24933.1</v>
      </c>
      <c r="J1144">
        <v>38.499699999999997</v>
      </c>
    </row>
    <row r="1145" spans="1:10" x14ac:dyDescent="0.25">
      <c r="A1145">
        <v>8</v>
      </c>
      <c r="B1145">
        <v>107.029</v>
      </c>
      <c r="C1145">
        <v>117.74</v>
      </c>
      <c r="D1145">
        <v>189.68700000000001</v>
      </c>
      <c r="E1145">
        <v>7540.16</v>
      </c>
      <c r="F1145">
        <v>10800</v>
      </c>
      <c r="G1145">
        <v>18595.3</v>
      </c>
      <c r="H1145">
        <v>3.64567</v>
      </c>
      <c r="I1145">
        <v>20630.099999999999</v>
      </c>
      <c r="J1145">
        <v>55.186</v>
      </c>
    </row>
    <row r="1146" spans="1:10" x14ac:dyDescent="0.25">
      <c r="A1146">
        <v>8</v>
      </c>
      <c r="B1146">
        <v>108.446</v>
      </c>
      <c r="C1146">
        <v>114.913</v>
      </c>
      <c r="D1146">
        <v>179.65799999999999</v>
      </c>
      <c r="E1146">
        <v>10176.4</v>
      </c>
      <c r="F1146">
        <v>11820.5</v>
      </c>
      <c r="G1146">
        <v>25228.3</v>
      </c>
      <c r="H1146">
        <v>1.1181099999999999</v>
      </c>
      <c r="I1146">
        <v>27384.6</v>
      </c>
      <c r="J1146">
        <v>22.387</v>
      </c>
    </row>
    <row r="1147" spans="1:10" x14ac:dyDescent="0.25">
      <c r="A1147">
        <v>8</v>
      </c>
      <c r="B1147">
        <v>108.919</v>
      </c>
      <c r="C1147">
        <v>113.342</v>
      </c>
      <c r="D1147">
        <v>189.68700000000001</v>
      </c>
      <c r="E1147">
        <v>7455.12</v>
      </c>
      <c r="F1147">
        <v>10800</v>
      </c>
      <c r="G1147">
        <v>19785.8</v>
      </c>
      <c r="H1147">
        <v>3.64567</v>
      </c>
      <c r="I1147">
        <v>20561.3</v>
      </c>
      <c r="J1147">
        <v>71.873199999999997</v>
      </c>
    </row>
    <row r="1148" spans="1:10" x14ac:dyDescent="0.25">
      <c r="A1148">
        <v>8</v>
      </c>
      <c r="B1148">
        <v>106.79300000000001</v>
      </c>
      <c r="C1148">
        <v>124.024</v>
      </c>
      <c r="D1148">
        <v>181.53899999999999</v>
      </c>
      <c r="E1148">
        <v>10516.5</v>
      </c>
      <c r="F1148">
        <v>19984.3</v>
      </c>
      <c r="G1148">
        <v>26078.7</v>
      </c>
      <c r="H1148">
        <v>2.25197</v>
      </c>
      <c r="I1148">
        <v>36430.5</v>
      </c>
      <c r="J1148">
        <v>16.778199999999998</v>
      </c>
    </row>
    <row r="1149" spans="1:10" x14ac:dyDescent="0.25">
      <c r="A1149">
        <v>8</v>
      </c>
      <c r="B1149">
        <v>108.919</v>
      </c>
      <c r="C1149">
        <v>123.395</v>
      </c>
      <c r="D1149">
        <v>189.68700000000001</v>
      </c>
      <c r="E1149">
        <v>7795.28</v>
      </c>
      <c r="F1149">
        <v>10800</v>
      </c>
      <c r="G1149">
        <v>19785.8</v>
      </c>
      <c r="H1149">
        <v>2.1574800000000001</v>
      </c>
      <c r="I1149">
        <v>22246.5</v>
      </c>
      <c r="J1149">
        <v>90.747500000000002</v>
      </c>
    </row>
    <row r="1150" spans="1:10" x14ac:dyDescent="0.25">
      <c r="A1150">
        <v>8</v>
      </c>
      <c r="B1150">
        <v>104.431</v>
      </c>
      <c r="C1150">
        <v>124.652</v>
      </c>
      <c r="D1150">
        <v>174.33099999999999</v>
      </c>
      <c r="E1150">
        <v>10346.5</v>
      </c>
      <c r="F1150">
        <v>11820.5</v>
      </c>
      <c r="G1150">
        <v>20296.099999999999</v>
      </c>
      <c r="H1150">
        <v>2.4409399999999999</v>
      </c>
      <c r="I1150">
        <v>26225.3</v>
      </c>
      <c r="J1150">
        <v>101.699</v>
      </c>
    </row>
    <row r="1151" spans="1:10" x14ac:dyDescent="0.25">
      <c r="A1151">
        <v>8</v>
      </c>
      <c r="B1151">
        <v>106.32</v>
      </c>
      <c r="C1151">
        <v>114.913</v>
      </c>
      <c r="D1151">
        <v>188.74600000000001</v>
      </c>
      <c r="E1151">
        <v>7710.24</v>
      </c>
      <c r="F1151">
        <v>11310.2</v>
      </c>
      <c r="G1151">
        <v>18255.099999999999</v>
      </c>
      <c r="H1151">
        <v>2.6299199999999998</v>
      </c>
      <c r="I1151">
        <v>21831.599999999999</v>
      </c>
      <c r="J1151">
        <v>54.764400000000002</v>
      </c>
    </row>
    <row r="1152" spans="1:10" x14ac:dyDescent="0.25">
      <c r="A1152">
        <v>8</v>
      </c>
      <c r="B1152">
        <v>106.557</v>
      </c>
      <c r="C1152">
        <v>113.97</v>
      </c>
      <c r="D1152">
        <v>184.98599999999999</v>
      </c>
      <c r="E1152">
        <v>11877.2</v>
      </c>
      <c r="F1152">
        <v>11820.5</v>
      </c>
      <c r="G1152">
        <v>19275.599999999999</v>
      </c>
      <c r="H1152">
        <v>3.00787</v>
      </c>
      <c r="I1152">
        <v>26270.2</v>
      </c>
      <c r="J1152">
        <v>36.058500000000002</v>
      </c>
    </row>
    <row r="1153" spans="1:10" x14ac:dyDescent="0.25">
      <c r="A1153">
        <v>8</v>
      </c>
      <c r="B1153">
        <v>108.446</v>
      </c>
      <c r="C1153">
        <v>114.598</v>
      </c>
      <c r="D1153">
        <v>189.68700000000001</v>
      </c>
      <c r="E1153">
        <v>9070.8700000000008</v>
      </c>
      <c r="F1153">
        <v>11310.2</v>
      </c>
      <c r="G1153">
        <v>22507.1</v>
      </c>
      <c r="H1153">
        <v>2.25197</v>
      </c>
      <c r="I1153">
        <v>23503</v>
      </c>
      <c r="J1153">
        <v>43.921399999999998</v>
      </c>
    </row>
    <row r="1154" spans="1:10" x14ac:dyDescent="0.25">
      <c r="A1154">
        <v>8</v>
      </c>
      <c r="B1154">
        <v>109.628</v>
      </c>
      <c r="C1154">
        <v>123.395</v>
      </c>
      <c r="D1154">
        <v>169.31700000000001</v>
      </c>
      <c r="E1154">
        <v>10431.5</v>
      </c>
      <c r="F1154">
        <v>11310.2</v>
      </c>
      <c r="G1154">
        <v>22337</v>
      </c>
      <c r="H1154">
        <v>3.4330699999999998</v>
      </c>
      <c r="I1154">
        <v>25935.5</v>
      </c>
      <c r="J1154">
        <v>30.161000000000001</v>
      </c>
    </row>
    <row r="1155" spans="1:10" x14ac:dyDescent="0.25">
      <c r="A1155">
        <v>8</v>
      </c>
      <c r="B1155">
        <v>109.628</v>
      </c>
      <c r="C1155">
        <v>119.625</v>
      </c>
      <c r="D1155">
        <v>189.06</v>
      </c>
      <c r="E1155">
        <v>7710.24</v>
      </c>
      <c r="F1155">
        <v>15392.1</v>
      </c>
      <c r="G1155">
        <v>20976.400000000001</v>
      </c>
      <c r="H1155">
        <v>1.82677</v>
      </c>
      <c r="I1155">
        <v>28251.1</v>
      </c>
      <c r="J1155">
        <v>27.5701</v>
      </c>
    </row>
    <row r="1156" spans="1:10" x14ac:dyDescent="0.25">
      <c r="A1156">
        <v>8</v>
      </c>
      <c r="B1156">
        <v>109.39100000000001</v>
      </c>
      <c r="C1156">
        <v>123.395</v>
      </c>
      <c r="D1156">
        <v>189.06</v>
      </c>
      <c r="E1156">
        <v>10091.299999999999</v>
      </c>
      <c r="F1156">
        <v>10800</v>
      </c>
      <c r="G1156">
        <v>22337</v>
      </c>
      <c r="H1156">
        <v>3.3858299999999999</v>
      </c>
      <c r="I1156">
        <v>23917</v>
      </c>
      <c r="J1156">
        <v>79.918300000000002</v>
      </c>
    </row>
    <row r="1157" spans="1:10" x14ac:dyDescent="0.25">
      <c r="A1157">
        <v>8</v>
      </c>
      <c r="B1157">
        <v>107.738</v>
      </c>
      <c r="C1157">
        <v>123.395</v>
      </c>
      <c r="D1157">
        <v>184.04599999999999</v>
      </c>
      <c r="E1157">
        <v>10516.5</v>
      </c>
      <c r="F1157">
        <v>11820.5</v>
      </c>
      <c r="G1157">
        <v>22337</v>
      </c>
      <c r="H1157">
        <v>3.7637800000000001</v>
      </c>
      <c r="I1157">
        <v>25392.3</v>
      </c>
      <c r="J1157">
        <v>100.03</v>
      </c>
    </row>
    <row r="1158" spans="1:10" x14ac:dyDescent="0.25">
      <c r="A1158">
        <v>8</v>
      </c>
      <c r="B1158">
        <v>108.68300000000001</v>
      </c>
      <c r="C1158">
        <v>119.625</v>
      </c>
      <c r="D1158">
        <v>169.00299999999999</v>
      </c>
      <c r="E1158">
        <v>10516.5</v>
      </c>
      <c r="F1158">
        <v>11310.2</v>
      </c>
      <c r="G1158">
        <v>20636.2</v>
      </c>
      <c r="H1158">
        <v>2.25197</v>
      </c>
      <c r="I1158">
        <v>25402.7</v>
      </c>
      <c r="J1158">
        <v>33.115299999999998</v>
      </c>
    </row>
    <row r="1159" spans="1:10" x14ac:dyDescent="0.25">
      <c r="A1159">
        <v>8</v>
      </c>
      <c r="B1159">
        <v>105.848</v>
      </c>
      <c r="C1159">
        <v>113.342</v>
      </c>
      <c r="D1159">
        <v>189.37299999999999</v>
      </c>
      <c r="E1159">
        <v>7710.24</v>
      </c>
      <c r="F1159">
        <v>11310.2</v>
      </c>
      <c r="G1159">
        <v>20976.400000000001</v>
      </c>
      <c r="H1159">
        <v>1.37795</v>
      </c>
      <c r="I1159">
        <v>23814</v>
      </c>
      <c r="J1159">
        <v>54.677199999999999</v>
      </c>
    </row>
    <row r="1160" spans="1:10" x14ac:dyDescent="0.25">
      <c r="A1160">
        <v>8</v>
      </c>
      <c r="B1160">
        <v>108.446</v>
      </c>
      <c r="C1160">
        <v>118.369</v>
      </c>
      <c r="D1160">
        <v>189.06</v>
      </c>
      <c r="E1160">
        <v>10431.5</v>
      </c>
      <c r="F1160">
        <v>11310.2</v>
      </c>
      <c r="G1160">
        <v>19275.599999999999</v>
      </c>
      <c r="H1160">
        <v>2.6063000000000001</v>
      </c>
      <c r="I1160">
        <v>24636.3</v>
      </c>
      <c r="J1160">
        <v>25.381599999999999</v>
      </c>
    </row>
    <row r="1161" spans="1:10" x14ac:dyDescent="0.25">
      <c r="A1161">
        <v>8</v>
      </c>
      <c r="B1161">
        <v>105.848</v>
      </c>
      <c r="C1161">
        <v>123.395</v>
      </c>
      <c r="D1161">
        <v>189.06</v>
      </c>
      <c r="E1161">
        <v>7370.08</v>
      </c>
      <c r="F1161">
        <v>10800</v>
      </c>
      <c r="G1161">
        <v>22677.200000000001</v>
      </c>
      <c r="H1161">
        <v>3.5275599999999998</v>
      </c>
      <c r="I1161">
        <v>20756.400000000001</v>
      </c>
      <c r="J1161">
        <v>104.988</v>
      </c>
    </row>
    <row r="1162" spans="1:10" x14ac:dyDescent="0.25">
      <c r="A1162">
        <v>8</v>
      </c>
      <c r="B1162">
        <v>108.919</v>
      </c>
      <c r="C1162">
        <v>124.024</v>
      </c>
      <c r="D1162">
        <v>181.852</v>
      </c>
      <c r="E1162">
        <v>10431.5</v>
      </c>
      <c r="F1162">
        <v>11820.5</v>
      </c>
      <c r="G1162">
        <v>19955.900000000001</v>
      </c>
      <c r="H1162">
        <v>3.7637800000000001</v>
      </c>
      <c r="I1162">
        <v>26496.799999999999</v>
      </c>
      <c r="J1162">
        <v>30.486599999999999</v>
      </c>
    </row>
    <row r="1163" spans="1:10" x14ac:dyDescent="0.25">
      <c r="A1163">
        <v>8</v>
      </c>
      <c r="B1163">
        <v>105.848</v>
      </c>
      <c r="C1163">
        <v>114.913</v>
      </c>
      <c r="D1163">
        <v>189.06</v>
      </c>
      <c r="E1163">
        <v>7710.24</v>
      </c>
      <c r="F1163">
        <v>15392.1</v>
      </c>
      <c r="G1163">
        <v>20976.400000000001</v>
      </c>
      <c r="H1163">
        <v>1.02362</v>
      </c>
      <c r="I1163">
        <v>29208.799999999999</v>
      </c>
      <c r="J1163">
        <v>18.7959</v>
      </c>
    </row>
    <row r="1164" spans="1:10" x14ac:dyDescent="0.25">
      <c r="A1164">
        <v>8</v>
      </c>
      <c r="B1164">
        <v>109.155</v>
      </c>
      <c r="C1164">
        <v>129.679</v>
      </c>
      <c r="D1164">
        <v>174.017</v>
      </c>
      <c r="E1164">
        <v>7455.12</v>
      </c>
      <c r="F1164">
        <v>10800</v>
      </c>
      <c r="G1164">
        <v>19955.900000000001</v>
      </c>
      <c r="H1164">
        <v>3.00787</v>
      </c>
      <c r="I1164">
        <v>21843.1</v>
      </c>
      <c r="J1164">
        <v>116.72799999999999</v>
      </c>
    </row>
    <row r="1165" spans="1:10" x14ac:dyDescent="0.25">
      <c r="A1165">
        <v>8</v>
      </c>
      <c r="B1165">
        <v>108.919</v>
      </c>
      <c r="C1165">
        <v>114.598</v>
      </c>
      <c r="D1165">
        <v>189.68700000000001</v>
      </c>
      <c r="E1165">
        <v>7455.12</v>
      </c>
      <c r="F1165">
        <v>10800</v>
      </c>
      <c r="G1165">
        <v>18425.2</v>
      </c>
      <c r="H1165">
        <v>3.9527600000000001</v>
      </c>
      <c r="I1165">
        <v>20392.900000000001</v>
      </c>
      <c r="J1165">
        <v>71.040099999999995</v>
      </c>
    </row>
    <row r="1166" spans="1:10" x14ac:dyDescent="0.25">
      <c r="A1166">
        <v>8</v>
      </c>
      <c r="B1166">
        <v>108.446</v>
      </c>
      <c r="C1166">
        <v>114.28400000000001</v>
      </c>
      <c r="D1166">
        <v>187.18</v>
      </c>
      <c r="E1166">
        <v>7710.24</v>
      </c>
      <c r="F1166">
        <v>11310.2</v>
      </c>
      <c r="G1166">
        <v>22507.1</v>
      </c>
      <c r="H1166">
        <v>2.29921</v>
      </c>
      <c r="I1166">
        <v>22093.5</v>
      </c>
      <c r="J1166">
        <v>47.461599999999997</v>
      </c>
    </row>
    <row r="1167" spans="1:10" x14ac:dyDescent="0.25">
      <c r="A1167">
        <v>8</v>
      </c>
      <c r="B1167">
        <v>108.446</v>
      </c>
      <c r="C1167">
        <v>129.679</v>
      </c>
      <c r="D1167">
        <v>169.94300000000001</v>
      </c>
      <c r="E1167">
        <v>10176.4</v>
      </c>
      <c r="F1167">
        <v>10800</v>
      </c>
      <c r="G1167">
        <v>19955.900000000001</v>
      </c>
      <c r="H1167">
        <v>3.7637800000000001</v>
      </c>
      <c r="I1167">
        <v>24881.8</v>
      </c>
      <c r="J1167">
        <v>110.812</v>
      </c>
    </row>
    <row r="1168" spans="1:10" x14ac:dyDescent="0.25">
      <c r="A1168">
        <v>8</v>
      </c>
      <c r="B1168">
        <v>108.68300000000001</v>
      </c>
      <c r="C1168">
        <v>119.93899999999999</v>
      </c>
      <c r="D1168">
        <v>186.553</v>
      </c>
      <c r="E1168">
        <v>7370.08</v>
      </c>
      <c r="F1168">
        <v>14881.9</v>
      </c>
      <c r="G1168">
        <v>18255.099999999999</v>
      </c>
      <c r="H1168">
        <v>3.64567</v>
      </c>
      <c r="I1168">
        <v>25394.5</v>
      </c>
      <c r="J1168">
        <v>64.489000000000004</v>
      </c>
    </row>
    <row r="1169" spans="1:10" x14ac:dyDescent="0.25">
      <c r="A1169">
        <v>8</v>
      </c>
      <c r="B1169">
        <v>108.919</v>
      </c>
      <c r="C1169">
        <v>113.342</v>
      </c>
      <c r="D1169">
        <v>189.68700000000001</v>
      </c>
      <c r="E1169">
        <v>7455.12</v>
      </c>
      <c r="F1169">
        <v>10800</v>
      </c>
      <c r="G1169">
        <v>25228.3</v>
      </c>
      <c r="H1169">
        <v>3.64567</v>
      </c>
      <c r="I1169">
        <v>20561.3</v>
      </c>
      <c r="J1169">
        <v>71.873199999999997</v>
      </c>
    </row>
    <row r="1170" spans="1:10" x14ac:dyDescent="0.25">
      <c r="A1170">
        <v>8</v>
      </c>
      <c r="B1170">
        <v>104.90300000000001</v>
      </c>
      <c r="C1170">
        <v>123.395</v>
      </c>
      <c r="D1170">
        <v>189.68700000000001</v>
      </c>
      <c r="E1170">
        <v>7370.08</v>
      </c>
      <c r="F1170">
        <v>10800</v>
      </c>
      <c r="G1170">
        <v>22677.200000000001</v>
      </c>
      <c r="H1170">
        <v>3.5275599999999998</v>
      </c>
      <c r="I1170">
        <v>20675.900000000001</v>
      </c>
      <c r="J1170">
        <v>86.108000000000004</v>
      </c>
    </row>
    <row r="1171" spans="1:10" x14ac:dyDescent="0.25">
      <c r="A1171">
        <v>8</v>
      </c>
      <c r="B1171">
        <v>105.848</v>
      </c>
      <c r="C1171">
        <v>114.913</v>
      </c>
      <c r="D1171">
        <v>190</v>
      </c>
      <c r="E1171">
        <v>7795.28</v>
      </c>
      <c r="F1171">
        <v>10800</v>
      </c>
      <c r="G1171">
        <v>22677.200000000001</v>
      </c>
      <c r="H1171">
        <v>1.3070900000000001</v>
      </c>
      <c r="I1171">
        <v>23496.400000000001</v>
      </c>
      <c r="J1171">
        <v>72.397900000000007</v>
      </c>
    </row>
    <row r="1172" spans="1:10" x14ac:dyDescent="0.25">
      <c r="A1172">
        <v>8</v>
      </c>
      <c r="B1172">
        <v>108.68300000000001</v>
      </c>
      <c r="C1172">
        <v>113.342</v>
      </c>
      <c r="D1172">
        <v>189.37299999999999</v>
      </c>
      <c r="E1172">
        <v>7795.28</v>
      </c>
      <c r="F1172">
        <v>11310.2</v>
      </c>
      <c r="G1172">
        <v>18255.099999999999</v>
      </c>
      <c r="H1172">
        <v>2.2283499999999998</v>
      </c>
      <c r="I1172">
        <v>22351.5</v>
      </c>
      <c r="J1172">
        <v>47.099200000000003</v>
      </c>
    </row>
    <row r="1173" spans="1:10" x14ac:dyDescent="0.25">
      <c r="A1173">
        <v>8</v>
      </c>
      <c r="B1173">
        <v>108.68300000000001</v>
      </c>
      <c r="C1173">
        <v>123.709</v>
      </c>
      <c r="D1173">
        <v>190</v>
      </c>
      <c r="E1173">
        <v>7795.28</v>
      </c>
      <c r="F1173">
        <v>11310.2</v>
      </c>
      <c r="G1173">
        <v>19955.900000000001</v>
      </c>
      <c r="H1173">
        <v>2.25197</v>
      </c>
      <c r="I1173">
        <v>23618</v>
      </c>
      <c r="J1173">
        <v>28.352900000000002</v>
      </c>
    </row>
    <row r="1174" spans="1:10" x14ac:dyDescent="0.25">
      <c r="A1174">
        <v>8</v>
      </c>
      <c r="B1174">
        <v>109.628</v>
      </c>
      <c r="C1174">
        <v>124.652</v>
      </c>
      <c r="D1174">
        <v>189.68700000000001</v>
      </c>
      <c r="E1174">
        <v>7370.08</v>
      </c>
      <c r="F1174">
        <v>11310.2</v>
      </c>
      <c r="G1174">
        <v>21316.5</v>
      </c>
      <c r="H1174">
        <v>1.1181099999999999</v>
      </c>
      <c r="I1174">
        <v>24667.9</v>
      </c>
      <c r="J1174">
        <v>94.5518</v>
      </c>
    </row>
    <row r="1175" spans="1:10" x14ac:dyDescent="0.25">
      <c r="A1175">
        <v>8</v>
      </c>
      <c r="B1175">
        <v>106.557</v>
      </c>
      <c r="C1175">
        <v>124.024</v>
      </c>
      <c r="D1175">
        <v>184.04599999999999</v>
      </c>
      <c r="E1175">
        <v>7795.28</v>
      </c>
      <c r="F1175">
        <v>18963.8</v>
      </c>
      <c r="G1175">
        <v>19785.8</v>
      </c>
      <c r="H1175">
        <v>2.25197</v>
      </c>
      <c r="I1175">
        <v>30831.5</v>
      </c>
      <c r="J1175">
        <v>98.042599999999993</v>
      </c>
    </row>
    <row r="1176" spans="1:10" x14ac:dyDescent="0.25">
      <c r="A1176">
        <v>8</v>
      </c>
      <c r="B1176">
        <v>108.68300000000001</v>
      </c>
      <c r="C1176">
        <v>124.024</v>
      </c>
      <c r="D1176">
        <v>189.06</v>
      </c>
      <c r="E1176">
        <v>10091.299999999999</v>
      </c>
      <c r="F1176">
        <v>11820.5</v>
      </c>
      <c r="G1176">
        <v>19615.7</v>
      </c>
      <c r="H1176">
        <v>2.25197</v>
      </c>
      <c r="I1176">
        <v>25735.200000000001</v>
      </c>
      <c r="J1176">
        <v>103.024</v>
      </c>
    </row>
    <row r="1177" spans="1:10" x14ac:dyDescent="0.25">
      <c r="A1177">
        <v>8</v>
      </c>
      <c r="B1177">
        <v>108.446</v>
      </c>
      <c r="C1177">
        <v>119.625</v>
      </c>
      <c r="D1177">
        <v>167.75</v>
      </c>
      <c r="E1177">
        <v>7710.24</v>
      </c>
      <c r="F1177">
        <v>12330.7</v>
      </c>
      <c r="G1177">
        <v>28119.7</v>
      </c>
      <c r="H1177">
        <v>1.4960599999999999</v>
      </c>
      <c r="I1177">
        <v>24636.799999999999</v>
      </c>
      <c r="J1177">
        <v>23.756399999999999</v>
      </c>
    </row>
    <row r="1178" spans="1:10" x14ac:dyDescent="0.25">
      <c r="A1178">
        <v>8</v>
      </c>
      <c r="B1178">
        <v>104.90300000000001</v>
      </c>
      <c r="C1178">
        <v>129.99299999999999</v>
      </c>
      <c r="D1178">
        <v>187.18</v>
      </c>
      <c r="E1178">
        <v>7285.04</v>
      </c>
      <c r="F1178">
        <v>10800</v>
      </c>
      <c r="G1178">
        <v>19615.7</v>
      </c>
      <c r="H1178">
        <v>2.0629900000000001</v>
      </c>
      <c r="I1178">
        <v>21982.400000000001</v>
      </c>
      <c r="J1178">
        <v>121.15300000000001</v>
      </c>
    </row>
    <row r="1179" spans="1:10" x14ac:dyDescent="0.25">
      <c r="A1179">
        <v>8</v>
      </c>
      <c r="B1179">
        <v>109.39100000000001</v>
      </c>
      <c r="C1179">
        <v>123.395</v>
      </c>
      <c r="D1179">
        <v>184.35900000000001</v>
      </c>
      <c r="E1179">
        <v>7370.08</v>
      </c>
      <c r="F1179">
        <v>10800</v>
      </c>
      <c r="G1179">
        <v>22507.1</v>
      </c>
      <c r="H1179">
        <v>2.2755899999999998</v>
      </c>
      <c r="I1179">
        <v>21706</v>
      </c>
      <c r="J1179">
        <v>95.0989</v>
      </c>
    </row>
    <row r="1180" spans="1:10" x14ac:dyDescent="0.25">
      <c r="A1180">
        <v>8</v>
      </c>
      <c r="B1180">
        <v>108.446</v>
      </c>
      <c r="C1180">
        <v>123.709</v>
      </c>
      <c r="D1180">
        <v>184.672</v>
      </c>
      <c r="E1180">
        <v>7710.24</v>
      </c>
      <c r="F1180">
        <v>11310.2</v>
      </c>
      <c r="G1180">
        <v>21316.5</v>
      </c>
      <c r="H1180">
        <v>1.85039</v>
      </c>
      <c r="I1180">
        <v>23399.5</v>
      </c>
      <c r="J1180">
        <v>42.982700000000001</v>
      </c>
    </row>
    <row r="1181" spans="1:10" x14ac:dyDescent="0.25">
      <c r="A1181">
        <v>8</v>
      </c>
      <c r="B1181">
        <v>106.79300000000001</v>
      </c>
      <c r="C1181">
        <v>117.74</v>
      </c>
      <c r="D1181">
        <v>184.98599999999999</v>
      </c>
      <c r="E1181">
        <v>10516.5</v>
      </c>
      <c r="F1181">
        <v>19984.3</v>
      </c>
      <c r="G1181">
        <v>19955.900000000001</v>
      </c>
      <c r="H1181">
        <v>1.85039</v>
      </c>
      <c r="I1181">
        <v>35680.6</v>
      </c>
      <c r="J1181">
        <v>33.047400000000003</v>
      </c>
    </row>
    <row r="1182" spans="1:10" x14ac:dyDescent="0.25">
      <c r="A1182">
        <v>8</v>
      </c>
      <c r="B1182">
        <v>90.729900000000001</v>
      </c>
      <c r="C1182">
        <v>124.652</v>
      </c>
      <c r="D1182">
        <v>176.524</v>
      </c>
      <c r="E1182">
        <v>10176.4</v>
      </c>
      <c r="F1182">
        <v>10800</v>
      </c>
      <c r="G1182">
        <v>21316.5</v>
      </c>
      <c r="H1182">
        <v>1.02362</v>
      </c>
      <c r="I1182">
        <v>27017.3</v>
      </c>
      <c r="J1182">
        <v>90.574399999999997</v>
      </c>
    </row>
    <row r="1183" spans="1:10" x14ac:dyDescent="0.25">
      <c r="A1183">
        <v>8</v>
      </c>
      <c r="B1183">
        <v>107.738</v>
      </c>
      <c r="C1183">
        <v>117.74</v>
      </c>
      <c r="D1183">
        <v>179.65799999999999</v>
      </c>
      <c r="E1183">
        <v>7370.08</v>
      </c>
      <c r="F1183">
        <v>10800</v>
      </c>
      <c r="G1183">
        <v>19785.8</v>
      </c>
      <c r="H1183">
        <v>3.3858299999999999</v>
      </c>
      <c r="I1183">
        <v>20816.8</v>
      </c>
      <c r="J1183">
        <v>57.959299999999999</v>
      </c>
    </row>
    <row r="1184" spans="1:10" x14ac:dyDescent="0.25">
      <c r="A1184">
        <v>8</v>
      </c>
      <c r="B1184">
        <v>109.155</v>
      </c>
      <c r="C1184">
        <v>123.709</v>
      </c>
      <c r="D1184">
        <v>189.68700000000001</v>
      </c>
      <c r="E1184">
        <v>7795.28</v>
      </c>
      <c r="F1184">
        <v>11310.2</v>
      </c>
      <c r="G1184">
        <v>18085</v>
      </c>
      <c r="H1184">
        <v>3.5748000000000002</v>
      </c>
      <c r="I1184">
        <v>21634.400000000001</v>
      </c>
      <c r="J1184">
        <v>107.18600000000001</v>
      </c>
    </row>
    <row r="1185" spans="1:10" x14ac:dyDescent="0.25">
      <c r="A1185">
        <v>8</v>
      </c>
      <c r="B1185">
        <v>108.21</v>
      </c>
      <c r="C1185">
        <v>123.709</v>
      </c>
      <c r="D1185">
        <v>179.345</v>
      </c>
      <c r="E1185">
        <v>7710.24</v>
      </c>
      <c r="F1185">
        <v>11310.2</v>
      </c>
      <c r="G1185">
        <v>22677.200000000001</v>
      </c>
      <c r="H1185">
        <v>2.79528</v>
      </c>
      <c r="I1185">
        <v>22301</v>
      </c>
      <c r="J1185">
        <v>93.497900000000001</v>
      </c>
    </row>
    <row r="1186" spans="1:10" x14ac:dyDescent="0.25">
      <c r="A1186">
        <v>8</v>
      </c>
      <c r="B1186">
        <v>108.68300000000001</v>
      </c>
      <c r="C1186">
        <v>113.65600000000001</v>
      </c>
      <c r="D1186">
        <v>167.75</v>
      </c>
      <c r="E1186">
        <v>10091.299999999999</v>
      </c>
      <c r="F1186">
        <v>10800</v>
      </c>
      <c r="G1186">
        <v>25058.3</v>
      </c>
      <c r="H1186">
        <v>3.3858299999999999</v>
      </c>
      <c r="I1186">
        <v>25242.799999999999</v>
      </c>
      <c r="J1186">
        <v>52.318800000000003</v>
      </c>
    </row>
    <row r="1187" spans="1:10" x14ac:dyDescent="0.25">
      <c r="A1187">
        <v>8</v>
      </c>
      <c r="B1187">
        <v>108.68300000000001</v>
      </c>
      <c r="C1187">
        <v>129.05000000000001</v>
      </c>
      <c r="D1187">
        <v>181.53899999999999</v>
      </c>
      <c r="E1187">
        <v>7455.12</v>
      </c>
      <c r="F1187">
        <v>19474</v>
      </c>
      <c r="G1187">
        <v>19955.900000000001</v>
      </c>
      <c r="H1187">
        <v>2.25197</v>
      </c>
      <c r="I1187">
        <v>30954.2</v>
      </c>
      <c r="J1187">
        <v>109.044</v>
      </c>
    </row>
    <row r="1188" spans="1:10" x14ac:dyDescent="0.25">
      <c r="A1188">
        <v>8</v>
      </c>
      <c r="B1188">
        <v>109.628</v>
      </c>
      <c r="C1188">
        <v>113.65600000000001</v>
      </c>
      <c r="D1188">
        <v>189.68700000000001</v>
      </c>
      <c r="E1188">
        <v>10431.5</v>
      </c>
      <c r="F1188">
        <v>11820.5</v>
      </c>
      <c r="G1188">
        <v>21316.5</v>
      </c>
      <c r="H1188">
        <v>1.89764</v>
      </c>
      <c r="I1188">
        <v>25867.9</v>
      </c>
      <c r="J1188">
        <v>33.2928</v>
      </c>
    </row>
    <row r="1189" spans="1:10" x14ac:dyDescent="0.25">
      <c r="A1189">
        <v>8</v>
      </c>
      <c r="B1189">
        <v>92.619699999999995</v>
      </c>
      <c r="C1189">
        <v>114.598</v>
      </c>
      <c r="D1189">
        <v>179.345</v>
      </c>
      <c r="E1189">
        <v>7540.16</v>
      </c>
      <c r="F1189">
        <v>11310.2</v>
      </c>
      <c r="G1189">
        <v>18255.099999999999</v>
      </c>
      <c r="H1189">
        <v>3.55118</v>
      </c>
      <c r="I1189">
        <v>21592</v>
      </c>
      <c r="J1189">
        <v>105.39400000000001</v>
      </c>
    </row>
    <row r="1190" spans="1:10" x14ac:dyDescent="0.25">
      <c r="A1190">
        <v>8</v>
      </c>
      <c r="B1190">
        <v>108.446</v>
      </c>
      <c r="C1190">
        <v>114.913</v>
      </c>
      <c r="D1190">
        <v>188.74600000000001</v>
      </c>
      <c r="E1190">
        <v>7795.28</v>
      </c>
      <c r="F1190">
        <v>11310.2</v>
      </c>
      <c r="G1190">
        <v>19955.900000000001</v>
      </c>
      <c r="H1190">
        <v>2.25197</v>
      </c>
      <c r="I1190">
        <v>22214.1</v>
      </c>
      <c r="J1190">
        <v>44.084400000000002</v>
      </c>
    </row>
    <row r="1191" spans="1:10" x14ac:dyDescent="0.25">
      <c r="A1191">
        <v>8</v>
      </c>
      <c r="B1191">
        <v>94.273200000000003</v>
      </c>
      <c r="C1191">
        <v>123.395</v>
      </c>
      <c r="D1191">
        <v>189.68700000000001</v>
      </c>
      <c r="E1191">
        <v>7370.08</v>
      </c>
      <c r="F1191">
        <v>15392.1</v>
      </c>
      <c r="G1191">
        <v>22337</v>
      </c>
      <c r="H1191">
        <v>1.89764</v>
      </c>
      <c r="I1191">
        <v>28875.8</v>
      </c>
      <c r="J1191">
        <v>31.204499999999999</v>
      </c>
    </row>
    <row r="1192" spans="1:10" x14ac:dyDescent="0.25">
      <c r="A1192">
        <v>8</v>
      </c>
      <c r="B1192">
        <v>108.68300000000001</v>
      </c>
      <c r="C1192">
        <v>114.913</v>
      </c>
      <c r="D1192">
        <v>174.64400000000001</v>
      </c>
      <c r="E1192">
        <v>7795.28</v>
      </c>
      <c r="F1192">
        <v>18963.8</v>
      </c>
      <c r="G1192">
        <v>21316.5</v>
      </c>
      <c r="H1192">
        <v>2.25197</v>
      </c>
      <c r="I1192">
        <v>33300.300000000003</v>
      </c>
      <c r="J1192">
        <v>28.372</v>
      </c>
    </row>
    <row r="1193" spans="1:10" x14ac:dyDescent="0.25">
      <c r="A1193">
        <v>8</v>
      </c>
      <c r="B1193">
        <v>104.90300000000001</v>
      </c>
      <c r="C1193">
        <v>114.913</v>
      </c>
      <c r="D1193">
        <v>174.017</v>
      </c>
      <c r="E1193">
        <v>10431.5</v>
      </c>
      <c r="F1193">
        <v>15902.4</v>
      </c>
      <c r="G1193">
        <v>25398.400000000001</v>
      </c>
      <c r="H1193">
        <v>1.5905499999999999</v>
      </c>
      <c r="I1193">
        <v>31981.599999999999</v>
      </c>
      <c r="J1193">
        <v>30.108699999999999</v>
      </c>
    </row>
    <row r="1194" spans="1:10" x14ac:dyDescent="0.25">
      <c r="A1194">
        <v>8</v>
      </c>
      <c r="B1194">
        <v>106.79300000000001</v>
      </c>
      <c r="C1194">
        <v>129.05000000000001</v>
      </c>
      <c r="D1194">
        <v>186.86600000000001</v>
      </c>
      <c r="E1194">
        <v>7710.24</v>
      </c>
      <c r="F1194">
        <v>12330.7</v>
      </c>
      <c r="G1194">
        <v>19955.900000000001</v>
      </c>
      <c r="H1194">
        <v>2.9133900000000001</v>
      </c>
      <c r="I1194">
        <v>23217.9</v>
      </c>
      <c r="J1194">
        <v>119.06399999999999</v>
      </c>
    </row>
    <row r="1195" spans="1:10" x14ac:dyDescent="0.25">
      <c r="A1195">
        <v>8</v>
      </c>
      <c r="B1195">
        <v>109.39100000000001</v>
      </c>
      <c r="C1195">
        <v>119.93899999999999</v>
      </c>
      <c r="D1195">
        <v>168.69</v>
      </c>
      <c r="E1195">
        <v>10091.299999999999</v>
      </c>
      <c r="F1195">
        <v>11310.2</v>
      </c>
      <c r="G1195">
        <v>22337</v>
      </c>
      <c r="H1195">
        <v>2.29921</v>
      </c>
      <c r="I1195">
        <v>25546</v>
      </c>
      <c r="J1195">
        <v>28.622599999999998</v>
      </c>
    </row>
    <row r="1196" spans="1:10" x14ac:dyDescent="0.25">
      <c r="A1196">
        <v>8</v>
      </c>
      <c r="B1196">
        <v>105.848</v>
      </c>
      <c r="C1196">
        <v>113.02800000000001</v>
      </c>
      <c r="D1196">
        <v>189.06</v>
      </c>
      <c r="E1196">
        <v>10091.299999999999</v>
      </c>
      <c r="F1196">
        <v>15647.2</v>
      </c>
      <c r="G1196">
        <v>22337</v>
      </c>
      <c r="H1196">
        <v>1.87402</v>
      </c>
      <c r="I1196">
        <v>29657.8</v>
      </c>
      <c r="J1196">
        <v>25.6996</v>
      </c>
    </row>
    <row r="1197" spans="1:10" x14ac:dyDescent="0.25">
      <c r="A1197">
        <v>8</v>
      </c>
      <c r="B1197">
        <v>107.265</v>
      </c>
      <c r="C1197">
        <v>122.767</v>
      </c>
      <c r="D1197">
        <v>184.672</v>
      </c>
      <c r="E1197">
        <v>7795.28</v>
      </c>
      <c r="F1197">
        <v>19984.3</v>
      </c>
      <c r="G1197">
        <v>20466.099999999999</v>
      </c>
      <c r="H1197">
        <v>2.25197</v>
      </c>
      <c r="I1197">
        <v>31852.6</v>
      </c>
      <c r="J1197">
        <v>80.150099999999995</v>
      </c>
    </row>
    <row r="1198" spans="1:10" x14ac:dyDescent="0.25">
      <c r="A1198">
        <v>8</v>
      </c>
      <c r="B1198">
        <v>88.840199999999996</v>
      </c>
      <c r="C1198">
        <v>113.342</v>
      </c>
      <c r="D1198">
        <v>179.97200000000001</v>
      </c>
      <c r="E1198">
        <v>7710.24</v>
      </c>
      <c r="F1198">
        <v>10800</v>
      </c>
      <c r="G1198">
        <v>22677.200000000001</v>
      </c>
      <c r="H1198">
        <v>3.5275599999999998</v>
      </c>
      <c r="I1198">
        <v>21547.8</v>
      </c>
      <c r="J1198">
        <v>145.01300000000001</v>
      </c>
    </row>
    <row r="1199" spans="1:10" x14ac:dyDescent="0.25">
      <c r="A1199">
        <v>8</v>
      </c>
      <c r="B1199">
        <v>107.738</v>
      </c>
      <c r="C1199">
        <v>122.767</v>
      </c>
      <c r="D1199">
        <v>189.06</v>
      </c>
      <c r="E1199">
        <v>10091.299999999999</v>
      </c>
      <c r="F1199">
        <v>11820.5</v>
      </c>
      <c r="G1199">
        <v>19955.900000000001</v>
      </c>
      <c r="H1199">
        <v>3.8110200000000001</v>
      </c>
      <c r="I1199">
        <v>24900.2</v>
      </c>
      <c r="J1199">
        <v>89.230999999999995</v>
      </c>
    </row>
    <row r="1200" spans="1:10" x14ac:dyDescent="0.25">
      <c r="A1200">
        <v>8</v>
      </c>
      <c r="B1200">
        <v>108.68300000000001</v>
      </c>
      <c r="C1200">
        <v>113.65600000000001</v>
      </c>
      <c r="D1200">
        <v>189.37299999999999</v>
      </c>
      <c r="E1200">
        <v>7370.08</v>
      </c>
      <c r="F1200">
        <v>15392.1</v>
      </c>
      <c r="G1200">
        <v>19955.900000000001</v>
      </c>
      <c r="H1200">
        <v>3.7401599999999999</v>
      </c>
      <c r="I1200">
        <v>25438.2</v>
      </c>
      <c r="J1200">
        <v>31.832599999999999</v>
      </c>
    </row>
    <row r="1201" spans="1:10" x14ac:dyDescent="0.25">
      <c r="A1201">
        <v>8</v>
      </c>
      <c r="B1201">
        <v>104.90300000000001</v>
      </c>
      <c r="C1201">
        <v>114.913</v>
      </c>
      <c r="D1201">
        <v>179.03100000000001</v>
      </c>
      <c r="E1201">
        <v>7370.08</v>
      </c>
      <c r="F1201">
        <v>11310.2</v>
      </c>
      <c r="G1201">
        <v>22507.1</v>
      </c>
      <c r="H1201">
        <v>3.3622000000000001</v>
      </c>
      <c r="I1201">
        <v>21470.6</v>
      </c>
      <c r="J1201">
        <v>76.050700000000006</v>
      </c>
    </row>
    <row r="1202" spans="1:10" x14ac:dyDescent="0.25">
      <c r="A1202">
        <v>8</v>
      </c>
      <c r="B1202">
        <v>106.79300000000001</v>
      </c>
      <c r="C1202">
        <v>123.081</v>
      </c>
      <c r="D1202">
        <v>189.68700000000001</v>
      </c>
      <c r="E1202">
        <v>7370.08</v>
      </c>
      <c r="F1202">
        <v>11310.2</v>
      </c>
      <c r="G1202">
        <v>21316.5</v>
      </c>
      <c r="H1202">
        <v>3.5748000000000002</v>
      </c>
      <c r="I1202">
        <v>21481.4</v>
      </c>
      <c r="J1202">
        <v>82.995099999999994</v>
      </c>
    </row>
    <row r="1203" spans="1:10" x14ac:dyDescent="0.25">
      <c r="A1203">
        <v>8</v>
      </c>
      <c r="B1203">
        <v>103.01300000000001</v>
      </c>
      <c r="C1203">
        <v>114.598</v>
      </c>
      <c r="D1203">
        <v>179.65799999999999</v>
      </c>
      <c r="E1203">
        <v>7200</v>
      </c>
      <c r="F1203">
        <v>10800</v>
      </c>
      <c r="G1203">
        <v>21316.5</v>
      </c>
      <c r="H1203">
        <v>3.2913399999999999</v>
      </c>
      <c r="I1203">
        <v>20872.5</v>
      </c>
      <c r="J1203">
        <v>97.0685</v>
      </c>
    </row>
    <row r="1204" spans="1:10" x14ac:dyDescent="0.25">
      <c r="A1204">
        <v>8</v>
      </c>
      <c r="B1204">
        <v>109.628</v>
      </c>
      <c r="C1204">
        <v>118.997</v>
      </c>
      <c r="D1204">
        <v>169.31700000000001</v>
      </c>
      <c r="E1204">
        <v>10431.5</v>
      </c>
      <c r="F1204">
        <v>10800</v>
      </c>
      <c r="G1204">
        <v>20636.2</v>
      </c>
      <c r="H1204">
        <v>3.7637800000000001</v>
      </c>
      <c r="I1204">
        <v>24362.2</v>
      </c>
      <c r="J1204">
        <v>27.340299999999999</v>
      </c>
    </row>
    <row r="1205" spans="1:10" x14ac:dyDescent="0.25">
      <c r="A1205">
        <v>8</v>
      </c>
      <c r="B1205">
        <v>105.61199999999999</v>
      </c>
      <c r="C1205">
        <v>122.767</v>
      </c>
      <c r="D1205">
        <v>179.97200000000001</v>
      </c>
      <c r="E1205">
        <v>7200</v>
      </c>
      <c r="F1205">
        <v>10800</v>
      </c>
      <c r="G1205">
        <v>19955.900000000001</v>
      </c>
      <c r="H1205">
        <v>3.3858299999999999</v>
      </c>
      <c r="I1205">
        <v>20483.5</v>
      </c>
      <c r="J1205">
        <v>45.027900000000002</v>
      </c>
    </row>
    <row r="1206" spans="1:10" x14ac:dyDescent="0.25">
      <c r="A1206">
        <v>8</v>
      </c>
      <c r="B1206">
        <v>108.446</v>
      </c>
      <c r="C1206">
        <v>119.93899999999999</v>
      </c>
      <c r="D1206">
        <v>190</v>
      </c>
      <c r="E1206">
        <v>10176.4</v>
      </c>
      <c r="F1206">
        <v>11310.2</v>
      </c>
      <c r="G1206">
        <v>19615.7</v>
      </c>
      <c r="H1206">
        <v>2.6299199999999998</v>
      </c>
      <c r="I1206">
        <v>24716.3</v>
      </c>
      <c r="J1206">
        <v>21.4544</v>
      </c>
    </row>
    <row r="1207" spans="1:10" x14ac:dyDescent="0.25">
      <c r="A1207">
        <v>8</v>
      </c>
      <c r="B1207">
        <v>109.155</v>
      </c>
      <c r="C1207">
        <v>112.71299999999999</v>
      </c>
      <c r="D1207">
        <v>189.06</v>
      </c>
      <c r="E1207">
        <v>7625.2</v>
      </c>
      <c r="F1207">
        <v>10800</v>
      </c>
      <c r="G1207">
        <v>21146.5</v>
      </c>
      <c r="H1207">
        <v>3.0551200000000001</v>
      </c>
      <c r="I1207">
        <v>21049.8</v>
      </c>
      <c r="J1207">
        <v>74.622799999999998</v>
      </c>
    </row>
    <row r="1208" spans="1:10" x14ac:dyDescent="0.25">
      <c r="A1208">
        <v>8</v>
      </c>
      <c r="B1208">
        <v>103.958</v>
      </c>
      <c r="C1208">
        <v>123.395</v>
      </c>
      <c r="D1208">
        <v>189.06</v>
      </c>
      <c r="E1208">
        <v>7370.08</v>
      </c>
      <c r="F1208">
        <v>10800</v>
      </c>
      <c r="G1208">
        <v>22337</v>
      </c>
      <c r="H1208">
        <v>3.4330699999999998</v>
      </c>
      <c r="I1208">
        <v>21069.200000000001</v>
      </c>
      <c r="J1208">
        <v>49.315899999999999</v>
      </c>
    </row>
    <row r="1209" spans="1:10" x14ac:dyDescent="0.25">
      <c r="A1209">
        <v>8</v>
      </c>
      <c r="B1209">
        <v>108.446</v>
      </c>
      <c r="C1209">
        <v>119.93899999999999</v>
      </c>
      <c r="D1209">
        <v>169.00299999999999</v>
      </c>
      <c r="E1209">
        <v>10176.4</v>
      </c>
      <c r="F1209">
        <v>10800</v>
      </c>
      <c r="G1209">
        <v>23867.7</v>
      </c>
      <c r="H1209">
        <v>3.5748000000000002</v>
      </c>
      <c r="I1209">
        <v>24287.5</v>
      </c>
      <c r="J1209">
        <v>49.043199999999999</v>
      </c>
    </row>
    <row r="1210" spans="1:10" x14ac:dyDescent="0.25">
      <c r="A1210">
        <v>8</v>
      </c>
      <c r="B1210">
        <v>105.848</v>
      </c>
      <c r="C1210">
        <v>114.913</v>
      </c>
      <c r="D1210">
        <v>189.37299999999999</v>
      </c>
      <c r="E1210">
        <v>7710.24</v>
      </c>
      <c r="F1210">
        <v>15392.1</v>
      </c>
      <c r="G1210">
        <v>20976.400000000001</v>
      </c>
      <c r="H1210">
        <v>1</v>
      </c>
      <c r="I1210">
        <v>29378.3</v>
      </c>
      <c r="J1210">
        <v>17.155000000000001</v>
      </c>
    </row>
    <row r="1211" spans="1:10" x14ac:dyDescent="0.25">
      <c r="A1211">
        <v>8</v>
      </c>
      <c r="B1211">
        <v>90.493700000000004</v>
      </c>
      <c r="C1211">
        <v>123.709</v>
      </c>
      <c r="D1211">
        <v>189.68700000000001</v>
      </c>
      <c r="E1211">
        <v>7370.08</v>
      </c>
      <c r="F1211">
        <v>10800</v>
      </c>
      <c r="G1211">
        <v>19615.7</v>
      </c>
      <c r="H1211">
        <v>2.1102400000000001</v>
      </c>
      <c r="I1211">
        <v>21568.400000000001</v>
      </c>
      <c r="J1211">
        <v>81.7346</v>
      </c>
    </row>
    <row r="1212" spans="1:10" x14ac:dyDescent="0.25">
      <c r="A1212">
        <v>8</v>
      </c>
      <c r="B1212">
        <v>108.446</v>
      </c>
      <c r="C1212">
        <v>113.342</v>
      </c>
      <c r="D1212">
        <v>189.06</v>
      </c>
      <c r="E1212">
        <v>7710.24</v>
      </c>
      <c r="F1212">
        <v>10800</v>
      </c>
      <c r="G1212">
        <v>21316.5</v>
      </c>
      <c r="H1212">
        <v>2.25197</v>
      </c>
      <c r="I1212">
        <v>21689.200000000001</v>
      </c>
      <c r="J1212">
        <v>56.647199999999998</v>
      </c>
    </row>
    <row r="1213" spans="1:10" x14ac:dyDescent="0.25">
      <c r="A1213">
        <v>8</v>
      </c>
      <c r="B1213">
        <v>109.628</v>
      </c>
      <c r="C1213">
        <v>129.679</v>
      </c>
      <c r="D1213">
        <v>189.37299999999999</v>
      </c>
      <c r="E1213">
        <v>10516.5</v>
      </c>
      <c r="F1213">
        <v>11310.2</v>
      </c>
      <c r="G1213">
        <v>19615.7</v>
      </c>
      <c r="H1213">
        <v>2.25197</v>
      </c>
      <c r="I1213">
        <v>25451.3</v>
      </c>
      <c r="J1213">
        <v>101.464</v>
      </c>
    </row>
    <row r="1214" spans="1:10" x14ac:dyDescent="0.25">
      <c r="A1214">
        <v>8</v>
      </c>
      <c r="B1214">
        <v>109.628</v>
      </c>
      <c r="C1214">
        <v>114.598</v>
      </c>
      <c r="D1214">
        <v>179.97200000000001</v>
      </c>
      <c r="E1214">
        <v>7710.24</v>
      </c>
      <c r="F1214">
        <v>11310.2</v>
      </c>
      <c r="G1214">
        <v>21316.5</v>
      </c>
      <c r="H1214">
        <v>1.92126</v>
      </c>
      <c r="I1214">
        <v>22702.9</v>
      </c>
      <c r="J1214">
        <v>52.9069</v>
      </c>
    </row>
    <row r="1215" spans="1:10" x14ac:dyDescent="0.25">
      <c r="A1215">
        <v>8</v>
      </c>
      <c r="B1215">
        <v>105.61199999999999</v>
      </c>
      <c r="C1215">
        <v>119.93899999999999</v>
      </c>
      <c r="D1215">
        <v>189.37299999999999</v>
      </c>
      <c r="E1215">
        <v>7370.08</v>
      </c>
      <c r="F1215">
        <v>10800</v>
      </c>
      <c r="G1215">
        <v>21316.5</v>
      </c>
      <c r="H1215">
        <v>1.85039</v>
      </c>
      <c r="I1215">
        <v>21671.8</v>
      </c>
      <c r="J1215">
        <v>40.405900000000003</v>
      </c>
    </row>
    <row r="1216" spans="1:10" x14ac:dyDescent="0.25">
      <c r="A1216">
        <v>8</v>
      </c>
      <c r="B1216">
        <v>103.958</v>
      </c>
      <c r="C1216">
        <v>114.913</v>
      </c>
      <c r="D1216">
        <v>187.18</v>
      </c>
      <c r="E1216">
        <v>7625.2</v>
      </c>
      <c r="F1216">
        <v>10800</v>
      </c>
      <c r="G1216">
        <v>19615.7</v>
      </c>
      <c r="H1216">
        <v>1.1181099999999999</v>
      </c>
      <c r="I1216">
        <v>24098.5</v>
      </c>
      <c r="J1216">
        <v>72.609099999999998</v>
      </c>
    </row>
    <row r="1217" spans="1:10" x14ac:dyDescent="0.25">
      <c r="A1217">
        <v>8</v>
      </c>
      <c r="B1217">
        <v>109.39100000000001</v>
      </c>
      <c r="C1217">
        <v>118.997</v>
      </c>
      <c r="D1217">
        <v>189.37299999999999</v>
      </c>
      <c r="E1217">
        <v>7710.24</v>
      </c>
      <c r="F1217">
        <v>11565.4</v>
      </c>
      <c r="G1217">
        <v>20976.400000000001</v>
      </c>
      <c r="H1217">
        <v>2.6299199999999998</v>
      </c>
      <c r="I1217">
        <v>22066.5</v>
      </c>
      <c r="J1217">
        <v>46.1325</v>
      </c>
    </row>
    <row r="1218" spans="1:10" x14ac:dyDescent="0.25">
      <c r="A1218">
        <v>8</v>
      </c>
      <c r="B1218">
        <v>109.628</v>
      </c>
      <c r="C1218">
        <v>114.913</v>
      </c>
      <c r="D1218">
        <v>189.37299999999999</v>
      </c>
      <c r="E1218">
        <v>7795.28</v>
      </c>
      <c r="F1218">
        <v>11310.2</v>
      </c>
      <c r="G1218">
        <v>20976.400000000001</v>
      </c>
      <c r="H1218">
        <v>1.89764</v>
      </c>
      <c r="I1218">
        <v>22618.9</v>
      </c>
      <c r="J1218">
        <v>37.652299999999997</v>
      </c>
    </row>
    <row r="1219" spans="1:10" x14ac:dyDescent="0.25">
      <c r="A1219">
        <v>8</v>
      </c>
      <c r="B1219">
        <v>107.029</v>
      </c>
      <c r="C1219">
        <v>118.997</v>
      </c>
      <c r="D1219">
        <v>184.98599999999999</v>
      </c>
      <c r="E1219">
        <v>7625.2</v>
      </c>
      <c r="F1219">
        <v>10800</v>
      </c>
      <c r="G1219">
        <v>25228.3</v>
      </c>
      <c r="H1219">
        <v>1.47244</v>
      </c>
      <c r="I1219">
        <v>22716.1</v>
      </c>
      <c r="J1219">
        <v>38.008000000000003</v>
      </c>
    </row>
    <row r="1220" spans="1:10" x14ac:dyDescent="0.25">
      <c r="A1220">
        <v>8</v>
      </c>
      <c r="B1220">
        <v>108.68300000000001</v>
      </c>
      <c r="C1220">
        <v>123.395</v>
      </c>
      <c r="D1220">
        <v>189.06</v>
      </c>
      <c r="E1220">
        <v>7455.12</v>
      </c>
      <c r="F1220">
        <v>10800</v>
      </c>
      <c r="G1220">
        <v>22677.200000000001</v>
      </c>
      <c r="H1220">
        <v>3.7637800000000001</v>
      </c>
      <c r="I1220">
        <v>20924.2</v>
      </c>
      <c r="J1220">
        <v>90.973799999999997</v>
      </c>
    </row>
    <row r="1221" spans="1:10" x14ac:dyDescent="0.25">
      <c r="A1221">
        <v>8</v>
      </c>
      <c r="B1221">
        <v>89.312600000000003</v>
      </c>
      <c r="C1221">
        <v>124.96599999999999</v>
      </c>
      <c r="D1221">
        <v>179.97200000000001</v>
      </c>
      <c r="E1221">
        <v>7540.16</v>
      </c>
      <c r="F1221">
        <v>10800</v>
      </c>
      <c r="G1221">
        <v>19615.7</v>
      </c>
      <c r="H1221">
        <v>2.8189000000000002</v>
      </c>
      <c r="I1221">
        <v>21034.3</v>
      </c>
      <c r="J1221">
        <v>33.902299999999997</v>
      </c>
    </row>
    <row r="1222" spans="1:10" x14ac:dyDescent="0.25">
      <c r="A1222">
        <v>8</v>
      </c>
      <c r="B1222">
        <v>89.312600000000003</v>
      </c>
      <c r="C1222">
        <v>124.96599999999999</v>
      </c>
      <c r="D1222">
        <v>179.97200000000001</v>
      </c>
      <c r="E1222">
        <v>7540.16</v>
      </c>
      <c r="F1222">
        <v>10800</v>
      </c>
      <c r="G1222">
        <v>19615.7</v>
      </c>
      <c r="H1222">
        <v>2.8189000000000002</v>
      </c>
      <c r="I1222">
        <v>21034.3</v>
      </c>
      <c r="J1222">
        <v>33.902299999999997</v>
      </c>
    </row>
    <row r="1223" spans="1:10" x14ac:dyDescent="0.25">
      <c r="A1223">
        <v>8</v>
      </c>
      <c r="B1223">
        <v>105.848</v>
      </c>
      <c r="C1223">
        <v>114.913</v>
      </c>
      <c r="D1223">
        <v>189.37299999999999</v>
      </c>
      <c r="E1223">
        <v>7710.24</v>
      </c>
      <c r="F1223">
        <v>15392.1</v>
      </c>
      <c r="G1223">
        <v>20976.400000000001</v>
      </c>
      <c r="H1223">
        <v>1</v>
      </c>
      <c r="I1223">
        <v>29378.3</v>
      </c>
      <c r="J1223">
        <v>17.155000000000001</v>
      </c>
    </row>
    <row r="1224" spans="1:10" x14ac:dyDescent="0.25">
      <c r="A1224">
        <v>8</v>
      </c>
      <c r="B1224">
        <v>105.848</v>
      </c>
      <c r="C1224">
        <v>114.913</v>
      </c>
      <c r="D1224">
        <v>189.37299999999999</v>
      </c>
      <c r="E1224">
        <v>7710.24</v>
      </c>
      <c r="F1224">
        <v>15392.1</v>
      </c>
      <c r="G1224">
        <v>20976.400000000001</v>
      </c>
      <c r="H1224">
        <v>1</v>
      </c>
      <c r="I1224">
        <v>29378.3</v>
      </c>
      <c r="J1224">
        <v>17.155000000000001</v>
      </c>
    </row>
    <row r="1225" spans="1:10" x14ac:dyDescent="0.25">
      <c r="A1225">
        <v>8</v>
      </c>
      <c r="B1225">
        <v>89.312600000000003</v>
      </c>
      <c r="C1225">
        <v>124.96599999999999</v>
      </c>
      <c r="D1225">
        <v>179.97200000000001</v>
      </c>
      <c r="E1225">
        <v>7540.16</v>
      </c>
      <c r="F1225">
        <v>10800</v>
      </c>
      <c r="G1225">
        <v>19615.7</v>
      </c>
      <c r="H1225">
        <v>2.8189000000000002</v>
      </c>
      <c r="I1225">
        <v>21034.3</v>
      </c>
      <c r="J1225">
        <v>33.902299999999997</v>
      </c>
    </row>
    <row r="1226" spans="1:10" x14ac:dyDescent="0.25">
      <c r="A1226">
        <v>8</v>
      </c>
      <c r="B1226">
        <v>109.628</v>
      </c>
      <c r="C1226">
        <v>123.395</v>
      </c>
      <c r="D1226">
        <v>189.06</v>
      </c>
      <c r="E1226">
        <v>10091.299999999999</v>
      </c>
      <c r="F1226">
        <v>10800</v>
      </c>
      <c r="G1226">
        <v>22337</v>
      </c>
      <c r="H1226">
        <v>3.4330699999999998</v>
      </c>
      <c r="I1226">
        <v>23930.6</v>
      </c>
      <c r="J1226">
        <v>24.2546</v>
      </c>
    </row>
    <row r="1227" spans="1:10" x14ac:dyDescent="0.25">
      <c r="A1227">
        <v>8</v>
      </c>
      <c r="B1227">
        <v>89.312600000000003</v>
      </c>
      <c r="C1227">
        <v>124.96599999999999</v>
      </c>
      <c r="D1227">
        <v>179.97200000000001</v>
      </c>
      <c r="E1227">
        <v>7540.16</v>
      </c>
      <c r="F1227">
        <v>10800</v>
      </c>
      <c r="G1227">
        <v>19615.7</v>
      </c>
      <c r="H1227">
        <v>2.8189000000000002</v>
      </c>
      <c r="I1227">
        <v>21034.3</v>
      </c>
      <c r="J1227">
        <v>33.902299999999997</v>
      </c>
    </row>
    <row r="1228" spans="1:10" x14ac:dyDescent="0.25">
      <c r="A1228">
        <v>8</v>
      </c>
      <c r="B1228">
        <v>109.628</v>
      </c>
      <c r="C1228">
        <v>123.395</v>
      </c>
      <c r="D1228">
        <v>189.06</v>
      </c>
      <c r="E1228">
        <v>10091.299999999999</v>
      </c>
      <c r="F1228">
        <v>10800</v>
      </c>
      <c r="G1228">
        <v>22337</v>
      </c>
      <c r="H1228">
        <v>3.4330699999999998</v>
      </c>
      <c r="I1228">
        <v>23930.6</v>
      </c>
      <c r="J1228">
        <v>24.2546</v>
      </c>
    </row>
    <row r="1229" spans="1:10" x14ac:dyDescent="0.25">
      <c r="A1229">
        <v>8</v>
      </c>
      <c r="B1229">
        <v>105.848</v>
      </c>
      <c r="C1229">
        <v>114.913</v>
      </c>
      <c r="D1229">
        <v>189.37299999999999</v>
      </c>
      <c r="E1229">
        <v>7710.24</v>
      </c>
      <c r="F1229">
        <v>15392.1</v>
      </c>
      <c r="G1229">
        <v>20976.400000000001</v>
      </c>
      <c r="H1229">
        <v>1</v>
      </c>
      <c r="I1229">
        <v>29378.3</v>
      </c>
      <c r="J1229">
        <v>17.155000000000001</v>
      </c>
    </row>
    <row r="1230" spans="1:10" x14ac:dyDescent="0.25">
      <c r="A1230">
        <v>8</v>
      </c>
      <c r="B1230">
        <v>89.312600000000003</v>
      </c>
      <c r="C1230">
        <v>124.96599999999999</v>
      </c>
      <c r="D1230">
        <v>179.97200000000001</v>
      </c>
      <c r="E1230">
        <v>7540.16</v>
      </c>
      <c r="F1230">
        <v>10800</v>
      </c>
      <c r="G1230">
        <v>19615.7</v>
      </c>
      <c r="H1230">
        <v>2.8189000000000002</v>
      </c>
      <c r="I1230">
        <v>21034.3</v>
      </c>
      <c r="J1230">
        <v>33.902299999999997</v>
      </c>
    </row>
    <row r="1231" spans="1:10" x14ac:dyDescent="0.25">
      <c r="A1231">
        <v>8</v>
      </c>
      <c r="B1231">
        <v>105.848</v>
      </c>
      <c r="C1231">
        <v>114.913</v>
      </c>
      <c r="D1231">
        <v>189.37299999999999</v>
      </c>
      <c r="E1231">
        <v>7710.24</v>
      </c>
      <c r="F1231">
        <v>15392.1</v>
      </c>
      <c r="G1231">
        <v>20976.400000000001</v>
      </c>
      <c r="H1231">
        <v>1</v>
      </c>
      <c r="I1231">
        <v>29378.3</v>
      </c>
      <c r="J1231">
        <v>17.155000000000001</v>
      </c>
    </row>
    <row r="1232" spans="1:10" x14ac:dyDescent="0.25">
      <c r="A1232">
        <v>8</v>
      </c>
      <c r="B1232">
        <v>109.628</v>
      </c>
      <c r="C1232">
        <v>123.395</v>
      </c>
      <c r="D1232">
        <v>189.06</v>
      </c>
      <c r="E1232">
        <v>10091.299999999999</v>
      </c>
      <c r="F1232">
        <v>10800</v>
      </c>
      <c r="G1232">
        <v>22337</v>
      </c>
      <c r="H1232">
        <v>3.4330699999999998</v>
      </c>
      <c r="I1232">
        <v>23930.6</v>
      </c>
      <c r="J1232">
        <v>24.2546</v>
      </c>
    </row>
    <row r="1233" spans="1:10" x14ac:dyDescent="0.25">
      <c r="A1233">
        <v>8</v>
      </c>
      <c r="B1233">
        <v>89.312600000000003</v>
      </c>
      <c r="C1233">
        <v>124.96599999999999</v>
      </c>
      <c r="D1233">
        <v>179.97200000000001</v>
      </c>
      <c r="E1233">
        <v>7540.16</v>
      </c>
      <c r="F1233">
        <v>10800</v>
      </c>
      <c r="G1233">
        <v>19615.7</v>
      </c>
      <c r="H1233">
        <v>2.8189000000000002</v>
      </c>
      <c r="I1233">
        <v>21034.3</v>
      </c>
      <c r="J1233">
        <v>33.902299999999997</v>
      </c>
    </row>
    <row r="1234" spans="1:10" x14ac:dyDescent="0.25">
      <c r="A1234">
        <v>8</v>
      </c>
      <c r="B1234">
        <v>105.848</v>
      </c>
      <c r="C1234">
        <v>114.913</v>
      </c>
      <c r="D1234">
        <v>189.37299999999999</v>
      </c>
      <c r="E1234">
        <v>7710.24</v>
      </c>
      <c r="F1234">
        <v>15392.1</v>
      </c>
      <c r="G1234">
        <v>20976.400000000001</v>
      </c>
      <c r="H1234">
        <v>1</v>
      </c>
      <c r="I1234">
        <v>29378.3</v>
      </c>
      <c r="J1234">
        <v>17.155000000000001</v>
      </c>
    </row>
    <row r="1235" spans="1:10" x14ac:dyDescent="0.25">
      <c r="A1235">
        <v>8</v>
      </c>
      <c r="B1235">
        <v>108.68300000000001</v>
      </c>
      <c r="C1235">
        <v>124.96599999999999</v>
      </c>
      <c r="D1235">
        <v>189.37299999999999</v>
      </c>
      <c r="E1235">
        <v>7795.28</v>
      </c>
      <c r="F1235">
        <v>11310.2</v>
      </c>
      <c r="G1235">
        <v>22166.9</v>
      </c>
      <c r="H1235">
        <v>2.25197</v>
      </c>
      <c r="I1235">
        <v>23578.5</v>
      </c>
      <c r="J1235">
        <v>26.253</v>
      </c>
    </row>
    <row r="1236" spans="1:10" x14ac:dyDescent="0.25">
      <c r="A1236">
        <v>8</v>
      </c>
      <c r="B1236">
        <v>105.61199999999999</v>
      </c>
      <c r="C1236">
        <v>122.767</v>
      </c>
      <c r="D1236">
        <v>179.97200000000001</v>
      </c>
      <c r="E1236">
        <v>7200</v>
      </c>
      <c r="F1236">
        <v>10800</v>
      </c>
      <c r="G1236">
        <v>19955.900000000001</v>
      </c>
      <c r="H1236">
        <v>3.3858299999999999</v>
      </c>
      <c r="I1236">
        <v>20483.5</v>
      </c>
      <c r="J1236">
        <v>45.027900000000002</v>
      </c>
    </row>
    <row r="1237" spans="1:10" x14ac:dyDescent="0.25">
      <c r="A1237">
        <v>8</v>
      </c>
      <c r="B1237">
        <v>89.312600000000003</v>
      </c>
      <c r="C1237">
        <v>124.96599999999999</v>
      </c>
      <c r="D1237">
        <v>179.97200000000001</v>
      </c>
      <c r="E1237">
        <v>7540.16</v>
      </c>
      <c r="F1237">
        <v>10800</v>
      </c>
      <c r="G1237">
        <v>19615.7</v>
      </c>
      <c r="H1237">
        <v>2.8189000000000002</v>
      </c>
      <c r="I1237">
        <v>21034.3</v>
      </c>
      <c r="J1237">
        <v>33.902299999999997</v>
      </c>
    </row>
    <row r="1238" spans="1:10" x14ac:dyDescent="0.25">
      <c r="A1238">
        <v>8</v>
      </c>
      <c r="B1238">
        <v>109.628</v>
      </c>
      <c r="C1238">
        <v>123.395</v>
      </c>
      <c r="D1238">
        <v>189.06</v>
      </c>
      <c r="E1238">
        <v>10091.299999999999</v>
      </c>
      <c r="F1238">
        <v>10800</v>
      </c>
      <c r="G1238">
        <v>22337</v>
      </c>
      <c r="H1238">
        <v>3.4330699999999998</v>
      </c>
      <c r="I1238">
        <v>23930.6</v>
      </c>
      <c r="J1238">
        <v>24.2546</v>
      </c>
    </row>
    <row r="1239" spans="1:10" x14ac:dyDescent="0.25">
      <c r="A1239">
        <v>8</v>
      </c>
      <c r="B1239">
        <v>89.312600000000003</v>
      </c>
      <c r="C1239">
        <v>124.96599999999999</v>
      </c>
      <c r="D1239">
        <v>179.97200000000001</v>
      </c>
      <c r="E1239">
        <v>7540.16</v>
      </c>
      <c r="F1239">
        <v>10800</v>
      </c>
      <c r="G1239">
        <v>19615.7</v>
      </c>
      <c r="H1239">
        <v>2.8189000000000002</v>
      </c>
      <c r="I1239">
        <v>21034.3</v>
      </c>
      <c r="J1239">
        <v>33.902299999999997</v>
      </c>
    </row>
    <row r="1240" spans="1:10" x14ac:dyDescent="0.25">
      <c r="A1240">
        <v>8</v>
      </c>
      <c r="B1240">
        <v>105.61199999999999</v>
      </c>
      <c r="C1240">
        <v>122.767</v>
      </c>
      <c r="D1240">
        <v>179.97200000000001</v>
      </c>
      <c r="E1240">
        <v>7200</v>
      </c>
      <c r="F1240">
        <v>10800</v>
      </c>
      <c r="G1240">
        <v>19955.900000000001</v>
      </c>
      <c r="H1240">
        <v>3.3858299999999999</v>
      </c>
      <c r="I1240">
        <v>20483.5</v>
      </c>
      <c r="J1240">
        <v>45.027900000000002</v>
      </c>
    </row>
    <row r="1241" spans="1:10" x14ac:dyDescent="0.25">
      <c r="A1241">
        <v>8</v>
      </c>
      <c r="B1241">
        <v>108.446</v>
      </c>
      <c r="C1241">
        <v>119.93899999999999</v>
      </c>
      <c r="D1241">
        <v>167.75</v>
      </c>
      <c r="E1241">
        <v>10431.5</v>
      </c>
      <c r="F1241">
        <v>11310.2</v>
      </c>
      <c r="G1241">
        <v>24718.1</v>
      </c>
      <c r="H1241">
        <v>1.1181099999999999</v>
      </c>
      <c r="I1241">
        <v>27673.5</v>
      </c>
      <c r="J1241">
        <v>18.264900000000001</v>
      </c>
    </row>
    <row r="1242" spans="1:10" x14ac:dyDescent="0.25">
      <c r="A1242">
        <v>8</v>
      </c>
      <c r="B1242">
        <v>108.68300000000001</v>
      </c>
      <c r="C1242">
        <v>124.652</v>
      </c>
      <c r="D1242">
        <v>168.06299999999999</v>
      </c>
      <c r="E1242">
        <v>10516.5</v>
      </c>
      <c r="F1242">
        <v>11310.2</v>
      </c>
      <c r="G1242">
        <v>19615.7</v>
      </c>
      <c r="H1242">
        <v>2.25197</v>
      </c>
      <c r="I1242">
        <v>26608.1</v>
      </c>
      <c r="J1242">
        <v>20.0974</v>
      </c>
    </row>
    <row r="1243" spans="1:10" x14ac:dyDescent="0.25">
      <c r="A1243">
        <v>8</v>
      </c>
      <c r="B1243">
        <v>94.273200000000003</v>
      </c>
      <c r="C1243">
        <v>123.395</v>
      </c>
      <c r="D1243">
        <v>184.672</v>
      </c>
      <c r="E1243">
        <v>7370.08</v>
      </c>
      <c r="F1243">
        <v>10800</v>
      </c>
      <c r="G1243">
        <v>22677.200000000001</v>
      </c>
      <c r="H1243">
        <v>1.89764</v>
      </c>
      <c r="I1243">
        <v>21792.9</v>
      </c>
      <c r="J1243">
        <v>31.204499999999999</v>
      </c>
    </row>
    <row r="1244" spans="1:10" x14ac:dyDescent="0.25">
      <c r="A1244">
        <v>8</v>
      </c>
      <c r="B1244">
        <v>108.68300000000001</v>
      </c>
      <c r="C1244">
        <v>124.96599999999999</v>
      </c>
      <c r="D1244">
        <v>189.37299999999999</v>
      </c>
      <c r="E1244">
        <v>7795.28</v>
      </c>
      <c r="F1244">
        <v>11310.2</v>
      </c>
      <c r="G1244">
        <v>22166.9</v>
      </c>
      <c r="H1244">
        <v>2.25197</v>
      </c>
      <c r="I1244">
        <v>23578.5</v>
      </c>
      <c r="J1244">
        <v>26.253</v>
      </c>
    </row>
    <row r="1245" spans="1:10" x14ac:dyDescent="0.25">
      <c r="A1245">
        <v>8</v>
      </c>
      <c r="B1245">
        <v>106.79300000000001</v>
      </c>
      <c r="C1245">
        <v>124.024</v>
      </c>
      <c r="D1245">
        <v>184.04599999999999</v>
      </c>
      <c r="E1245">
        <v>10516.5</v>
      </c>
      <c r="F1245">
        <v>19984.3</v>
      </c>
      <c r="G1245">
        <v>20636.2</v>
      </c>
      <c r="H1245">
        <v>2.25197</v>
      </c>
      <c r="I1245">
        <v>36430.5</v>
      </c>
      <c r="J1245">
        <v>16.778199999999998</v>
      </c>
    </row>
    <row r="1246" spans="1:10" x14ac:dyDescent="0.25">
      <c r="A1246">
        <v>8</v>
      </c>
      <c r="B1246">
        <v>105.61199999999999</v>
      </c>
      <c r="C1246">
        <v>122.767</v>
      </c>
      <c r="D1246">
        <v>179.97200000000001</v>
      </c>
      <c r="E1246">
        <v>7200</v>
      </c>
      <c r="F1246">
        <v>10800</v>
      </c>
      <c r="G1246">
        <v>19955.900000000001</v>
      </c>
      <c r="H1246">
        <v>3.3858299999999999</v>
      </c>
      <c r="I1246">
        <v>20483.5</v>
      </c>
      <c r="J1246">
        <v>45.027900000000002</v>
      </c>
    </row>
    <row r="1247" spans="1:10" x14ac:dyDescent="0.25">
      <c r="A1247">
        <v>8</v>
      </c>
      <c r="B1247">
        <v>94.273200000000003</v>
      </c>
      <c r="C1247">
        <v>123.395</v>
      </c>
      <c r="D1247">
        <v>189.68700000000001</v>
      </c>
      <c r="E1247">
        <v>7370.08</v>
      </c>
      <c r="F1247">
        <v>10800</v>
      </c>
      <c r="G1247">
        <v>22677.200000000001</v>
      </c>
      <c r="H1247">
        <v>1.82677</v>
      </c>
      <c r="I1247">
        <v>21744.9</v>
      </c>
      <c r="J1247">
        <v>31.503900000000002</v>
      </c>
    </row>
    <row r="1248" spans="1:10" x14ac:dyDescent="0.25">
      <c r="A1248">
        <v>8</v>
      </c>
      <c r="B1248">
        <v>109.155</v>
      </c>
      <c r="C1248">
        <v>124.652</v>
      </c>
      <c r="D1248">
        <v>181.53899999999999</v>
      </c>
      <c r="E1248">
        <v>10516.5</v>
      </c>
      <c r="F1248">
        <v>11820.5</v>
      </c>
      <c r="G1248">
        <v>25398.400000000001</v>
      </c>
      <c r="H1248">
        <v>1.4960599999999999</v>
      </c>
      <c r="I1248">
        <v>27597.1</v>
      </c>
      <c r="J1248">
        <v>18.9985</v>
      </c>
    </row>
    <row r="1249" spans="1:10" x14ac:dyDescent="0.25">
      <c r="A1249">
        <v>8</v>
      </c>
      <c r="B1249">
        <v>105.848</v>
      </c>
      <c r="C1249">
        <v>114.598</v>
      </c>
      <c r="D1249">
        <v>189.37299999999999</v>
      </c>
      <c r="E1249">
        <v>7710.24</v>
      </c>
      <c r="F1249">
        <v>15392.1</v>
      </c>
      <c r="G1249">
        <v>20976.400000000001</v>
      </c>
      <c r="H1249">
        <v>1.07087</v>
      </c>
      <c r="I1249">
        <v>28823.9</v>
      </c>
      <c r="J1249">
        <v>18.1525</v>
      </c>
    </row>
    <row r="1250" spans="1:10" x14ac:dyDescent="0.25">
      <c r="A1250">
        <v>8</v>
      </c>
      <c r="B1250">
        <v>109.628</v>
      </c>
      <c r="C1250">
        <v>119.93899999999999</v>
      </c>
      <c r="D1250">
        <v>177.15100000000001</v>
      </c>
      <c r="E1250">
        <v>7795.28</v>
      </c>
      <c r="F1250">
        <v>11310.2</v>
      </c>
      <c r="G1250">
        <v>21316.5</v>
      </c>
      <c r="H1250">
        <v>1.92126</v>
      </c>
      <c r="I1250">
        <v>22595.3</v>
      </c>
      <c r="J1250">
        <v>26.522200000000002</v>
      </c>
    </row>
    <row r="1251" spans="1:10" x14ac:dyDescent="0.25">
      <c r="A1251">
        <v>8</v>
      </c>
      <c r="B1251">
        <v>108.919</v>
      </c>
      <c r="C1251">
        <v>114.598</v>
      </c>
      <c r="D1251">
        <v>189.68700000000001</v>
      </c>
      <c r="E1251">
        <v>7455.12</v>
      </c>
      <c r="F1251">
        <v>10800</v>
      </c>
      <c r="G1251">
        <v>18425.2</v>
      </c>
      <c r="H1251">
        <v>3.9527600000000001</v>
      </c>
      <c r="I1251">
        <v>20392.900000000001</v>
      </c>
      <c r="J1251">
        <v>71.040099999999995</v>
      </c>
    </row>
    <row r="1252" spans="1:10" x14ac:dyDescent="0.25">
      <c r="A1252">
        <v>8</v>
      </c>
      <c r="B1252">
        <v>94.745699999999999</v>
      </c>
      <c r="C1252">
        <v>123.395</v>
      </c>
      <c r="D1252">
        <v>189.68700000000001</v>
      </c>
      <c r="E1252">
        <v>7370.08</v>
      </c>
      <c r="F1252">
        <v>10800</v>
      </c>
      <c r="G1252">
        <v>22677.200000000001</v>
      </c>
      <c r="H1252">
        <v>3.3149600000000001</v>
      </c>
      <c r="I1252">
        <v>20599.7</v>
      </c>
      <c r="J1252">
        <v>39.714300000000001</v>
      </c>
    </row>
    <row r="1253" spans="1:10" x14ac:dyDescent="0.25">
      <c r="A1253">
        <v>8</v>
      </c>
      <c r="B1253">
        <v>108.446</v>
      </c>
      <c r="C1253">
        <v>119.625</v>
      </c>
      <c r="D1253">
        <v>167.75</v>
      </c>
      <c r="E1253">
        <v>7710.24</v>
      </c>
      <c r="F1253">
        <v>12330.7</v>
      </c>
      <c r="G1253">
        <v>28119.7</v>
      </c>
      <c r="H1253">
        <v>1.4960599999999999</v>
      </c>
      <c r="I1253">
        <v>24636.799999999999</v>
      </c>
      <c r="J1253">
        <v>23.756399999999999</v>
      </c>
    </row>
    <row r="1254" spans="1:10" x14ac:dyDescent="0.25">
      <c r="A1254">
        <v>8</v>
      </c>
      <c r="B1254">
        <v>108.446</v>
      </c>
      <c r="C1254">
        <v>119.93899999999999</v>
      </c>
      <c r="D1254">
        <v>190</v>
      </c>
      <c r="E1254">
        <v>10176.4</v>
      </c>
      <c r="F1254">
        <v>11310.2</v>
      </c>
      <c r="G1254">
        <v>19615.7</v>
      </c>
      <c r="H1254">
        <v>2.6299199999999998</v>
      </c>
      <c r="I1254">
        <v>24716.3</v>
      </c>
      <c r="J1254">
        <v>21.4544</v>
      </c>
    </row>
    <row r="1261" spans="1:10" x14ac:dyDescent="0.25">
      <c r="A1261">
        <v>9</v>
      </c>
      <c r="B1261">
        <v>94.745699999999999</v>
      </c>
      <c r="C1261">
        <v>123.395</v>
      </c>
      <c r="D1261">
        <v>189.68700000000001</v>
      </c>
      <c r="E1261">
        <v>7370.08</v>
      </c>
      <c r="F1261">
        <v>10800</v>
      </c>
      <c r="G1261">
        <v>22677.200000000001</v>
      </c>
      <c r="H1261">
        <v>3.3149600000000001</v>
      </c>
      <c r="I1261">
        <v>20599.7</v>
      </c>
      <c r="J1261">
        <v>39.714300000000001</v>
      </c>
    </row>
    <row r="1262" spans="1:10" x14ac:dyDescent="0.25">
      <c r="A1262">
        <v>9</v>
      </c>
      <c r="B1262">
        <v>108.446</v>
      </c>
      <c r="C1262">
        <v>119.93899999999999</v>
      </c>
      <c r="D1262">
        <v>190</v>
      </c>
      <c r="E1262">
        <v>10176.4</v>
      </c>
      <c r="F1262">
        <v>11310.2</v>
      </c>
      <c r="G1262">
        <v>19615.7</v>
      </c>
      <c r="H1262">
        <v>2.6299199999999998</v>
      </c>
      <c r="I1262">
        <v>24716.3</v>
      </c>
      <c r="J1262">
        <v>21.4544</v>
      </c>
    </row>
    <row r="1263" spans="1:10" x14ac:dyDescent="0.25">
      <c r="A1263">
        <v>9</v>
      </c>
      <c r="B1263">
        <v>105.848</v>
      </c>
      <c r="C1263">
        <v>114.913</v>
      </c>
      <c r="D1263">
        <v>189.37299999999999</v>
      </c>
      <c r="E1263">
        <v>7710.24</v>
      </c>
      <c r="F1263">
        <v>15392.1</v>
      </c>
      <c r="G1263">
        <v>20976.400000000001</v>
      </c>
      <c r="H1263">
        <v>1</v>
      </c>
      <c r="I1263">
        <v>29378.3</v>
      </c>
      <c r="J1263">
        <v>17.155000000000001</v>
      </c>
    </row>
    <row r="1264" spans="1:10" x14ac:dyDescent="0.25">
      <c r="A1264">
        <v>9</v>
      </c>
      <c r="B1264">
        <v>109.628</v>
      </c>
      <c r="C1264">
        <v>119.93899999999999</v>
      </c>
      <c r="D1264">
        <v>177.15100000000001</v>
      </c>
      <c r="E1264">
        <v>7795.28</v>
      </c>
      <c r="F1264">
        <v>11310.2</v>
      </c>
      <c r="G1264">
        <v>21316.5</v>
      </c>
      <c r="H1264">
        <v>1.92126</v>
      </c>
      <c r="I1264">
        <v>22595.3</v>
      </c>
      <c r="J1264">
        <v>26.522200000000002</v>
      </c>
    </row>
    <row r="1265" spans="1:10" x14ac:dyDescent="0.25">
      <c r="A1265">
        <v>9</v>
      </c>
      <c r="B1265">
        <v>108.446</v>
      </c>
      <c r="C1265">
        <v>118.369</v>
      </c>
      <c r="D1265">
        <v>189.06</v>
      </c>
      <c r="E1265">
        <v>10431.5</v>
      </c>
      <c r="F1265">
        <v>11310.2</v>
      </c>
      <c r="G1265">
        <v>19275.599999999999</v>
      </c>
      <c r="H1265">
        <v>2.6063000000000001</v>
      </c>
      <c r="I1265">
        <v>24636.3</v>
      </c>
      <c r="J1265">
        <v>25.381599999999999</v>
      </c>
    </row>
    <row r="1266" spans="1:10" x14ac:dyDescent="0.25">
      <c r="A1266">
        <v>9</v>
      </c>
      <c r="B1266">
        <v>108.446</v>
      </c>
      <c r="C1266">
        <v>119.625</v>
      </c>
      <c r="D1266">
        <v>167.75</v>
      </c>
      <c r="E1266">
        <v>7710.24</v>
      </c>
      <c r="F1266">
        <v>12330.7</v>
      </c>
      <c r="G1266">
        <v>28119.7</v>
      </c>
      <c r="H1266">
        <v>1.4960599999999999</v>
      </c>
      <c r="I1266">
        <v>24636.799999999999</v>
      </c>
      <c r="J1266">
        <v>23.756399999999999</v>
      </c>
    </row>
    <row r="1267" spans="1:10" x14ac:dyDescent="0.25">
      <c r="A1267">
        <v>9</v>
      </c>
      <c r="B1267">
        <v>109.155</v>
      </c>
      <c r="C1267">
        <v>124.652</v>
      </c>
      <c r="D1267">
        <v>181.53899999999999</v>
      </c>
      <c r="E1267">
        <v>10516.5</v>
      </c>
      <c r="F1267">
        <v>11820.5</v>
      </c>
      <c r="G1267">
        <v>25398.400000000001</v>
      </c>
      <c r="H1267">
        <v>1.4960599999999999</v>
      </c>
      <c r="I1267">
        <v>27597.1</v>
      </c>
      <c r="J1267">
        <v>18.9985</v>
      </c>
    </row>
    <row r="1268" spans="1:10" x14ac:dyDescent="0.25">
      <c r="A1268">
        <v>9</v>
      </c>
      <c r="B1268">
        <v>105.848</v>
      </c>
      <c r="C1268">
        <v>114.598</v>
      </c>
      <c r="D1268">
        <v>189.37299999999999</v>
      </c>
      <c r="E1268">
        <v>7710.24</v>
      </c>
      <c r="F1268">
        <v>15392.1</v>
      </c>
      <c r="G1268">
        <v>20976.400000000001</v>
      </c>
      <c r="H1268">
        <v>1.07087</v>
      </c>
      <c r="I1268">
        <v>28823.9</v>
      </c>
      <c r="J1268">
        <v>18.1525</v>
      </c>
    </row>
    <row r="1269" spans="1:10" x14ac:dyDescent="0.25">
      <c r="A1269">
        <v>9</v>
      </c>
      <c r="B1269">
        <v>109.39100000000001</v>
      </c>
      <c r="C1269">
        <v>119.625</v>
      </c>
      <c r="D1269">
        <v>186.553</v>
      </c>
      <c r="E1269">
        <v>10431.5</v>
      </c>
      <c r="F1269">
        <v>11310.2</v>
      </c>
      <c r="G1269">
        <v>19275.599999999999</v>
      </c>
      <c r="H1269">
        <v>1.89764</v>
      </c>
      <c r="I1269">
        <v>25419.8</v>
      </c>
      <c r="J1269">
        <v>44.653500000000001</v>
      </c>
    </row>
    <row r="1270" spans="1:10" x14ac:dyDescent="0.25">
      <c r="A1270">
        <v>9</v>
      </c>
      <c r="B1270">
        <v>108.21</v>
      </c>
      <c r="C1270">
        <v>118.997</v>
      </c>
      <c r="D1270">
        <v>174.95699999999999</v>
      </c>
      <c r="E1270">
        <v>7795.28</v>
      </c>
      <c r="F1270">
        <v>12840.9</v>
      </c>
      <c r="G1270">
        <v>20296.099999999999</v>
      </c>
      <c r="H1270">
        <v>2.0629900000000001</v>
      </c>
      <c r="I1270">
        <v>24145.7</v>
      </c>
      <c r="J1270">
        <v>38.232900000000001</v>
      </c>
    </row>
    <row r="1271" spans="1:10" x14ac:dyDescent="0.25">
      <c r="A1271">
        <v>9</v>
      </c>
      <c r="B1271">
        <v>108.21</v>
      </c>
      <c r="C1271">
        <v>119.93899999999999</v>
      </c>
      <c r="D1271">
        <v>179.65799999999999</v>
      </c>
      <c r="E1271">
        <v>7710.24</v>
      </c>
      <c r="F1271">
        <v>14881.9</v>
      </c>
      <c r="G1271">
        <v>18255.099999999999</v>
      </c>
      <c r="H1271">
        <v>1.87402</v>
      </c>
      <c r="I1271">
        <v>27658</v>
      </c>
      <c r="J1271">
        <v>22.012499999999999</v>
      </c>
    </row>
    <row r="1272" spans="1:10" x14ac:dyDescent="0.25">
      <c r="A1272">
        <v>9</v>
      </c>
      <c r="B1272">
        <v>109.628</v>
      </c>
      <c r="C1272">
        <v>114.913</v>
      </c>
      <c r="D1272">
        <v>184.04599999999999</v>
      </c>
      <c r="E1272">
        <v>10431.5</v>
      </c>
      <c r="F1272">
        <v>15902.4</v>
      </c>
      <c r="G1272">
        <v>24037.8</v>
      </c>
      <c r="H1272">
        <v>1.4960599999999999</v>
      </c>
      <c r="I1272">
        <v>32410.400000000001</v>
      </c>
      <c r="J1272">
        <v>24.689900000000002</v>
      </c>
    </row>
    <row r="1273" spans="1:10" x14ac:dyDescent="0.25">
      <c r="A1273">
        <v>9</v>
      </c>
      <c r="B1273">
        <v>109.628</v>
      </c>
      <c r="C1273">
        <v>118.054</v>
      </c>
      <c r="D1273">
        <v>189.68700000000001</v>
      </c>
      <c r="E1273">
        <v>7710.24</v>
      </c>
      <c r="F1273">
        <v>11310.2</v>
      </c>
      <c r="G1273">
        <v>18595.3</v>
      </c>
      <c r="H1273">
        <v>2.29921</v>
      </c>
      <c r="I1273">
        <v>22151.1</v>
      </c>
      <c r="J1273">
        <v>36.566099999999999</v>
      </c>
    </row>
    <row r="1274" spans="1:10" x14ac:dyDescent="0.25">
      <c r="A1274">
        <v>9</v>
      </c>
      <c r="B1274">
        <v>105.848</v>
      </c>
      <c r="C1274">
        <v>114.598</v>
      </c>
      <c r="D1274">
        <v>189.37299999999999</v>
      </c>
      <c r="E1274">
        <v>7710.24</v>
      </c>
      <c r="F1274">
        <v>15392.1</v>
      </c>
      <c r="G1274">
        <v>20976.400000000001</v>
      </c>
      <c r="H1274">
        <v>1.07087</v>
      </c>
      <c r="I1274">
        <v>28823.9</v>
      </c>
      <c r="J1274">
        <v>18.1525</v>
      </c>
    </row>
    <row r="1275" spans="1:10" x14ac:dyDescent="0.25">
      <c r="A1275">
        <v>9</v>
      </c>
      <c r="B1275">
        <v>108.68300000000001</v>
      </c>
      <c r="C1275">
        <v>123.395</v>
      </c>
      <c r="D1275">
        <v>169.31700000000001</v>
      </c>
      <c r="E1275">
        <v>10091.299999999999</v>
      </c>
      <c r="F1275">
        <v>10800</v>
      </c>
      <c r="G1275">
        <v>19615.7</v>
      </c>
      <c r="H1275">
        <v>1.1181099999999999</v>
      </c>
      <c r="I1275">
        <v>28454.799999999999</v>
      </c>
      <c r="J1275">
        <v>23.029199999999999</v>
      </c>
    </row>
    <row r="1276" spans="1:10" x14ac:dyDescent="0.25">
      <c r="A1276">
        <v>9</v>
      </c>
      <c r="B1276">
        <v>108.919</v>
      </c>
      <c r="C1276">
        <v>128.422</v>
      </c>
      <c r="D1276">
        <v>186.553</v>
      </c>
      <c r="E1276">
        <v>10516.5</v>
      </c>
      <c r="F1276">
        <v>10800</v>
      </c>
      <c r="G1276">
        <v>25398.400000000001</v>
      </c>
      <c r="H1276">
        <v>1.1181099999999999</v>
      </c>
      <c r="I1276">
        <v>27677.1</v>
      </c>
      <c r="J1276">
        <v>107.48099999999999</v>
      </c>
    </row>
    <row r="1277" spans="1:10" x14ac:dyDescent="0.25">
      <c r="A1277">
        <v>9</v>
      </c>
      <c r="B1277">
        <v>108.919</v>
      </c>
      <c r="C1277">
        <v>114.598</v>
      </c>
      <c r="D1277">
        <v>187.80600000000001</v>
      </c>
      <c r="E1277">
        <v>10516.5</v>
      </c>
      <c r="F1277">
        <v>11820.5</v>
      </c>
      <c r="G1277">
        <v>25398.400000000001</v>
      </c>
      <c r="H1277">
        <v>1.4960599999999999</v>
      </c>
      <c r="I1277">
        <v>26467.1</v>
      </c>
      <c r="J1277">
        <v>27.200299999999999</v>
      </c>
    </row>
    <row r="1278" spans="1:10" x14ac:dyDescent="0.25">
      <c r="A1278">
        <v>9</v>
      </c>
      <c r="B1278">
        <v>108.21</v>
      </c>
      <c r="C1278">
        <v>124.96599999999999</v>
      </c>
      <c r="D1278">
        <v>179.97200000000001</v>
      </c>
      <c r="E1278">
        <v>9921.26</v>
      </c>
      <c r="F1278">
        <v>10800</v>
      </c>
      <c r="G1278">
        <v>19615.7</v>
      </c>
      <c r="H1278">
        <v>2.6771699999999998</v>
      </c>
      <c r="I1278">
        <v>24156.1</v>
      </c>
      <c r="J1278">
        <v>105.264</v>
      </c>
    </row>
    <row r="1279" spans="1:10" x14ac:dyDescent="0.25">
      <c r="A1279">
        <v>9</v>
      </c>
      <c r="B1279">
        <v>108.919</v>
      </c>
      <c r="C1279">
        <v>114.598</v>
      </c>
      <c r="D1279">
        <v>189.68700000000001</v>
      </c>
      <c r="E1279">
        <v>7455.12</v>
      </c>
      <c r="F1279">
        <v>10800</v>
      </c>
      <c r="G1279">
        <v>19785.8</v>
      </c>
      <c r="H1279">
        <v>3.8346499999999999</v>
      </c>
      <c r="I1279">
        <v>20435.3</v>
      </c>
      <c r="J1279">
        <v>70.085499999999996</v>
      </c>
    </row>
    <row r="1280" spans="1:10" x14ac:dyDescent="0.25">
      <c r="A1280">
        <v>9</v>
      </c>
      <c r="B1280">
        <v>94.745699999999999</v>
      </c>
      <c r="C1280">
        <v>123.395</v>
      </c>
      <c r="D1280">
        <v>189.68700000000001</v>
      </c>
      <c r="E1280">
        <v>7370.08</v>
      </c>
      <c r="F1280">
        <v>10800</v>
      </c>
      <c r="G1280">
        <v>27949.599999999999</v>
      </c>
      <c r="H1280">
        <v>2.1338599999999999</v>
      </c>
      <c r="I1280">
        <v>21436.7</v>
      </c>
      <c r="J1280">
        <v>86.790400000000005</v>
      </c>
    </row>
    <row r="1281" spans="1:10" x14ac:dyDescent="0.25">
      <c r="A1281">
        <v>9</v>
      </c>
      <c r="B1281">
        <v>109.39100000000001</v>
      </c>
      <c r="C1281">
        <v>113.97</v>
      </c>
      <c r="D1281">
        <v>190</v>
      </c>
      <c r="E1281">
        <v>7370.08</v>
      </c>
      <c r="F1281">
        <v>11055.1</v>
      </c>
      <c r="G1281">
        <v>18255.099999999999</v>
      </c>
      <c r="H1281">
        <v>3.00787</v>
      </c>
      <c r="I1281">
        <v>20991.5</v>
      </c>
      <c r="J1281">
        <v>68.004400000000004</v>
      </c>
    </row>
    <row r="1282" spans="1:10" x14ac:dyDescent="0.25">
      <c r="A1282">
        <v>9</v>
      </c>
      <c r="B1282">
        <v>108.446</v>
      </c>
      <c r="C1282">
        <v>122.767</v>
      </c>
      <c r="D1282">
        <v>171.82400000000001</v>
      </c>
      <c r="E1282">
        <v>7200</v>
      </c>
      <c r="F1282">
        <v>10800</v>
      </c>
      <c r="G1282">
        <v>19955.900000000001</v>
      </c>
      <c r="H1282">
        <v>3.3858299999999999</v>
      </c>
      <c r="I1282">
        <v>20511.3</v>
      </c>
      <c r="J1282">
        <v>87.677599999999998</v>
      </c>
    </row>
    <row r="1283" spans="1:10" x14ac:dyDescent="0.25">
      <c r="A1283">
        <v>9</v>
      </c>
      <c r="B1283">
        <v>108.446</v>
      </c>
      <c r="C1283">
        <v>124.652</v>
      </c>
      <c r="D1283">
        <v>189.68700000000001</v>
      </c>
      <c r="E1283">
        <v>10176.4</v>
      </c>
      <c r="F1283">
        <v>11820.5</v>
      </c>
      <c r="G1283">
        <v>18425.2</v>
      </c>
      <c r="H1283">
        <v>3.7637800000000001</v>
      </c>
      <c r="I1283">
        <v>24672.2</v>
      </c>
      <c r="J1283">
        <v>104.801</v>
      </c>
    </row>
    <row r="1284" spans="1:10" x14ac:dyDescent="0.25">
      <c r="A1284">
        <v>9</v>
      </c>
      <c r="B1284">
        <v>108.446</v>
      </c>
      <c r="C1284">
        <v>123.395</v>
      </c>
      <c r="D1284">
        <v>189.37299999999999</v>
      </c>
      <c r="E1284">
        <v>7370.08</v>
      </c>
      <c r="F1284">
        <v>11310.2</v>
      </c>
      <c r="G1284">
        <v>22337</v>
      </c>
      <c r="H1284">
        <v>1.7795300000000001</v>
      </c>
      <c r="I1284">
        <v>24508.6</v>
      </c>
      <c r="J1284">
        <v>31.792100000000001</v>
      </c>
    </row>
    <row r="1285" spans="1:10" x14ac:dyDescent="0.25">
      <c r="A1285">
        <v>9</v>
      </c>
      <c r="B1285">
        <v>107.029</v>
      </c>
      <c r="C1285">
        <v>117.74</v>
      </c>
      <c r="D1285">
        <v>189.68700000000001</v>
      </c>
      <c r="E1285">
        <v>7710.24</v>
      </c>
      <c r="F1285">
        <v>10800</v>
      </c>
      <c r="G1285">
        <v>19955.900000000001</v>
      </c>
      <c r="H1285">
        <v>3.7637800000000001</v>
      </c>
      <c r="I1285">
        <v>20676.8</v>
      </c>
      <c r="J1285">
        <v>59.244</v>
      </c>
    </row>
    <row r="1286" spans="1:10" x14ac:dyDescent="0.25">
      <c r="A1286">
        <v>9</v>
      </c>
      <c r="B1286">
        <v>105.848</v>
      </c>
      <c r="C1286">
        <v>123.709</v>
      </c>
      <c r="D1286">
        <v>189.06</v>
      </c>
      <c r="E1286">
        <v>7710.24</v>
      </c>
      <c r="F1286">
        <v>15392.1</v>
      </c>
      <c r="G1286">
        <v>20976.400000000001</v>
      </c>
      <c r="H1286">
        <v>1.1417299999999999</v>
      </c>
      <c r="I1286">
        <v>30734.400000000001</v>
      </c>
      <c r="J1286">
        <v>25.044</v>
      </c>
    </row>
    <row r="1287" spans="1:10" x14ac:dyDescent="0.25">
      <c r="A1287">
        <v>9</v>
      </c>
      <c r="B1287">
        <v>108.68300000000001</v>
      </c>
      <c r="C1287">
        <v>124.652</v>
      </c>
      <c r="D1287">
        <v>168.06299999999999</v>
      </c>
      <c r="E1287">
        <v>7710.24</v>
      </c>
      <c r="F1287">
        <v>12330.7</v>
      </c>
      <c r="G1287">
        <v>19955.900000000001</v>
      </c>
      <c r="H1287">
        <v>2.25197</v>
      </c>
      <c r="I1287">
        <v>27436.7</v>
      </c>
      <c r="J1287">
        <v>27.3962</v>
      </c>
    </row>
    <row r="1288" spans="1:10" x14ac:dyDescent="0.25">
      <c r="A1288">
        <v>9</v>
      </c>
      <c r="B1288">
        <v>109.39100000000001</v>
      </c>
      <c r="C1288">
        <v>114.913</v>
      </c>
      <c r="D1288">
        <v>190</v>
      </c>
      <c r="E1288">
        <v>7370.08</v>
      </c>
      <c r="F1288">
        <v>10800</v>
      </c>
      <c r="G1288">
        <v>22507.1</v>
      </c>
      <c r="H1288">
        <v>1.87402</v>
      </c>
      <c r="I1288">
        <v>21725.7</v>
      </c>
      <c r="J1288">
        <v>40.581099999999999</v>
      </c>
    </row>
    <row r="1289" spans="1:10" x14ac:dyDescent="0.25">
      <c r="A1289">
        <v>9</v>
      </c>
      <c r="B1289">
        <v>103.958</v>
      </c>
      <c r="C1289">
        <v>114.913</v>
      </c>
      <c r="D1289">
        <v>179.97200000000001</v>
      </c>
      <c r="E1289">
        <v>7540.16</v>
      </c>
      <c r="F1289">
        <v>10800</v>
      </c>
      <c r="G1289">
        <v>19615.7</v>
      </c>
      <c r="H1289">
        <v>1.1181099999999999</v>
      </c>
      <c r="I1289">
        <v>24034.799999999999</v>
      </c>
      <c r="J1289">
        <v>71.927300000000002</v>
      </c>
    </row>
    <row r="1290" spans="1:10" x14ac:dyDescent="0.25">
      <c r="A1290">
        <v>9</v>
      </c>
      <c r="B1290">
        <v>105.848</v>
      </c>
      <c r="C1290">
        <v>114.598</v>
      </c>
      <c r="D1290">
        <v>189.37299999999999</v>
      </c>
      <c r="E1290">
        <v>7710.24</v>
      </c>
      <c r="F1290">
        <v>15392.1</v>
      </c>
      <c r="G1290">
        <v>20976.400000000001</v>
      </c>
      <c r="H1290">
        <v>1.07087</v>
      </c>
      <c r="I1290">
        <v>28823.9</v>
      </c>
      <c r="J1290">
        <v>18.1525</v>
      </c>
    </row>
    <row r="1291" spans="1:10" x14ac:dyDescent="0.25">
      <c r="A1291">
        <v>9</v>
      </c>
      <c r="B1291">
        <v>108.919</v>
      </c>
      <c r="C1291">
        <v>114.598</v>
      </c>
      <c r="D1291">
        <v>182.16499999999999</v>
      </c>
      <c r="E1291">
        <v>10516.5</v>
      </c>
      <c r="F1291">
        <v>10800</v>
      </c>
      <c r="G1291">
        <v>18595.3</v>
      </c>
      <c r="H1291">
        <v>3.9527600000000001</v>
      </c>
      <c r="I1291">
        <v>23609.1</v>
      </c>
      <c r="J1291">
        <v>54.0501</v>
      </c>
    </row>
    <row r="1292" spans="1:10" x14ac:dyDescent="0.25">
      <c r="A1292">
        <v>9</v>
      </c>
      <c r="B1292">
        <v>108.919</v>
      </c>
      <c r="C1292">
        <v>114.598</v>
      </c>
      <c r="D1292">
        <v>189.68700000000001</v>
      </c>
      <c r="E1292">
        <v>10176.4</v>
      </c>
      <c r="F1292">
        <v>10800</v>
      </c>
      <c r="G1292">
        <v>25398.400000000001</v>
      </c>
      <c r="H1292">
        <v>2.4409399999999999</v>
      </c>
      <c r="I1292">
        <v>23847.3</v>
      </c>
      <c r="J1292">
        <v>36.828400000000002</v>
      </c>
    </row>
    <row r="1293" spans="1:10" x14ac:dyDescent="0.25">
      <c r="A1293">
        <v>9</v>
      </c>
      <c r="B1293">
        <v>108.919</v>
      </c>
      <c r="C1293">
        <v>119.93899999999999</v>
      </c>
      <c r="D1293">
        <v>189.68700000000001</v>
      </c>
      <c r="E1293">
        <v>10176.4</v>
      </c>
      <c r="F1293">
        <v>10800</v>
      </c>
      <c r="G1293">
        <v>19785.8</v>
      </c>
      <c r="H1293">
        <v>3.7637800000000001</v>
      </c>
      <c r="I1293">
        <v>23247.4</v>
      </c>
      <c r="J1293">
        <v>30.8125</v>
      </c>
    </row>
    <row r="1294" spans="1:10" x14ac:dyDescent="0.25">
      <c r="A1294">
        <v>9</v>
      </c>
      <c r="B1294">
        <v>93.328299999999999</v>
      </c>
      <c r="C1294">
        <v>123.395</v>
      </c>
      <c r="D1294">
        <v>184.672</v>
      </c>
      <c r="E1294">
        <v>7370.08</v>
      </c>
      <c r="F1294">
        <v>10800</v>
      </c>
      <c r="G1294">
        <v>21316.5</v>
      </c>
      <c r="H1294">
        <v>1.85039</v>
      </c>
      <c r="I1294">
        <v>21758.799999999999</v>
      </c>
      <c r="J1294">
        <v>32.678800000000003</v>
      </c>
    </row>
    <row r="1295" spans="1:10" x14ac:dyDescent="0.25">
      <c r="A1295">
        <v>9</v>
      </c>
      <c r="B1295">
        <v>108.446</v>
      </c>
      <c r="C1295">
        <v>119.93899999999999</v>
      </c>
      <c r="D1295">
        <v>187.80600000000001</v>
      </c>
      <c r="E1295">
        <v>10431.5</v>
      </c>
      <c r="F1295">
        <v>11820.5</v>
      </c>
      <c r="G1295">
        <v>27949.599999999999</v>
      </c>
      <c r="H1295">
        <v>1.4960599999999999</v>
      </c>
      <c r="I1295">
        <v>28125.7</v>
      </c>
      <c r="J1295">
        <v>36.049799999999998</v>
      </c>
    </row>
    <row r="1296" spans="1:10" x14ac:dyDescent="0.25">
      <c r="A1296">
        <v>9</v>
      </c>
      <c r="B1296">
        <v>89.076400000000007</v>
      </c>
      <c r="C1296">
        <v>124.96599999999999</v>
      </c>
      <c r="D1296">
        <v>179.65799999999999</v>
      </c>
      <c r="E1296">
        <v>7625.2</v>
      </c>
      <c r="F1296">
        <v>10800</v>
      </c>
      <c r="G1296">
        <v>18085</v>
      </c>
      <c r="H1296">
        <v>3.5748000000000002</v>
      </c>
      <c r="I1296">
        <v>20862.7</v>
      </c>
      <c r="J1296">
        <v>40.538200000000003</v>
      </c>
    </row>
    <row r="1297" spans="1:10" x14ac:dyDescent="0.25">
      <c r="A1297">
        <v>9</v>
      </c>
      <c r="B1297">
        <v>106.79300000000001</v>
      </c>
      <c r="C1297">
        <v>124.024</v>
      </c>
      <c r="D1297">
        <v>159.91499999999999</v>
      </c>
      <c r="E1297">
        <v>10091.299999999999</v>
      </c>
      <c r="F1297">
        <v>10800</v>
      </c>
      <c r="G1297">
        <v>19445.7</v>
      </c>
      <c r="H1297">
        <v>3.7637800000000001</v>
      </c>
      <c r="I1297">
        <v>36844.300000000003</v>
      </c>
      <c r="J1297">
        <v>99.3613</v>
      </c>
    </row>
    <row r="1298" spans="1:10" x14ac:dyDescent="0.25">
      <c r="A1298">
        <v>9</v>
      </c>
      <c r="B1298">
        <v>105.848</v>
      </c>
      <c r="C1298">
        <v>113.97</v>
      </c>
      <c r="D1298">
        <v>179.345</v>
      </c>
      <c r="E1298">
        <v>7370.08</v>
      </c>
      <c r="F1298">
        <v>11310.2</v>
      </c>
      <c r="G1298">
        <v>18255.099999999999</v>
      </c>
      <c r="H1298">
        <v>3.4330699999999998</v>
      </c>
      <c r="I1298">
        <v>21437.200000000001</v>
      </c>
      <c r="J1298">
        <v>81.351699999999994</v>
      </c>
    </row>
    <row r="1299" spans="1:10" x14ac:dyDescent="0.25">
      <c r="A1299">
        <v>9</v>
      </c>
      <c r="B1299">
        <v>108.446</v>
      </c>
      <c r="C1299">
        <v>118.369</v>
      </c>
      <c r="D1299">
        <v>189.68700000000001</v>
      </c>
      <c r="E1299">
        <v>11792.1</v>
      </c>
      <c r="F1299">
        <v>11310.2</v>
      </c>
      <c r="G1299">
        <v>21826.799999999999</v>
      </c>
      <c r="H1299">
        <v>3.3858299999999999</v>
      </c>
      <c r="I1299">
        <v>26268.5</v>
      </c>
      <c r="J1299">
        <v>26.909199999999998</v>
      </c>
    </row>
    <row r="1300" spans="1:10" x14ac:dyDescent="0.25">
      <c r="A1300">
        <v>9</v>
      </c>
      <c r="B1300">
        <v>109.155</v>
      </c>
      <c r="C1300">
        <v>124.652</v>
      </c>
      <c r="D1300">
        <v>189.06</v>
      </c>
      <c r="E1300">
        <v>10176.4</v>
      </c>
      <c r="F1300">
        <v>19984.3</v>
      </c>
      <c r="G1300">
        <v>25398.400000000001</v>
      </c>
      <c r="H1300">
        <v>3.7637800000000001</v>
      </c>
      <c r="I1300">
        <v>35019.199999999997</v>
      </c>
      <c r="J1300">
        <v>29.4282</v>
      </c>
    </row>
    <row r="1301" spans="1:10" x14ac:dyDescent="0.25">
      <c r="A1301">
        <v>9</v>
      </c>
      <c r="B1301">
        <v>108.446</v>
      </c>
      <c r="C1301">
        <v>119.625</v>
      </c>
      <c r="D1301">
        <v>168.06299999999999</v>
      </c>
      <c r="E1301">
        <v>10431.5</v>
      </c>
      <c r="F1301">
        <v>12330.7</v>
      </c>
      <c r="G1301">
        <v>23357.5</v>
      </c>
      <c r="H1301">
        <v>1.4960599999999999</v>
      </c>
      <c r="I1301">
        <v>29394.9</v>
      </c>
      <c r="J1301">
        <v>36.646000000000001</v>
      </c>
    </row>
    <row r="1302" spans="1:10" x14ac:dyDescent="0.25">
      <c r="A1302">
        <v>9</v>
      </c>
      <c r="B1302">
        <v>108.446</v>
      </c>
      <c r="C1302">
        <v>118.369</v>
      </c>
      <c r="D1302">
        <v>189.06</v>
      </c>
      <c r="E1302">
        <v>10091.299999999999</v>
      </c>
      <c r="F1302">
        <v>12330.7</v>
      </c>
      <c r="G1302">
        <v>21996.9</v>
      </c>
      <c r="H1302">
        <v>2.6299199999999998</v>
      </c>
      <c r="I1302">
        <v>25615.599999999999</v>
      </c>
      <c r="J1302">
        <v>30.090399999999999</v>
      </c>
    </row>
    <row r="1303" spans="1:10" x14ac:dyDescent="0.25">
      <c r="A1303">
        <v>9</v>
      </c>
      <c r="B1303">
        <v>108.446</v>
      </c>
      <c r="C1303">
        <v>119.625</v>
      </c>
      <c r="D1303">
        <v>189.06</v>
      </c>
      <c r="E1303">
        <v>10431.5</v>
      </c>
      <c r="F1303">
        <v>11310.2</v>
      </c>
      <c r="G1303">
        <v>20976.400000000001</v>
      </c>
      <c r="H1303">
        <v>2.5590600000000001</v>
      </c>
      <c r="I1303">
        <v>25035.200000000001</v>
      </c>
      <c r="J1303">
        <v>22.064900000000002</v>
      </c>
    </row>
    <row r="1304" spans="1:10" x14ac:dyDescent="0.25">
      <c r="A1304">
        <v>9</v>
      </c>
      <c r="B1304">
        <v>108.446</v>
      </c>
      <c r="C1304">
        <v>113.342</v>
      </c>
      <c r="D1304">
        <v>189.68700000000001</v>
      </c>
      <c r="E1304">
        <v>10176.4</v>
      </c>
      <c r="F1304">
        <v>11310.2</v>
      </c>
      <c r="G1304">
        <v>18595.3</v>
      </c>
      <c r="H1304">
        <v>2.79528</v>
      </c>
      <c r="I1304">
        <v>24115.9</v>
      </c>
      <c r="J1304">
        <v>41.661900000000003</v>
      </c>
    </row>
    <row r="1305" spans="1:10" x14ac:dyDescent="0.25">
      <c r="A1305">
        <v>9</v>
      </c>
      <c r="B1305">
        <v>108.446</v>
      </c>
      <c r="C1305">
        <v>114.913</v>
      </c>
      <c r="D1305">
        <v>186.553</v>
      </c>
      <c r="E1305">
        <v>7710.24</v>
      </c>
      <c r="F1305">
        <v>11310.2</v>
      </c>
      <c r="G1305">
        <v>19955.900000000001</v>
      </c>
      <c r="H1305">
        <v>3.8110200000000001</v>
      </c>
      <c r="I1305">
        <v>21251.7</v>
      </c>
      <c r="J1305">
        <v>61.818899999999999</v>
      </c>
    </row>
    <row r="1306" spans="1:10" x14ac:dyDescent="0.25">
      <c r="A1306">
        <v>9</v>
      </c>
      <c r="B1306">
        <v>108.446</v>
      </c>
      <c r="C1306">
        <v>113.342</v>
      </c>
      <c r="D1306">
        <v>179.65799999999999</v>
      </c>
      <c r="E1306">
        <v>7370.08</v>
      </c>
      <c r="F1306">
        <v>10800</v>
      </c>
      <c r="G1306">
        <v>19955.900000000001</v>
      </c>
      <c r="H1306">
        <v>3.6692900000000002</v>
      </c>
      <c r="I1306">
        <v>20743.400000000001</v>
      </c>
      <c r="J1306">
        <v>83.973100000000002</v>
      </c>
    </row>
    <row r="1307" spans="1:10" x14ac:dyDescent="0.25">
      <c r="A1307">
        <v>9</v>
      </c>
      <c r="B1307">
        <v>109.628</v>
      </c>
      <c r="C1307">
        <v>119.93899999999999</v>
      </c>
      <c r="D1307">
        <v>179.65799999999999</v>
      </c>
      <c r="E1307">
        <v>7795.28</v>
      </c>
      <c r="F1307">
        <v>12330.7</v>
      </c>
      <c r="G1307">
        <v>21316.5</v>
      </c>
      <c r="H1307">
        <v>1.54331</v>
      </c>
      <c r="I1307">
        <v>25000.1</v>
      </c>
      <c r="J1307">
        <v>24.598500000000001</v>
      </c>
    </row>
    <row r="1308" spans="1:10" x14ac:dyDescent="0.25">
      <c r="A1308">
        <v>9</v>
      </c>
      <c r="B1308">
        <v>107.738</v>
      </c>
      <c r="C1308">
        <v>129.05000000000001</v>
      </c>
      <c r="D1308">
        <v>163.989</v>
      </c>
      <c r="E1308">
        <v>10431.5</v>
      </c>
      <c r="F1308">
        <v>11820.5</v>
      </c>
      <c r="G1308">
        <v>26078.7</v>
      </c>
      <c r="H1308">
        <v>3.7637800000000001</v>
      </c>
      <c r="I1308">
        <v>30106.2</v>
      </c>
      <c r="J1308">
        <v>115.36</v>
      </c>
    </row>
    <row r="1309" spans="1:10" x14ac:dyDescent="0.25">
      <c r="A1309">
        <v>9</v>
      </c>
      <c r="B1309">
        <v>106.79300000000001</v>
      </c>
      <c r="C1309">
        <v>123.395</v>
      </c>
      <c r="D1309">
        <v>184.04599999999999</v>
      </c>
      <c r="E1309">
        <v>10091.299999999999</v>
      </c>
      <c r="F1309">
        <v>10800</v>
      </c>
      <c r="G1309">
        <v>19615.7</v>
      </c>
      <c r="H1309">
        <v>3.8110200000000001</v>
      </c>
      <c r="I1309">
        <v>23691.3</v>
      </c>
      <c r="J1309">
        <v>99.812899999999999</v>
      </c>
    </row>
    <row r="1310" spans="1:10" x14ac:dyDescent="0.25">
      <c r="A1310">
        <v>9</v>
      </c>
      <c r="B1310">
        <v>94.509399999999999</v>
      </c>
      <c r="C1310">
        <v>114.913</v>
      </c>
      <c r="D1310">
        <v>189.37299999999999</v>
      </c>
      <c r="E1310">
        <v>7370.08</v>
      </c>
      <c r="F1310">
        <v>10800</v>
      </c>
      <c r="G1310">
        <v>21316.5</v>
      </c>
      <c r="H1310">
        <v>1.80315</v>
      </c>
      <c r="I1310">
        <v>22044.3</v>
      </c>
      <c r="J1310">
        <v>83.609099999999998</v>
      </c>
    </row>
    <row r="1311" spans="1:10" x14ac:dyDescent="0.25">
      <c r="A1311">
        <v>9</v>
      </c>
      <c r="B1311">
        <v>109.628</v>
      </c>
      <c r="C1311">
        <v>123.395</v>
      </c>
      <c r="D1311">
        <v>164.30199999999999</v>
      </c>
      <c r="E1311">
        <v>10516.5</v>
      </c>
      <c r="F1311">
        <v>11310.2</v>
      </c>
      <c r="G1311">
        <v>23017.3</v>
      </c>
      <c r="H1311">
        <v>2.25197</v>
      </c>
      <c r="I1311">
        <v>28142.2</v>
      </c>
      <c r="J1311">
        <v>21.357800000000001</v>
      </c>
    </row>
    <row r="1312" spans="1:10" x14ac:dyDescent="0.25">
      <c r="A1312">
        <v>9</v>
      </c>
      <c r="B1312">
        <v>109.155</v>
      </c>
      <c r="C1312">
        <v>114.598</v>
      </c>
      <c r="D1312">
        <v>189.06</v>
      </c>
      <c r="E1312">
        <v>7795.28</v>
      </c>
      <c r="F1312">
        <v>11310.2</v>
      </c>
      <c r="G1312">
        <v>19275.599999999999</v>
      </c>
      <c r="H1312">
        <v>2.4409399999999999</v>
      </c>
      <c r="I1312">
        <v>22048</v>
      </c>
      <c r="J1312">
        <v>48.510800000000003</v>
      </c>
    </row>
    <row r="1313" spans="1:10" x14ac:dyDescent="0.25">
      <c r="A1313">
        <v>9</v>
      </c>
      <c r="B1313">
        <v>90.729900000000001</v>
      </c>
      <c r="C1313">
        <v>114.598</v>
      </c>
      <c r="D1313">
        <v>189.37299999999999</v>
      </c>
      <c r="E1313">
        <v>7710.24</v>
      </c>
      <c r="F1313">
        <v>15392.1</v>
      </c>
      <c r="G1313">
        <v>20976.400000000001</v>
      </c>
      <c r="H1313">
        <v>1.02362</v>
      </c>
      <c r="I1313">
        <v>29172.5</v>
      </c>
      <c r="J1313">
        <v>35.494399999999999</v>
      </c>
    </row>
    <row r="1314" spans="1:10" x14ac:dyDescent="0.25">
      <c r="A1314">
        <v>9</v>
      </c>
      <c r="B1314">
        <v>103.25</v>
      </c>
      <c r="C1314">
        <v>114.913</v>
      </c>
      <c r="D1314">
        <v>190</v>
      </c>
      <c r="E1314">
        <v>7370.08</v>
      </c>
      <c r="F1314">
        <v>10800</v>
      </c>
      <c r="G1314">
        <v>19955.900000000001</v>
      </c>
      <c r="H1314">
        <v>3.9527600000000001</v>
      </c>
      <c r="I1314">
        <v>20431.8</v>
      </c>
      <c r="J1314">
        <v>88.963200000000001</v>
      </c>
    </row>
    <row r="1315" spans="1:10" x14ac:dyDescent="0.25">
      <c r="A1315">
        <v>9</v>
      </c>
      <c r="B1315">
        <v>104.90300000000001</v>
      </c>
      <c r="C1315">
        <v>124.652</v>
      </c>
      <c r="D1315">
        <v>179.345</v>
      </c>
      <c r="E1315">
        <v>10006.299999999999</v>
      </c>
      <c r="F1315">
        <v>12075.6</v>
      </c>
      <c r="G1315">
        <v>25398.400000000001</v>
      </c>
      <c r="H1315">
        <v>3.3858299999999999</v>
      </c>
      <c r="I1315">
        <v>25030.2</v>
      </c>
      <c r="J1315">
        <v>84.332800000000006</v>
      </c>
    </row>
    <row r="1316" spans="1:10" x14ac:dyDescent="0.25">
      <c r="A1316">
        <v>9</v>
      </c>
      <c r="B1316">
        <v>108.446</v>
      </c>
      <c r="C1316">
        <v>114.913</v>
      </c>
      <c r="D1316">
        <v>179.65799999999999</v>
      </c>
      <c r="E1316">
        <v>7795.28</v>
      </c>
      <c r="F1316">
        <v>11310.2</v>
      </c>
      <c r="G1316">
        <v>18425.2</v>
      </c>
      <c r="H1316">
        <v>1.92126</v>
      </c>
      <c r="I1316">
        <v>22753.1</v>
      </c>
      <c r="J1316">
        <v>54.654699999999998</v>
      </c>
    </row>
    <row r="1317" spans="1:10" x14ac:dyDescent="0.25">
      <c r="A1317">
        <v>9</v>
      </c>
      <c r="B1317">
        <v>108.919</v>
      </c>
      <c r="C1317">
        <v>114.598</v>
      </c>
      <c r="D1317">
        <v>189.68700000000001</v>
      </c>
      <c r="E1317">
        <v>7370.08</v>
      </c>
      <c r="F1317">
        <v>15392.1</v>
      </c>
      <c r="G1317">
        <v>21146.5</v>
      </c>
      <c r="H1317">
        <v>1.85039</v>
      </c>
      <c r="I1317">
        <v>27506.400000000001</v>
      </c>
      <c r="J1317">
        <v>33.031999999999996</v>
      </c>
    </row>
    <row r="1318" spans="1:10" x14ac:dyDescent="0.25">
      <c r="A1318">
        <v>9</v>
      </c>
      <c r="B1318">
        <v>108.68300000000001</v>
      </c>
      <c r="C1318">
        <v>124.33799999999999</v>
      </c>
      <c r="D1318">
        <v>181.53899999999999</v>
      </c>
      <c r="E1318">
        <v>7795.28</v>
      </c>
      <c r="F1318">
        <v>11310.2</v>
      </c>
      <c r="G1318">
        <v>25228.3</v>
      </c>
      <c r="H1318">
        <v>2.29921</v>
      </c>
      <c r="I1318">
        <v>22597.3</v>
      </c>
      <c r="J1318">
        <v>85.400899999999993</v>
      </c>
    </row>
    <row r="1319" spans="1:10" x14ac:dyDescent="0.25">
      <c r="A1319">
        <v>9</v>
      </c>
      <c r="B1319">
        <v>107.029</v>
      </c>
      <c r="C1319">
        <v>114.598</v>
      </c>
      <c r="D1319">
        <v>184.04599999999999</v>
      </c>
      <c r="E1319">
        <v>7795.28</v>
      </c>
      <c r="F1319">
        <v>21004.7</v>
      </c>
      <c r="G1319">
        <v>20636.2</v>
      </c>
      <c r="H1319">
        <v>2.1574800000000001</v>
      </c>
      <c r="I1319">
        <v>34087.599999999999</v>
      </c>
      <c r="J1319">
        <v>27.187999999999999</v>
      </c>
    </row>
    <row r="1320" spans="1:10" x14ac:dyDescent="0.25">
      <c r="A1320">
        <v>9</v>
      </c>
      <c r="B1320">
        <v>108.446</v>
      </c>
      <c r="C1320">
        <v>119.93899999999999</v>
      </c>
      <c r="D1320">
        <v>190</v>
      </c>
      <c r="E1320">
        <v>7370.08</v>
      </c>
      <c r="F1320">
        <v>11310.2</v>
      </c>
      <c r="G1320">
        <v>19955.900000000001</v>
      </c>
      <c r="H1320">
        <v>2.6299199999999998</v>
      </c>
      <c r="I1320">
        <v>21387</v>
      </c>
      <c r="J1320">
        <v>39.315100000000001</v>
      </c>
    </row>
    <row r="1321" spans="1:10" x14ac:dyDescent="0.25">
      <c r="A1321">
        <v>9</v>
      </c>
      <c r="B1321">
        <v>108.446</v>
      </c>
      <c r="C1321">
        <v>119.625</v>
      </c>
      <c r="D1321">
        <v>189.68700000000001</v>
      </c>
      <c r="E1321">
        <v>10176.4</v>
      </c>
      <c r="F1321">
        <v>12330.7</v>
      </c>
      <c r="G1321">
        <v>19955.900000000001</v>
      </c>
      <c r="H1321">
        <v>2.5354299999999999</v>
      </c>
      <c r="I1321">
        <v>26009.4</v>
      </c>
      <c r="J1321">
        <v>21.903199999999998</v>
      </c>
    </row>
    <row r="1322" spans="1:10" x14ac:dyDescent="0.25">
      <c r="A1322">
        <v>9</v>
      </c>
      <c r="B1322">
        <v>109.155</v>
      </c>
      <c r="C1322">
        <v>124.652</v>
      </c>
      <c r="D1322">
        <v>187.18</v>
      </c>
      <c r="E1322">
        <v>7455.12</v>
      </c>
      <c r="F1322">
        <v>11820.5</v>
      </c>
      <c r="G1322">
        <v>24718.1</v>
      </c>
      <c r="H1322">
        <v>2.4409399999999999</v>
      </c>
      <c r="I1322">
        <v>22695.9</v>
      </c>
      <c r="J1322">
        <v>107.68899999999999</v>
      </c>
    </row>
    <row r="1323" spans="1:10" x14ac:dyDescent="0.25">
      <c r="A1323">
        <v>9</v>
      </c>
      <c r="B1323">
        <v>105.61199999999999</v>
      </c>
      <c r="C1323">
        <v>114.598</v>
      </c>
      <c r="D1323">
        <v>189.68700000000001</v>
      </c>
      <c r="E1323">
        <v>7455.12</v>
      </c>
      <c r="F1323">
        <v>14881.9</v>
      </c>
      <c r="G1323">
        <v>20806.3</v>
      </c>
      <c r="H1323">
        <v>1.9684999999999999</v>
      </c>
      <c r="I1323">
        <v>25789.1</v>
      </c>
      <c r="J1323">
        <v>35.632300000000001</v>
      </c>
    </row>
    <row r="1324" spans="1:10" x14ac:dyDescent="0.25">
      <c r="A1324">
        <v>9</v>
      </c>
      <c r="B1324">
        <v>94.273200000000003</v>
      </c>
      <c r="C1324">
        <v>119.625</v>
      </c>
      <c r="D1324">
        <v>189.68700000000001</v>
      </c>
      <c r="E1324">
        <v>10091.299999999999</v>
      </c>
      <c r="F1324">
        <v>10800</v>
      </c>
      <c r="G1324">
        <v>19615.7</v>
      </c>
      <c r="H1324">
        <v>1.07087</v>
      </c>
      <c r="I1324">
        <v>26740.799999999999</v>
      </c>
      <c r="J1324">
        <v>59.582700000000003</v>
      </c>
    </row>
    <row r="1325" spans="1:10" x14ac:dyDescent="0.25">
      <c r="A1325">
        <v>9</v>
      </c>
      <c r="B1325">
        <v>109.628</v>
      </c>
      <c r="C1325">
        <v>119.93899999999999</v>
      </c>
      <c r="D1325">
        <v>189.37299999999999</v>
      </c>
      <c r="E1325">
        <v>7795.28</v>
      </c>
      <c r="F1325">
        <v>10800</v>
      </c>
      <c r="G1325">
        <v>18085</v>
      </c>
      <c r="H1325">
        <v>3.3622000000000001</v>
      </c>
      <c r="I1325">
        <v>20972.799999999999</v>
      </c>
      <c r="J1325">
        <v>51.981299999999997</v>
      </c>
    </row>
    <row r="1326" spans="1:10" x14ac:dyDescent="0.25">
      <c r="A1326">
        <v>9</v>
      </c>
      <c r="B1326">
        <v>108.68300000000001</v>
      </c>
      <c r="C1326">
        <v>118.997</v>
      </c>
      <c r="D1326">
        <v>189.06</v>
      </c>
      <c r="E1326">
        <v>10431.5</v>
      </c>
      <c r="F1326">
        <v>18963.8</v>
      </c>
      <c r="G1326">
        <v>20636.2</v>
      </c>
      <c r="H1326">
        <v>3.7637800000000001</v>
      </c>
      <c r="I1326">
        <v>32980.1</v>
      </c>
      <c r="J1326">
        <v>21.464300000000001</v>
      </c>
    </row>
    <row r="1327" spans="1:10" x14ac:dyDescent="0.25">
      <c r="A1327">
        <v>9</v>
      </c>
      <c r="B1327">
        <v>108.68300000000001</v>
      </c>
      <c r="C1327">
        <v>129.36500000000001</v>
      </c>
      <c r="D1327">
        <v>190</v>
      </c>
      <c r="E1327">
        <v>10516.5</v>
      </c>
      <c r="F1327">
        <v>18963.8</v>
      </c>
      <c r="G1327">
        <v>19615.7</v>
      </c>
      <c r="H1327">
        <v>2.6299199999999998</v>
      </c>
      <c r="I1327">
        <v>32904.9</v>
      </c>
      <c r="J1327">
        <v>113.363</v>
      </c>
    </row>
    <row r="1328" spans="1:10" x14ac:dyDescent="0.25">
      <c r="A1328">
        <v>9</v>
      </c>
      <c r="B1328">
        <v>105.848</v>
      </c>
      <c r="C1328">
        <v>114.913</v>
      </c>
      <c r="D1328">
        <v>169.00299999999999</v>
      </c>
      <c r="E1328">
        <v>10431.5</v>
      </c>
      <c r="F1328">
        <v>15392.1</v>
      </c>
      <c r="G1328">
        <v>7370.08</v>
      </c>
      <c r="H1328">
        <v>1.87402</v>
      </c>
      <c r="I1328">
        <v>30103.9</v>
      </c>
      <c r="J1328">
        <v>28.219899999999999</v>
      </c>
    </row>
    <row r="1329" spans="1:10" x14ac:dyDescent="0.25">
      <c r="A1329">
        <v>9</v>
      </c>
      <c r="B1329">
        <v>106.084</v>
      </c>
      <c r="C1329">
        <v>124.024</v>
      </c>
      <c r="D1329">
        <v>186.86600000000001</v>
      </c>
      <c r="E1329">
        <v>10431.5</v>
      </c>
      <c r="F1329">
        <v>11310.2</v>
      </c>
      <c r="G1329">
        <v>20976.400000000001</v>
      </c>
      <c r="H1329">
        <v>1.1181099999999999</v>
      </c>
      <c r="I1329">
        <v>28207.3</v>
      </c>
      <c r="J1329">
        <v>76.648200000000003</v>
      </c>
    </row>
    <row r="1330" spans="1:10" x14ac:dyDescent="0.25">
      <c r="A1330">
        <v>9</v>
      </c>
      <c r="B1330">
        <v>105.848</v>
      </c>
      <c r="C1330">
        <v>114.913</v>
      </c>
      <c r="D1330">
        <v>189.37299999999999</v>
      </c>
      <c r="E1330">
        <v>7710.24</v>
      </c>
      <c r="F1330">
        <v>15392.1</v>
      </c>
      <c r="G1330">
        <v>20976.400000000001</v>
      </c>
      <c r="H1330">
        <v>1.02362</v>
      </c>
      <c r="I1330">
        <v>29203.7</v>
      </c>
      <c r="J1330">
        <v>18.7959</v>
      </c>
    </row>
    <row r="1331" spans="1:10" x14ac:dyDescent="0.25">
      <c r="A1331">
        <v>9</v>
      </c>
      <c r="B1331">
        <v>94.745699999999999</v>
      </c>
      <c r="C1331">
        <v>123.395</v>
      </c>
      <c r="D1331">
        <v>184.672</v>
      </c>
      <c r="E1331">
        <v>7710.24</v>
      </c>
      <c r="F1331">
        <v>10800</v>
      </c>
      <c r="G1331">
        <v>22677.200000000001</v>
      </c>
      <c r="H1331">
        <v>3.2677200000000002</v>
      </c>
      <c r="I1331">
        <v>20933.900000000001</v>
      </c>
      <c r="J1331">
        <v>74.595500000000001</v>
      </c>
    </row>
    <row r="1332" spans="1:10" x14ac:dyDescent="0.25">
      <c r="A1332">
        <v>9</v>
      </c>
      <c r="B1332">
        <v>108.446</v>
      </c>
      <c r="C1332">
        <v>114.28400000000001</v>
      </c>
      <c r="D1332">
        <v>189.68700000000001</v>
      </c>
      <c r="E1332">
        <v>7455.12</v>
      </c>
      <c r="F1332">
        <v>11310.2</v>
      </c>
      <c r="G1332">
        <v>19785.8</v>
      </c>
      <c r="H1332">
        <v>1.92126</v>
      </c>
      <c r="I1332">
        <v>22304.9</v>
      </c>
      <c r="J1332">
        <v>54.925800000000002</v>
      </c>
    </row>
    <row r="1333" spans="1:10" x14ac:dyDescent="0.25">
      <c r="A1333">
        <v>9</v>
      </c>
      <c r="B1333">
        <v>105.848</v>
      </c>
      <c r="C1333">
        <v>114.913</v>
      </c>
      <c r="D1333">
        <v>189.37299999999999</v>
      </c>
      <c r="E1333">
        <v>7710.24</v>
      </c>
      <c r="F1333">
        <v>15392.1</v>
      </c>
      <c r="G1333">
        <v>20976.400000000001</v>
      </c>
      <c r="H1333">
        <v>1</v>
      </c>
      <c r="I1333">
        <v>29378.3</v>
      </c>
      <c r="J1333">
        <v>17.155000000000001</v>
      </c>
    </row>
    <row r="1334" spans="1:10" x14ac:dyDescent="0.25">
      <c r="A1334">
        <v>9</v>
      </c>
      <c r="B1334">
        <v>107.738</v>
      </c>
      <c r="C1334">
        <v>118.997</v>
      </c>
      <c r="D1334">
        <v>179.65799999999999</v>
      </c>
      <c r="E1334">
        <v>7710.24</v>
      </c>
      <c r="F1334">
        <v>18963.8</v>
      </c>
      <c r="G1334">
        <v>25228.3</v>
      </c>
      <c r="H1334">
        <v>2.25197</v>
      </c>
      <c r="I1334">
        <v>32591.599999999999</v>
      </c>
      <c r="J1334">
        <v>21.0928</v>
      </c>
    </row>
    <row r="1335" spans="1:10" x14ac:dyDescent="0.25">
      <c r="A1335">
        <v>9</v>
      </c>
      <c r="B1335">
        <v>108.446</v>
      </c>
      <c r="C1335">
        <v>122.767</v>
      </c>
      <c r="D1335">
        <v>182.47900000000001</v>
      </c>
      <c r="E1335">
        <v>7795.28</v>
      </c>
      <c r="F1335">
        <v>11820.5</v>
      </c>
      <c r="G1335">
        <v>26078.7</v>
      </c>
      <c r="H1335">
        <v>3.3858299999999999</v>
      </c>
      <c r="I1335">
        <v>21927.4</v>
      </c>
      <c r="J1335">
        <v>48.345999999999997</v>
      </c>
    </row>
    <row r="1336" spans="1:10" x14ac:dyDescent="0.25">
      <c r="A1336">
        <v>9</v>
      </c>
      <c r="B1336">
        <v>108.446</v>
      </c>
      <c r="C1336">
        <v>118.369</v>
      </c>
      <c r="D1336">
        <v>177.77799999999999</v>
      </c>
      <c r="E1336">
        <v>10431.5</v>
      </c>
      <c r="F1336">
        <v>11310.2</v>
      </c>
      <c r="G1336">
        <v>18085</v>
      </c>
      <c r="H1336">
        <v>3.3622000000000001</v>
      </c>
      <c r="I1336">
        <v>24295.200000000001</v>
      </c>
      <c r="J1336">
        <v>35.617400000000004</v>
      </c>
    </row>
    <row r="1337" spans="1:10" x14ac:dyDescent="0.25">
      <c r="A1337">
        <v>9</v>
      </c>
      <c r="B1337">
        <v>106.557</v>
      </c>
      <c r="C1337">
        <v>117.74</v>
      </c>
      <c r="D1337">
        <v>158.97499999999999</v>
      </c>
      <c r="E1337">
        <v>7710.24</v>
      </c>
      <c r="F1337">
        <v>10800</v>
      </c>
      <c r="G1337">
        <v>22507.1</v>
      </c>
      <c r="H1337">
        <v>1.87402</v>
      </c>
      <c r="I1337">
        <v>41520.400000000001</v>
      </c>
      <c r="J1337">
        <v>61.250900000000001</v>
      </c>
    </row>
    <row r="1338" spans="1:10" x14ac:dyDescent="0.25">
      <c r="A1338">
        <v>9</v>
      </c>
      <c r="B1338">
        <v>108.68300000000001</v>
      </c>
      <c r="C1338">
        <v>124.652</v>
      </c>
      <c r="D1338">
        <v>186.553</v>
      </c>
      <c r="E1338">
        <v>10431.5</v>
      </c>
      <c r="F1338">
        <v>10800</v>
      </c>
      <c r="G1338">
        <v>22337</v>
      </c>
      <c r="H1338">
        <v>1.1653500000000001</v>
      </c>
      <c r="I1338">
        <v>27881.3</v>
      </c>
      <c r="J1338">
        <v>92.609700000000004</v>
      </c>
    </row>
    <row r="1339" spans="1:10" x14ac:dyDescent="0.25">
      <c r="A1339">
        <v>9</v>
      </c>
      <c r="B1339">
        <v>105.61199999999999</v>
      </c>
      <c r="C1339">
        <v>112.71299999999999</v>
      </c>
      <c r="D1339">
        <v>190</v>
      </c>
      <c r="E1339">
        <v>7200</v>
      </c>
      <c r="F1339">
        <v>10800</v>
      </c>
      <c r="G1339">
        <v>19955.900000000001</v>
      </c>
      <c r="H1339">
        <v>3.3858299999999999</v>
      </c>
      <c r="I1339">
        <v>20506.2</v>
      </c>
      <c r="J1339">
        <v>85.857399999999998</v>
      </c>
    </row>
    <row r="1340" spans="1:10" x14ac:dyDescent="0.25">
      <c r="A1340">
        <v>9</v>
      </c>
      <c r="B1340">
        <v>108.446</v>
      </c>
      <c r="C1340">
        <v>117.74</v>
      </c>
      <c r="D1340">
        <v>189.68700000000001</v>
      </c>
      <c r="E1340">
        <v>7540.16</v>
      </c>
      <c r="F1340">
        <v>11310.2</v>
      </c>
      <c r="G1340">
        <v>18595.3</v>
      </c>
      <c r="H1340">
        <v>3.64567</v>
      </c>
      <c r="I1340">
        <v>20993.599999999999</v>
      </c>
      <c r="J1340">
        <v>45.600900000000003</v>
      </c>
    </row>
    <row r="1341" spans="1:10" x14ac:dyDescent="0.25">
      <c r="A1341">
        <v>9</v>
      </c>
      <c r="B1341">
        <v>94.745699999999999</v>
      </c>
      <c r="C1341">
        <v>123.709</v>
      </c>
      <c r="D1341">
        <v>177.15100000000001</v>
      </c>
      <c r="E1341">
        <v>7710.24</v>
      </c>
      <c r="F1341">
        <v>11310.2</v>
      </c>
      <c r="G1341">
        <v>21316.5</v>
      </c>
      <c r="H1341">
        <v>1.89764</v>
      </c>
      <c r="I1341">
        <v>22465</v>
      </c>
      <c r="J1341">
        <v>32.197099999999999</v>
      </c>
    </row>
    <row r="1342" spans="1:10" x14ac:dyDescent="0.25">
      <c r="A1342">
        <v>9</v>
      </c>
      <c r="B1342">
        <v>109.628</v>
      </c>
      <c r="C1342">
        <v>119.93899999999999</v>
      </c>
      <c r="D1342">
        <v>177.465</v>
      </c>
      <c r="E1342">
        <v>7795.28</v>
      </c>
      <c r="F1342">
        <v>11310.2</v>
      </c>
      <c r="G1342">
        <v>21316.5</v>
      </c>
      <c r="H1342">
        <v>2.25197</v>
      </c>
      <c r="I1342">
        <v>22201.599999999999</v>
      </c>
      <c r="J1342">
        <v>63.686300000000003</v>
      </c>
    </row>
    <row r="1343" spans="1:10" x14ac:dyDescent="0.25">
      <c r="A1343">
        <v>9</v>
      </c>
      <c r="B1343">
        <v>109.39100000000001</v>
      </c>
      <c r="C1343">
        <v>124.652</v>
      </c>
      <c r="D1343">
        <v>189.68700000000001</v>
      </c>
      <c r="E1343">
        <v>7710.24</v>
      </c>
      <c r="F1343">
        <v>10800</v>
      </c>
      <c r="G1343">
        <v>22166.9</v>
      </c>
      <c r="H1343">
        <v>1.92126</v>
      </c>
      <c r="I1343">
        <v>22155.8</v>
      </c>
      <c r="J1343">
        <v>95.284899999999993</v>
      </c>
    </row>
    <row r="1344" spans="1:10" x14ac:dyDescent="0.25">
      <c r="A1344">
        <v>9</v>
      </c>
      <c r="B1344">
        <v>108.68300000000001</v>
      </c>
      <c r="C1344">
        <v>113.65600000000001</v>
      </c>
      <c r="D1344">
        <v>190</v>
      </c>
      <c r="E1344">
        <v>7710.24</v>
      </c>
      <c r="F1344">
        <v>11310.2</v>
      </c>
      <c r="G1344">
        <v>19445.7</v>
      </c>
      <c r="H1344">
        <v>3.7401599999999999</v>
      </c>
      <c r="I1344">
        <v>21287.599999999999</v>
      </c>
      <c r="J1344">
        <v>65.928899999999999</v>
      </c>
    </row>
    <row r="1345" spans="1:10" x14ac:dyDescent="0.25">
      <c r="A1345">
        <v>9</v>
      </c>
      <c r="B1345">
        <v>105.61199999999999</v>
      </c>
      <c r="C1345">
        <v>118.68300000000001</v>
      </c>
      <c r="D1345">
        <v>189.06</v>
      </c>
      <c r="E1345">
        <v>7455.12</v>
      </c>
      <c r="F1345">
        <v>10800</v>
      </c>
      <c r="G1345">
        <v>22677.200000000001</v>
      </c>
      <c r="H1345">
        <v>2.1338599999999999</v>
      </c>
      <c r="I1345">
        <v>21593.1</v>
      </c>
      <c r="J1345">
        <v>54.879899999999999</v>
      </c>
    </row>
    <row r="1346" spans="1:10" x14ac:dyDescent="0.25">
      <c r="A1346">
        <v>9</v>
      </c>
      <c r="B1346">
        <v>109.628</v>
      </c>
      <c r="C1346">
        <v>119.93899999999999</v>
      </c>
      <c r="D1346">
        <v>189.06</v>
      </c>
      <c r="E1346">
        <v>7370.08</v>
      </c>
      <c r="F1346">
        <v>15392.1</v>
      </c>
      <c r="G1346">
        <v>20806.3</v>
      </c>
      <c r="H1346">
        <v>3.45669</v>
      </c>
      <c r="I1346">
        <v>26359.7</v>
      </c>
      <c r="J1346">
        <v>27.972000000000001</v>
      </c>
    </row>
    <row r="1347" spans="1:10" x14ac:dyDescent="0.25">
      <c r="A1347">
        <v>9</v>
      </c>
      <c r="B1347">
        <v>108.68300000000001</v>
      </c>
      <c r="C1347">
        <v>118.369</v>
      </c>
      <c r="D1347">
        <v>189.68700000000001</v>
      </c>
      <c r="E1347">
        <v>10516.5</v>
      </c>
      <c r="F1347">
        <v>10800</v>
      </c>
      <c r="G1347">
        <v>19785.8</v>
      </c>
      <c r="H1347">
        <v>2.20472</v>
      </c>
      <c r="I1347">
        <v>24385.4</v>
      </c>
      <c r="J1347">
        <v>25.6173</v>
      </c>
    </row>
    <row r="1348" spans="1:10" x14ac:dyDescent="0.25">
      <c r="A1348">
        <v>9</v>
      </c>
      <c r="B1348">
        <v>107.738</v>
      </c>
      <c r="C1348">
        <v>129.05000000000001</v>
      </c>
      <c r="D1348">
        <v>179.97200000000001</v>
      </c>
      <c r="E1348">
        <v>10431.5</v>
      </c>
      <c r="F1348">
        <v>10800</v>
      </c>
      <c r="G1348">
        <v>22507.1</v>
      </c>
      <c r="H1348">
        <v>3.3858299999999999</v>
      </c>
      <c r="I1348">
        <v>24362.6</v>
      </c>
      <c r="J1348">
        <v>116.03400000000001</v>
      </c>
    </row>
    <row r="1349" spans="1:10" x14ac:dyDescent="0.25">
      <c r="A1349">
        <v>9</v>
      </c>
      <c r="B1349">
        <v>108.68300000000001</v>
      </c>
      <c r="C1349">
        <v>114.913</v>
      </c>
      <c r="D1349">
        <v>169.31700000000001</v>
      </c>
      <c r="E1349">
        <v>7795.28</v>
      </c>
      <c r="F1349">
        <v>11310.2</v>
      </c>
      <c r="G1349">
        <v>18255.099999999999</v>
      </c>
      <c r="H1349">
        <v>1.7795300000000001</v>
      </c>
      <c r="I1349">
        <v>23602.6</v>
      </c>
      <c r="J1349">
        <v>46.635199999999998</v>
      </c>
    </row>
    <row r="1350" spans="1:10" x14ac:dyDescent="0.25">
      <c r="A1350">
        <v>9</v>
      </c>
      <c r="B1350">
        <v>94.273200000000003</v>
      </c>
      <c r="C1350">
        <v>124.652</v>
      </c>
      <c r="D1350">
        <v>189.68700000000001</v>
      </c>
      <c r="E1350">
        <v>7455.12</v>
      </c>
      <c r="F1350">
        <v>10800</v>
      </c>
      <c r="G1350">
        <v>19785.8</v>
      </c>
      <c r="H1350">
        <v>1.7559100000000001</v>
      </c>
      <c r="I1350">
        <v>21873.3</v>
      </c>
      <c r="J1350">
        <v>62.771000000000001</v>
      </c>
    </row>
    <row r="1351" spans="1:10" x14ac:dyDescent="0.25">
      <c r="A1351">
        <v>9</v>
      </c>
      <c r="B1351">
        <v>108.68300000000001</v>
      </c>
      <c r="C1351">
        <v>114.598</v>
      </c>
      <c r="D1351">
        <v>169.31700000000001</v>
      </c>
      <c r="E1351">
        <v>10516.5</v>
      </c>
      <c r="F1351">
        <v>11310.2</v>
      </c>
      <c r="G1351">
        <v>22337</v>
      </c>
      <c r="H1351">
        <v>2.1574800000000001</v>
      </c>
      <c r="I1351">
        <v>25870.400000000001</v>
      </c>
      <c r="J1351">
        <v>40.942399999999999</v>
      </c>
    </row>
    <row r="1352" spans="1:10" x14ac:dyDescent="0.25">
      <c r="A1352">
        <v>9</v>
      </c>
      <c r="B1352">
        <v>109.628</v>
      </c>
      <c r="C1352">
        <v>114.598</v>
      </c>
      <c r="D1352">
        <v>189.37299999999999</v>
      </c>
      <c r="E1352">
        <v>13237.8</v>
      </c>
      <c r="F1352">
        <v>15392.1</v>
      </c>
      <c r="G1352">
        <v>20976.400000000001</v>
      </c>
      <c r="H1352">
        <v>1.80315</v>
      </c>
      <c r="I1352">
        <v>33892.6</v>
      </c>
      <c r="J1352">
        <v>25.234200000000001</v>
      </c>
    </row>
    <row r="1353" spans="1:10" x14ac:dyDescent="0.25">
      <c r="A1353">
        <v>9</v>
      </c>
      <c r="B1353">
        <v>89.312600000000003</v>
      </c>
      <c r="C1353">
        <v>114.598</v>
      </c>
      <c r="D1353">
        <v>179.97200000000001</v>
      </c>
      <c r="E1353">
        <v>7200</v>
      </c>
      <c r="F1353">
        <v>10800</v>
      </c>
      <c r="G1353">
        <v>19955.900000000001</v>
      </c>
      <c r="H1353">
        <v>2.8189000000000002</v>
      </c>
      <c r="I1353">
        <v>21210.400000000001</v>
      </c>
      <c r="J1353">
        <v>112.755</v>
      </c>
    </row>
    <row r="1354" spans="1:10" x14ac:dyDescent="0.25">
      <c r="A1354">
        <v>9</v>
      </c>
      <c r="B1354">
        <v>108.446</v>
      </c>
      <c r="C1354">
        <v>128.422</v>
      </c>
      <c r="D1354">
        <v>189.06</v>
      </c>
      <c r="E1354">
        <v>10431.5</v>
      </c>
      <c r="F1354">
        <v>18963.8</v>
      </c>
      <c r="G1354">
        <v>26078.7</v>
      </c>
      <c r="H1354">
        <v>1.1181099999999999</v>
      </c>
      <c r="I1354">
        <v>35644.199999999997</v>
      </c>
      <c r="J1354">
        <v>103.212</v>
      </c>
    </row>
    <row r="1355" spans="1:10" x14ac:dyDescent="0.25">
      <c r="A1355">
        <v>9</v>
      </c>
      <c r="B1355">
        <v>105.61199999999999</v>
      </c>
      <c r="C1355">
        <v>114.913</v>
      </c>
      <c r="D1355">
        <v>189.06</v>
      </c>
      <c r="E1355">
        <v>7370.08</v>
      </c>
      <c r="F1355">
        <v>11310.2</v>
      </c>
      <c r="G1355">
        <v>20976.400000000001</v>
      </c>
      <c r="H1355">
        <v>1.1181099999999999</v>
      </c>
      <c r="I1355">
        <v>24127.4</v>
      </c>
      <c r="J1355">
        <v>72.025099999999995</v>
      </c>
    </row>
    <row r="1356" spans="1:10" x14ac:dyDescent="0.25">
      <c r="A1356">
        <v>9</v>
      </c>
      <c r="B1356">
        <v>108.446</v>
      </c>
      <c r="C1356">
        <v>118.369</v>
      </c>
      <c r="D1356">
        <v>189.06</v>
      </c>
      <c r="E1356">
        <v>7795.28</v>
      </c>
      <c r="F1356">
        <v>10800</v>
      </c>
      <c r="G1356">
        <v>19275.599999999999</v>
      </c>
      <c r="H1356">
        <v>3.3858299999999999</v>
      </c>
      <c r="I1356">
        <v>20893.7</v>
      </c>
      <c r="J1356">
        <v>47.0154</v>
      </c>
    </row>
    <row r="1357" spans="1:10" x14ac:dyDescent="0.25">
      <c r="A1357">
        <v>9</v>
      </c>
      <c r="B1357">
        <v>109.39100000000001</v>
      </c>
      <c r="C1357">
        <v>129.679</v>
      </c>
      <c r="D1357">
        <v>179.65799999999999</v>
      </c>
      <c r="E1357">
        <v>7710.24</v>
      </c>
      <c r="F1357">
        <v>11310.2</v>
      </c>
      <c r="G1357">
        <v>22677.200000000001</v>
      </c>
      <c r="H1357">
        <v>3.3385799999999999</v>
      </c>
      <c r="I1357">
        <v>21808.5</v>
      </c>
      <c r="J1357">
        <v>116.744</v>
      </c>
    </row>
    <row r="1358" spans="1:10" x14ac:dyDescent="0.25">
      <c r="A1358">
        <v>9</v>
      </c>
      <c r="B1358">
        <v>105.848</v>
      </c>
      <c r="C1358">
        <v>114.913</v>
      </c>
      <c r="D1358">
        <v>189.37299999999999</v>
      </c>
      <c r="E1358">
        <v>7710.24</v>
      </c>
      <c r="F1358">
        <v>11310.2</v>
      </c>
      <c r="G1358">
        <v>25738.6</v>
      </c>
      <c r="H1358">
        <v>1.7795300000000001</v>
      </c>
      <c r="I1358">
        <v>22820.5</v>
      </c>
      <c r="J1358">
        <v>47.594200000000001</v>
      </c>
    </row>
    <row r="1359" spans="1:10" x14ac:dyDescent="0.25">
      <c r="A1359">
        <v>9</v>
      </c>
      <c r="B1359">
        <v>109.39100000000001</v>
      </c>
      <c r="C1359">
        <v>122.767</v>
      </c>
      <c r="D1359">
        <v>179.65799999999999</v>
      </c>
      <c r="E1359">
        <v>7370.08</v>
      </c>
      <c r="F1359">
        <v>10800</v>
      </c>
      <c r="G1359">
        <v>22677.200000000001</v>
      </c>
      <c r="H1359">
        <v>1.82677</v>
      </c>
      <c r="I1359">
        <v>21618.799999999999</v>
      </c>
      <c r="J1359">
        <v>49.833100000000002</v>
      </c>
    </row>
    <row r="1360" spans="1:10" x14ac:dyDescent="0.25">
      <c r="A1360">
        <v>9</v>
      </c>
      <c r="B1360">
        <v>109.155</v>
      </c>
      <c r="C1360">
        <v>118.369</v>
      </c>
      <c r="D1360">
        <v>189.06</v>
      </c>
      <c r="E1360">
        <v>10431.5</v>
      </c>
      <c r="F1360">
        <v>10800</v>
      </c>
      <c r="G1360">
        <v>26078.7</v>
      </c>
      <c r="H1360">
        <v>1.09449</v>
      </c>
      <c r="I1360">
        <v>27645</v>
      </c>
      <c r="J1360">
        <v>20.617100000000001</v>
      </c>
    </row>
    <row r="1361" spans="1:10" x14ac:dyDescent="0.25">
      <c r="A1361">
        <v>9</v>
      </c>
      <c r="B1361">
        <v>89.312600000000003</v>
      </c>
      <c r="C1361">
        <v>124.96599999999999</v>
      </c>
      <c r="D1361">
        <v>179.97200000000001</v>
      </c>
      <c r="E1361">
        <v>7540.16</v>
      </c>
      <c r="F1361">
        <v>10800</v>
      </c>
      <c r="G1361">
        <v>19615.7</v>
      </c>
      <c r="H1361">
        <v>2.8189000000000002</v>
      </c>
      <c r="I1361">
        <v>21034.3</v>
      </c>
      <c r="J1361">
        <v>33.902299999999997</v>
      </c>
    </row>
    <row r="1362" spans="1:10" x14ac:dyDescent="0.25">
      <c r="A1362">
        <v>9</v>
      </c>
      <c r="B1362">
        <v>89.312600000000003</v>
      </c>
      <c r="C1362">
        <v>124.96599999999999</v>
      </c>
      <c r="D1362">
        <v>179.97200000000001</v>
      </c>
      <c r="E1362">
        <v>7540.16</v>
      </c>
      <c r="F1362">
        <v>10800</v>
      </c>
      <c r="G1362">
        <v>19615.7</v>
      </c>
      <c r="H1362">
        <v>2.8189000000000002</v>
      </c>
      <c r="I1362">
        <v>21034.3</v>
      </c>
      <c r="J1362">
        <v>33.902299999999997</v>
      </c>
    </row>
    <row r="1363" spans="1:10" x14ac:dyDescent="0.25">
      <c r="A1363">
        <v>9</v>
      </c>
      <c r="B1363">
        <v>105.848</v>
      </c>
      <c r="C1363">
        <v>114.913</v>
      </c>
      <c r="D1363">
        <v>189.37299999999999</v>
      </c>
      <c r="E1363">
        <v>7710.24</v>
      </c>
      <c r="F1363">
        <v>15392.1</v>
      </c>
      <c r="G1363">
        <v>20976.400000000001</v>
      </c>
      <c r="H1363">
        <v>1</v>
      </c>
      <c r="I1363">
        <v>29378.3</v>
      </c>
      <c r="J1363">
        <v>17.155000000000001</v>
      </c>
    </row>
    <row r="1364" spans="1:10" x14ac:dyDescent="0.25">
      <c r="A1364">
        <v>9</v>
      </c>
      <c r="B1364">
        <v>105.848</v>
      </c>
      <c r="C1364">
        <v>114.913</v>
      </c>
      <c r="D1364">
        <v>189.37299999999999</v>
      </c>
      <c r="E1364">
        <v>7710.24</v>
      </c>
      <c r="F1364">
        <v>15392.1</v>
      </c>
      <c r="G1364">
        <v>20976.400000000001</v>
      </c>
      <c r="H1364">
        <v>1</v>
      </c>
      <c r="I1364">
        <v>29378.3</v>
      </c>
      <c r="J1364">
        <v>17.155000000000001</v>
      </c>
    </row>
    <row r="1365" spans="1:10" x14ac:dyDescent="0.25">
      <c r="A1365">
        <v>9</v>
      </c>
      <c r="B1365">
        <v>89.312600000000003</v>
      </c>
      <c r="C1365">
        <v>124.96599999999999</v>
      </c>
      <c r="D1365">
        <v>179.97200000000001</v>
      </c>
      <c r="E1365">
        <v>7540.16</v>
      </c>
      <c r="F1365">
        <v>10800</v>
      </c>
      <c r="G1365">
        <v>19615.7</v>
      </c>
      <c r="H1365">
        <v>2.8189000000000002</v>
      </c>
      <c r="I1365">
        <v>21034.3</v>
      </c>
      <c r="J1365">
        <v>33.902299999999997</v>
      </c>
    </row>
    <row r="1366" spans="1:10" x14ac:dyDescent="0.25">
      <c r="A1366">
        <v>9</v>
      </c>
      <c r="B1366">
        <v>109.628</v>
      </c>
      <c r="C1366">
        <v>123.395</v>
      </c>
      <c r="D1366">
        <v>189.06</v>
      </c>
      <c r="E1366">
        <v>10091.299999999999</v>
      </c>
      <c r="F1366">
        <v>10800</v>
      </c>
      <c r="G1366">
        <v>22337</v>
      </c>
      <c r="H1366">
        <v>3.4330699999999998</v>
      </c>
      <c r="I1366">
        <v>23930.6</v>
      </c>
      <c r="J1366">
        <v>24.2546</v>
      </c>
    </row>
    <row r="1367" spans="1:10" x14ac:dyDescent="0.25">
      <c r="A1367">
        <v>9</v>
      </c>
      <c r="B1367">
        <v>89.312600000000003</v>
      </c>
      <c r="C1367">
        <v>124.96599999999999</v>
      </c>
      <c r="D1367">
        <v>179.97200000000001</v>
      </c>
      <c r="E1367">
        <v>7540.16</v>
      </c>
      <c r="F1367">
        <v>10800</v>
      </c>
      <c r="G1367">
        <v>19615.7</v>
      </c>
      <c r="H1367">
        <v>2.8189000000000002</v>
      </c>
      <c r="I1367">
        <v>21034.3</v>
      </c>
      <c r="J1367">
        <v>33.902299999999997</v>
      </c>
    </row>
    <row r="1368" spans="1:10" x14ac:dyDescent="0.25">
      <c r="A1368">
        <v>9</v>
      </c>
      <c r="B1368">
        <v>109.628</v>
      </c>
      <c r="C1368">
        <v>123.395</v>
      </c>
      <c r="D1368">
        <v>189.06</v>
      </c>
      <c r="E1368">
        <v>10091.299999999999</v>
      </c>
      <c r="F1368">
        <v>10800</v>
      </c>
      <c r="G1368">
        <v>22337</v>
      </c>
      <c r="H1368">
        <v>3.4330699999999998</v>
      </c>
      <c r="I1368">
        <v>23930.6</v>
      </c>
      <c r="J1368">
        <v>24.2546</v>
      </c>
    </row>
    <row r="1369" spans="1:10" x14ac:dyDescent="0.25">
      <c r="A1369">
        <v>9</v>
      </c>
      <c r="B1369">
        <v>105.848</v>
      </c>
      <c r="C1369">
        <v>114.913</v>
      </c>
      <c r="D1369">
        <v>189.37299999999999</v>
      </c>
      <c r="E1369">
        <v>7710.24</v>
      </c>
      <c r="F1369">
        <v>15392.1</v>
      </c>
      <c r="G1369">
        <v>20976.400000000001</v>
      </c>
      <c r="H1369">
        <v>1</v>
      </c>
      <c r="I1369">
        <v>29378.3</v>
      </c>
      <c r="J1369">
        <v>17.155000000000001</v>
      </c>
    </row>
    <row r="1370" spans="1:10" x14ac:dyDescent="0.25">
      <c r="A1370">
        <v>9</v>
      </c>
      <c r="B1370">
        <v>89.312600000000003</v>
      </c>
      <c r="C1370">
        <v>124.96599999999999</v>
      </c>
      <c r="D1370">
        <v>179.97200000000001</v>
      </c>
      <c r="E1370">
        <v>7540.16</v>
      </c>
      <c r="F1370">
        <v>10800</v>
      </c>
      <c r="G1370">
        <v>19615.7</v>
      </c>
      <c r="H1370">
        <v>2.8189000000000002</v>
      </c>
      <c r="I1370">
        <v>21034.3</v>
      </c>
      <c r="J1370">
        <v>33.902299999999997</v>
      </c>
    </row>
    <row r="1371" spans="1:10" x14ac:dyDescent="0.25">
      <c r="A1371">
        <v>9</v>
      </c>
      <c r="B1371">
        <v>105.848</v>
      </c>
      <c r="C1371">
        <v>114.913</v>
      </c>
      <c r="D1371">
        <v>189.37299999999999</v>
      </c>
      <c r="E1371">
        <v>7710.24</v>
      </c>
      <c r="F1371">
        <v>15392.1</v>
      </c>
      <c r="G1371">
        <v>20976.400000000001</v>
      </c>
      <c r="H1371">
        <v>1</v>
      </c>
      <c r="I1371">
        <v>29378.3</v>
      </c>
      <c r="J1371">
        <v>17.155000000000001</v>
      </c>
    </row>
    <row r="1372" spans="1:10" x14ac:dyDescent="0.25">
      <c r="A1372">
        <v>9</v>
      </c>
      <c r="B1372">
        <v>109.628</v>
      </c>
      <c r="C1372">
        <v>123.395</v>
      </c>
      <c r="D1372">
        <v>189.06</v>
      </c>
      <c r="E1372">
        <v>10091.299999999999</v>
      </c>
      <c r="F1372">
        <v>10800</v>
      </c>
      <c r="G1372">
        <v>22337</v>
      </c>
      <c r="H1372">
        <v>3.4330699999999998</v>
      </c>
      <c r="I1372">
        <v>23930.6</v>
      </c>
      <c r="J1372">
        <v>24.2546</v>
      </c>
    </row>
    <row r="1373" spans="1:10" x14ac:dyDescent="0.25">
      <c r="A1373">
        <v>9</v>
      </c>
      <c r="B1373">
        <v>89.312600000000003</v>
      </c>
      <c r="C1373">
        <v>124.96599999999999</v>
      </c>
      <c r="D1373">
        <v>179.97200000000001</v>
      </c>
      <c r="E1373">
        <v>7540.16</v>
      </c>
      <c r="F1373">
        <v>10800</v>
      </c>
      <c r="G1373">
        <v>19615.7</v>
      </c>
      <c r="H1373">
        <v>2.8189000000000002</v>
      </c>
      <c r="I1373">
        <v>21034.3</v>
      </c>
      <c r="J1373">
        <v>33.902299999999997</v>
      </c>
    </row>
    <row r="1374" spans="1:10" x14ac:dyDescent="0.25">
      <c r="A1374">
        <v>9</v>
      </c>
      <c r="B1374">
        <v>105.848</v>
      </c>
      <c r="C1374">
        <v>114.913</v>
      </c>
      <c r="D1374">
        <v>189.37299999999999</v>
      </c>
      <c r="E1374">
        <v>7710.24</v>
      </c>
      <c r="F1374">
        <v>15392.1</v>
      </c>
      <c r="G1374">
        <v>20976.400000000001</v>
      </c>
      <c r="H1374">
        <v>1</v>
      </c>
      <c r="I1374">
        <v>29378.3</v>
      </c>
      <c r="J1374">
        <v>17.155000000000001</v>
      </c>
    </row>
    <row r="1375" spans="1:10" x14ac:dyDescent="0.25">
      <c r="A1375">
        <v>9</v>
      </c>
      <c r="B1375">
        <v>108.68300000000001</v>
      </c>
      <c r="C1375">
        <v>124.96599999999999</v>
      </c>
      <c r="D1375">
        <v>189.37299999999999</v>
      </c>
      <c r="E1375">
        <v>7795.28</v>
      </c>
      <c r="F1375">
        <v>11310.2</v>
      </c>
      <c r="G1375">
        <v>22166.9</v>
      </c>
      <c r="H1375">
        <v>2.25197</v>
      </c>
      <c r="I1375">
        <v>23578.5</v>
      </c>
      <c r="J1375">
        <v>26.253</v>
      </c>
    </row>
    <row r="1376" spans="1:10" x14ac:dyDescent="0.25">
      <c r="A1376">
        <v>9</v>
      </c>
      <c r="B1376">
        <v>105.61199999999999</v>
      </c>
      <c r="C1376">
        <v>122.767</v>
      </c>
      <c r="D1376">
        <v>179.97200000000001</v>
      </c>
      <c r="E1376">
        <v>7200</v>
      </c>
      <c r="F1376">
        <v>10800</v>
      </c>
      <c r="G1376">
        <v>19955.900000000001</v>
      </c>
      <c r="H1376">
        <v>3.3858299999999999</v>
      </c>
      <c r="I1376">
        <v>20483.5</v>
      </c>
      <c r="J1376">
        <v>45.027900000000002</v>
      </c>
    </row>
    <row r="1377" spans="1:10" x14ac:dyDescent="0.25">
      <c r="A1377">
        <v>9</v>
      </c>
      <c r="B1377">
        <v>89.312600000000003</v>
      </c>
      <c r="C1377">
        <v>124.96599999999999</v>
      </c>
      <c r="D1377">
        <v>179.97200000000001</v>
      </c>
      <c r="E1377">
        <v>7540.16</v>
      </c>
      <c r="F1377">
        <v>10800</v>
      </c>
      <c r="G1377">
        <v>19615.7</v>
      </c>
      <c r="H1377">
        <v>2.8189000000000002</v>
      </c>
      <c r="I1377">
        <v>21034.3</v>
      </c>
      <c r="J1377">
        <v>33.902299999999997</v>
      </c>
    </row>
    <row r="1378" spans="1:10" x14ac:dyDescent="0.25">
      <c r="A1378">
        <v>9</v>
      </c>
      <c r="B1378">
        <v>109.628</v>
      </c>
      <c r="C1378">
        <v>123.395</v>
      </c>
      <c r="D1378">
        <v>189.06</v>
      </c>
      <c r="E1378">
        <v>10091.299999999999</v>
      </c>
      <c r="F1378">
        <v>10800</v>
      </c>
      <c r="G1378">
        <v>22337</v>
      </c>
      <c r="H1378">
        <v>3.4330699999999998</v>
      </c>
      <c r="I1378">
        <v>23930.6</v>
      </c>
      <c r="J1378">
        <v>24.2546</v>
      </c>
    </row>
    <row r="1379" spans="1:10" x14ac:dyDescent="0.25">
      <c r="A1379">
        <v>9</v>
      </c>
      <c r="B1379">
        <v>89.312600000000003</v>
      </c>
      <c r="C1379">
        <v>124.96599999999999</v>
      </c>
      <c r="D1379">
        <v>179.97200000000001</v>
      </c>
      <c r="E1379">
        <v>7540.16</v>
      </c>
      <c r="F1379">
        <v>10800</v>
      </c>
      <c r="G1379">
        <v>19615.7</v>
      </c>
      <c r="H1379">
        <v>2.8189000000000002</v>
      </c>
      <c r="I1379">
        <v>21034.3</v>
      </c>
      <c r="J1379">
        <v>33.902299999999997</v>
      </c>
    </row>
    <row r="1380" spans="1:10" x14ac:dyDescent="0.25">
      <c r="A1380">
        <v>9</v>
      </c>
      <c r="B1380">
        <v>105.61199999999999</v>
      </c>
      <c r="C1380">
        <v>122.767</v>
      </c>
      <c r="D1380">
        <v>179.97200000000001</v>
      </c>
      <c r="E1380">
        <v>7200</v>
      </c>
      <c r="F1380">
        <v>10800</v>
      </c>
      <c r="G1380">
        <v>19955.900000000001</v>
      </c>
      <c r="H1380">
        <v>3.3858299999999999</v>
      </c>
      <c r="I1380">
        <v>20483.5</v>
      </c>
      <c r="J1380">
        <v>45.027900000000002</v>
      </c>
    </row>
    <row r="1381" spans="1:10" x14ac:dyDescent="0.25">
      <c r="A1381">
        <v>9</v>
      </c>
      <c r="B1381">
        <v>108.446</v>
      </c>
      <c r="C1381">
        <v>119.93899999999999</v>
      </c>
      <c r="D1381">
        <v>167.75</v>
      </c>
      <c r="E1381">
        <v>10431.5</v>
      </c>
      <c r="F1381">
        <v>11310.2</v>
      </c>
      <c r="G1381">
        <v>24718.1</v>
      </c>
      <c r="H1381">
        <v>1.1181099999999999</v>
      </c>
      <c r="I1381">
        <v>27673.5</v>
      </c>
      <c r="J1381">
        <v>18.264900000000001</v>
      </c>
    </row>
    <row r="1382" spans="1:10" x14ac:dyDescent="0.25">
      <c r="A1382">
        <v>9</v>
      </c>
      <c r="B1382">
        <v>108.68300000000001</v>
      </c>
      <c r="C1382">
        <v>124.652</v>
      </c>
      <c r="D1382">
        <v>168.06299999999999</v>
      </c>
      <c r="E1382">
        <v>10516.5</v>
      </c>
      <c r="F1382">
        <v>11310.2</v>
      </c>
      <c r="G1382">
        <v>19615.7</v>
      </c>
      <c r="H1382">
        <v>2.25197</v>
      </c>
      <c r="I1382">
        <v>26608.1</v>
      </c>
      <c r="J1382">
        <v>20.0974</v>
      </c>
    </row>
    <row r="1383" spans="1:10" x14ac:dyDescent="0.25">
      <c r="A1383">
        <v>9</v>
      </c>
      <c r="B1383">
        <v>94.273200000000003</v>
      </c>
      <c r="C1383">
        <v>123.395</v>
      </c>
      <c r="D1383">
        <v>184.672</v>
      </c>
      <c r="E1383">
        <v>7370.08</v>
      </c>
      <c r="F1383">
        <v>10800</v>
      </c>
      <c r="G1383">
        <v>22677.200000000001</v>
      </c>
      <c r="H1383">
        <v>1.89764</v>
      </c>
      <c r="I1383">
        <v>21792.9</v>
      </c>
      <c r="J1383">
        <v>31.204499999999999</v>
      </c>
    </row>
    <row r="1384" spans="1:10" x14ac:dyDescent="0.25">
      <c r="A1384">
        <v>9</v>
      </c>
      <c r="B1384">
        <v>108.68300000000001</v>
      </c>
      <c r="C1384">
        <v>124.96599999999999</v>
      </c>
      <c r="D1384">
        <v>189.37299999999999</v>
      </c>
      <c r="E1384">
        <v>7795.28</v>
      </c>
      <c r="F1384">
        <v>11310.2</v>
      </c>
      <c r="G1384">
        <v>22166.9</v>
      </c>
      <c r="H1384">
        <v>2.25197</v>
      </c>
      <c r="I1384">
        <v>23578.5</v>
      </c>
      <c r="J1384">
        <v>26.253</v>
      </c>
    </row>
    <row r="1385" spans="1:10" x14ac:dyDescent="0.25">
      <c r="A1385">
        <v>9</v>
      </c>
      <c r="B1385">
        <v>106.79300000000001</v>
      </c>
      <c r="C1385">
        <v>124.024</v>
      </c>
      <c r="D1385">
        <v>184.04599999999999</v>
      </c>
      <c r="E1385">
        <v>10516.5</v>
      </c>
      <c r="F1385">
        <v>19984.3</v>
      </c>
      <c r="G1385">
        <v>20636.2</v>
      </c>
      <c r="H1385">
        <v>2.25197</v>
      </c>
      <c r="I1385">
        <v>36430.5</v>
      </c>
      <c r="J1385">
        <v>16.778199999999998</v>
      </c>
    </row>
    <row r="1386" spans="1:10" x14ac:dyDescent="0.25">
      <c r="A1386">
        <v>9</v>
      </c>
      <c r="B1386">
        <v>105.61199999999999</v>
      </c>
      <c r="C1386">
        <v>122.767</v>
      </c>
      <c r="D1386">
        <v>179.97200000000001</v>
      </c>
      <c r="E1386">
        <v>7200</v>
      </c>
      <c r="F1386">
        <v>10800</v>
      </c>
      <c r="G1386">
        <v>19955.900000000001</v>
      </c>
      <c r="H1386">
        <v>3.3858299999999999</v>
      </c>
      <c r="I1386">
        <v>20483.5</v>
      </c>
      <c r="J1386">
        <v>45.027900000000002</v>
      </c>
    </row>
    <row r="1387" spans="1:10" x14ac:dyDescent="0.25">
      <c r="A1387">
        <v>9</v>
      </c>
      <c r="B1387">
        <v>94.273200000000003</v>
      </c>
      <c r="C1387">
        <v>123.395</v>
      </c>
      <c r="D1387">
        <v>189.68700000000001</v>
      </c>
      <c r="E1387">
        <v>7370.08</v>
      </c>
      <c r="F1387">
        <v>10800</v>
      </c>
      <c r="G1387">
        <v>22677.200000000001</v>
      </c>
      <c r="H1387">
        <v>1.82677</v>
      </c>
      <c r="I1387">
        <v>21744.9</v>
      </c>
      <c r="J1387">
        <v>31.503900000000002</v>
      </c>
    </row>
    <row r="1388" spans="1:10" x14ac:dyDescent="0.25">
      <c r="A1388">
        <v>9</v>
      </c>
      <c r="B1388">
        <v>109.155</v>
      </c>
      <c r="C1388">
        <v>124.652</v>
      </c>
      <c r="D1388">
        <v>181.53899999999999</v>
      </c>
      <c r="E1388">
        <v>10516.5</v>
      </c>
      <c r="F1388">
        <v>11820.5</v>
      </c>
      <c r="G1388">
        <v>25398.400000000001</v>
      </c>
      <c r="H1388">
        <v>1.4960599999999999</v>
      </c>
      <c r="I1388">
        <v>27597.1</v>
      </c>
      <c r="J1388">
        <v>18.9985</v>
      </c>
    </row>
    <row r="1389" spans="1:10" x14ac:dyDescent="0.25">
      <c r="A1389">
        <v>9</v>
      </c>
      <c r="B1389">
        <v>105.848</v>
      </c>
      <c r="C1389">
        <v>114.598</v>
      </c>
      <c r="D1389">
        <v>189.37299999999999</v>
      </c>
      <c r="E1389">
        <v>7710.24</v>
      </c>
      <c r="F1389">
        <v>15392.1</v>
      </c>
      <c r="G1389">
        <v>20976.400000000001</v>
      </c>
      <c r="H1389">
        <v>1.07087</v>
      </c>
      <c r="I1389">
        <v>28823.9</v>
      </c>
      <c r="J1389">
        <v>18.1525</v>
      </c>
    </row>
    <row r="1390" spans="1:10" x14ac:dyDescent="0.25">
      <c r="A1390">
        <v>9</v>
      </c>
      <c r="B1390">
        <v>109.628</v>
      </c>
      <c r="C1390">
        <v>119.93899999999999</v>
      </c>
      <c r="D1390">
        <v>177.15100000000001</v>
      </c>
      <c r="E1390">
        <v>7795.28</v>
      </c>
      <c r="F1390">
        <v>11310.2</v>
      </c>
      <c r="G1390">
        <v>21316.5</v>
      </c>
      <c r="H1390">
        <v>1.92126</v>
      </c>
      <c r="I1390">
        <v>22595.3</v>
      </c>
      <c r="J1390">
        <v>26.522200000000002</v>
      </c>
    </row>
    <row r="1391" spans="1:10" x14ac:dyDescent="0.25">
      <c r="A1391">
        <v>9</v>
      </c>
      <c r="B1391">
        <v>108.919</v>
      </c>
      <c r="C1391">
        <v>114.598</v>
      </c>
      <c r="D1391">
        <v>189.68700000000001</v>
      </c>
      <c r="E1391">
        <v>7455.12</v>
      </c>
      <c r="F1391">
        <v>10800</v>
      </c>
      <c r="G1391">
        <v>18425.2</v>
      </c>
      <c r="H1391">
        <v>3.9527600000000001</v>
      </c>
      <c r="I1391">
        <v>20392.900000000001</v>
      </c>
      <c r="J1391">
        <v>71.040099999999995</v>
      </c>
    </row>
    <row r="1392" spans="1:10" x14ac:dyDescent="0.25">
      <c r="A1392">
        <v>9</v>
      </c>
      <c r="B1392">
        <v>94.745699999999999</v>
      </c>
      <c r="C1392">
        <v>123.395</v>
      </c>
      <c r="D1392">
        <v>189.68700000000001</v>
      </c>
      <c r="E1392">
        <v>7370.08</v>
      </c>
      <c r="F1392">
        <v>10800</v>
      </c>
      <c r="G1392">
        <v>22677.200000000001</v>
      </c>
      <c r="H1392">
        <v>3.3149600000000001</v>
      </c>
      <c r="I1392">
        <v>20599.7</v>
      </c>
      <c r="J1392">
        <v>39.714300000000001</v>
      </c>
    </row>
    <row r="1393" spans="1:10" x14ac:dyDescent="0.25">
      <c r="A1393">
        <v>9</v>
      </c>
      <c r="B1393">
        <v>108.446</v>
      </c>
      <c r="C1393">
        <v>119.625</v>
      </c>
      <c r="D1393">
        <v>167.75</v>
      </c>
      <c r="E1393">
        <v>7710.24</v>
      </c>
      <c r="F1393">
        <v>12330.7</v>
      </c>
      <c r="G1393">
        <v>28119.7</v>
      </c>
      <c r="H1393">
        <v>1.4960599999999999</v>
      </c>
      <c r="I1393">
        <v>24636.799999999999</v>
      </c>
      <c r="J1393">
        <v>23.756399999999999</v>
      </c>
    </row>
    <row r="1394" spans="1:10" x14ac:dyDescent="0.25">
      <c r="A1394">
        <v>9</v>
      </c>
      <c r="B1394">
        <v>108.446</v>
      </c>
      <c r="C1394">
        <v>119.93899999999999</v>
      </c>
      <c r="D1394">
        <v>190</v>
      </c>
      <c r="E1394">
        <v>10176.4</v>
      </c>
      <c r="F1394">
        <v>11310.2</v>
      </c>
      <c r="G1394">
        <v>19615.7</v>
      </c>
      <c r="H1394">
        <v>2.6299199999999998</v>
      </c>
      <c r="I1394">
        <v>24716.3</v>
      </c>
      <c r="J1394">
        <v>21.4544</v>
      </c>
    </row>
    <row r="1395" spans="1:10" x14ac:dyDescent="0.25">
      <c r="A1395">
        <v>9</v>
      </c>
      <c r="B1395">
        <v>108.919</v>
      </c>
      <c r="C1395">
        <v>114.598</v>
      </c>
      <c r="D1395">
        <v>189.68700000000001</v>
      </c>
      <c r="E1395">
        <v>7455.12</v>
      </c>
      <c r="F1395">
        <v>10800</v>
      </c>
      <c r="G1395">
        <v>19785.8</v>
      </c>
      <c r="H1395">
        <v>3.8346499999999999</v>
      </c>
      <c r="I1395">
        <v>20435.3</v>
      </c>
      <c r="J1395">
        <v>70.085499999999996</v>
      </c>
    </row>
    <row r="1401" spans="1:10" x14ac:dyDescent="0.25">
      <c r="A1401">
        <v>10</v>
      </c>
      <c r="B1401">
        <v>93.328299999999999</v>
      </c>
      <c r="C1401">
        <v>123.395</v>
      </c>
      <c r="D1401">
        <v>184.672</v>
      </c>
      <c r="E1401">
        <v>7370.08</v>
      </c>
      <c r="F1401">
        <v>10800</v>
      </c>
      <c r="G1401">
        <v>21316.5</v>
      </c>
      <c r="H1401">
        <v>1.85039</v>
      </c>
      <c r="I1401">
        <v>21758.799999999999</v>
      </c>
      <c r="J1401">
        <v>32.678800000000003</v>
      </c>
    </row>
    <row r="1402" spans="1:10" x14ac:dyDescent="0.25">
      <c r="A1402">
        <v>10</v>
      </c>
      <c r="B1402">
        <v>108.919</v>
      </c>
      <c r="C1402">
        <v>114.598</v>
      </c>
      <c r="D1402">
        <v>189.68700000000001</v>
      </c>
      <c r="E1402">
        <v>7455.12</v>
      </c>
      <c r="F1402">
        <v>10800</v>
      </c>
      <c r="G1402">
        <v>19785.8</v>
      </c>
      <c r="H1402">
        <v>3.8346499999999999</v>
      </c>
      <c r="I1402">
        <v>20435.3</v>
      </c>
      <c r="J1402">
        <v>70.085499999999996</v>
      </c>
    </row>
    <row r="1403" spans="1:10" x14ac:dyDescent="0.25">
      <c r="A1403">
        <v>10</v>
      </c>
      <c r="B1403">
        <v>94.745699999999999</v>
      </c>
      <c r="C1403">
        <v>123.709</v>
      </c>
      <c r="D1403">
        <v>177.15100000000001</v>
      </c>
      <c r="E1403">
        <v>7710.24</v>
      </c>
      <c r="F1403">
        <v>11310.2</v>
      </c>
      <c r="G1403">
        <v>21316.5</v>
      </c>
      <c r="H1403">
        <v>1.89764</v>
      </c>
      <c r="I1403">
        <v>22465</v>
      </c>
      <c r="J1403">
        <v>32.197099999999999</v>
      </c>
    </row>
    <row r="1404" spans="1:10" x14ac:dyDescent="0.25">
      <c r="A1404">
        <v>10</v>
      </c>
      <c r="B1404">
        <v>108.446</v>
      </c>
      <c r="C1404">
        <v>119.93899999999999</v>
      </c>
      <c r="D1404">
        <v>190</v>
      </c>
      <c r="E1404">
        <v>10176.4</v>
      </c>
      <c r="F1404">
        <v>11310.2</v>
      </c>
      <c r="G1404">
        <v>19615.7</v>
      </c>
      <c r="H1404">
        <v>2.6299199999999998</v>
      </c>
      <c r="I1404">
        <v>24716.3</v>
      </c>
      <c r="J1404">
        <v>21.4544</v>
      </c>
    </row>
    <row r="1405" spans="1:10" x14ac:dyDescent="0.25">
      <c r="A1405">
        <v>10</v>
      </c>
      <c r="B1405">
        <v>109.628</v>
      </c>
      <c r="C1405">
        <v>119.93899999999999</v>
      </c>
      <c r="D1405">
        <v>177.15100000000001</v>
      </c>
      <c r="E1405">
        <v>7795.28</v>
      </c>
      <c r="F1405">
        <v>11310.2</v>
      </c>
      <c r="G1405">
        <v>21316.5</v>
      </c>
      <c r="H1405">
        <v>1.92126</v>
      </c>
      <c r="I1405">
        <v>22595.3</v>
      </c>
      <c r="J1405">
        <v>26.522200000000002</v>
      </c>
    </row>
    <row r="1406" spans="1:10" x14ac:dyDescent="0.25">
      <c r="A1406">
        <v>10</v>
      </c>
      <c r="B1406">
        <v>108.446</v>
      </c>
      <c r="C1406">
        <v>119.93899999999999</v>
      </c>
      <c r="D1406">
        <v>190</v>
      </c>
      <c r="E1406">
        <v>7370.08</v>
      </c>
      <c r="F1406">
        <v>11310.2</v>
      </c>
      <c r="G1406">
        <v>19955.900000000001</v>
      </c>
      <c r="H1406">
        <v>2.6299199999999998</v>
      </c>
      <c r="I1406">
        <v>21387</v>
      </c>
      <c r="J1406">
        <v>39.315100000000001</v>
      </c>
    </row>
    <row r="1407" spans="1:10" x14ac:dyDescent="0.25">
      <c r="A1407">
        <v>10</v>
      </c>
      <c r="B1407">
        <v>94.745699999999999</v>
      </c>
      <c r="C1407">
        <v>123.395</v>
      </c>
      <c r="D1407">
        <v>189.68700000000001</v>
      </c>
      <c r="E1407">
        <v>7370.08</v>
      </c>
      <c r="F1407">
        <v>10800</v>
      </c>
      <c r="G1407">
        <v>22677.200000000001</v>
      </c>
      <c r="H1407">
        <v>3.3149600000000001</v>
      </c>
      <c r="I1407">
        <v>20599.7</v>
      </c>
      <c r="J1407">
        <v>39.714300000000001</v>
      </c>
    </row>
    <row r="1408" spans="1:10" x14ac:dyDescent="0.25">
      <c r="A1408">
        <v>10</v>
      </c>
      <c r="B1408">
        <v>103.25</v>
      </c>
      <c r="C1408">
        <v>114.913</v>
      </c>
      <c r="D1408">
        <v>190</v>
      </c>
      <c r="E1408">
        <v>7370.08</v>
      </c>
      <c r="F1408">
        <v>10800</v>
      </c>
      <c r="G1408">
        <v>19955.900000000001</v>
      </c>
      <c r="H1408">
        <v>3.9527600000000001</v>
      </c>
      <c r="I1408">
        <v>20431.8</v>
      </c>
      <c r="J1408">
        <v>88.963200000000001</v>
      </c>
    </row>
    <row r="1409" spans="1:10" x14ac:dyDescent="0.25">
      <c r="A1409">
        <v>10</v>
      </c>
      <c r="B1409">
        <v>108.446</v>
      </c>
      <c r="C1409">
        <v>118.369</v>
      </c>
      <c r="D1409">
        <v>189.37299999999999</v>
      </c>
      <c r="E1409">
        <v>7370.08</v>
      </c>
      <c r="F1409">
        <v>11310.2</v>
      </c>
      <c r="G1409">
        <v>18595.3</v>
      </c>
      <c r="H1409">
        <v>2.6063000000000001</v>
      </c>
      <c r="I1409">
        <v>21407.4</v>
      </c>
      <c r="J1409">
        <v>36.585700000000003</v>
      </c>
    </row>
    <row r="1410" spans="1:10" x14ac:dyDescent="0.25">
      <c r="A1410">
        <v>10</v>
      </c>
      <c r="B1410">
        <v>105.139</v>
      </c>
      <c r="C1410">
        <v>122.767</v>
      </c>
      <c r="D1410">
        <v>184.98599999999999</v>
      </c>
      <c r="E1410">
        <v>7455.12</v>
      </c>
      <c r="F1410">
        <v>10800</v>
      </c>
      <c r="G1410">
        <v>20636.2</v>
      </c>
      <c r="H1410">
        <v>3.7637800000000001</v>
      </c>
      <c r="I1410">
        <v>20467.8</v>
      </c>
      <c r="J1410">
        <v>70.396799999999999</v>
      </c>
    </row>
    <row r="1411" spans="1:10" x14ac:dyDescent="0.25">
      <c r="A1411">
        <v>10</v>
      </c>
      <c r="B1411">
        <v>108.446</v>
      </c>
      <c r="C1411">
        <v>118.369</v>
      </c>
      <c r="D1411">
        <v>190</v>
      </c>
      <c r="E1411">
        <v>9921.26</v>
      </c>
      <c r="F1411">
        <v>11310.2</v>
      </c>
      <c r="G1411">
        <v>19615.7</v>
      </c>
      <c r="H1411">
        <v>2.6299199999999998</v>
      </c>
      <c r="I1411">
        <v>23934.9</v>
      </c>
      <c r="J1411">
        <v>27.5974</v>
      </c>
    </row>
    <row r="1412" spans="1:10" x14ac:dyDescent="0.25">
      <c r="A1412">
        <v>10</v>
      </c>
      <c r="B1412">
        <v>108.446</v>
      </c>
      <c r="C1412">
        <v>117.426</v>
      </c>
      <c r="D1412">
        <v>190</v>
      </c>
      <c r="E1412">
        <v>10176.4</v>
      </c>
      <c r="F1412">
        <v>11310.2</v>
      </c>
      <c r="G1412">
        <v>19615.7</v>
      </c>
      <c r="H1412">
        <v>2.6299199999999998</v>
      </c>
      <c r="I1412">
        <v>24241.599999999999</v>
      </c>
      <c r="J1412">
        <v>26.3734</v>
      </c>
    </row>
    <row r="1413" spans="1:10" x14ac:dyDescent="0.25">
      <c r="A1413">
        <v>10</v>
      </c>
      <c r="B1413">
        <v>109.155</v>
      </c>
      <c r="C1413">
        <v>114.598</v>
      </c>
      <c r="D1413">
        <v>174.64400000000001</v>
      </c>
      <c r="E1413">
        <v>7795.28</v>
      </c>
      <c r="F1413">
        <v>10800</v>
      </c>
      <c r="G1413">
        <v>25228.3</v>
      </c>
      <c r="H1413">
        <v>2.25197</v>
      </c>
      <c r="I1413">
        <v>22209.8</v>
      </c>
      <c r="J1413">
        <v>57.24</v>
      </c>
    </row>
    <row r="1414" spans="1:10" x14ac:dyDescent="0.25">
      <c r="A1414">
        <v>10</v>
      </c>
      <c r="B1414">
        <v>108.68300000000001</v>
      </c>
      <c r="C1414">
        <v>113.65600000000001</v>
      </c>
      <c r="D1414">
        <v>189.37299999999999</v>
      </c>
      <c r="E1414">
        <v>7710.24</v>
      </c>
      <c r="F1414">
        <v>11310.2</v>
      </c>
      <c r="G1414">
        <v>18595.3</v>
      </c>
      <c r="H1414">
        <v>2.29921</v>
      </c>
      <c r="I1414">
        <v>22147.1</v>
      </c>
      <c r="J1414">
        <v>50.865000000000002</v>
      </c>
    </row>
    <row r="1415" spans="1:10" x14ac:dyDescent="0.25">
      <c r="A1415">
        <v>10</v>
      </c>
      <c r="B1415">
        <v>94.745699999999999</v>
      </c>
      <c r="C1415">
        <v>123.709</v>
      </c>
      <c r="D1415">
        <v>177.15100000000001</v>
      </c>
      <c r="E1415">
        <v>7710.24</v>
      </c>
      <c r="F1415">
        <v>11310.2</v>
      </c>
      <c r="G1415">
        <v>21316.5</v>
      </c>
      <c r="H1415">
        <v>1.89764</v>
      </c>
      <c r="I1415">
        <v>22465</v>
      </c>
      <c r="J1415">
        <v>32.197099999999999</v>
      </c>
    </row>
    <row r="1416" spans="1:10" x14ac:dyDescent="0.25">
      <c r="A1416">
        <v>10</v>
      </c>
      <c r="B1416">
        <v>109.39100000000001</v>
      </c>
      <c r="C1416">
        <v>129.99299999999999</v>
      </c>
      <c r="D1416">
        <v>179.65799999999999</v>
      </c>
      <c r="E1416">
        <v>7795.28</v>
      </c>
      <c r="F1416">
        <v>11310.2</v>
      </c>
      <c r="G1416">
        <v>21316.5</v>
      </c>
      <c r="H1416">
        <v>2.2755899999999998</v>
      </c>
      <c r="I1416">
        <v>22902.1</v>
      </c>
      <c r="J1416">
        <v>127.465</v>
      </c>
    </row>
    <row r="1417" spans="1:10" x14ac:dyDescent="0.25">
      <c r="A1417">
        <v>10</v>
      </c>
      <c r="B1417">
        <v>93.800799999999995</v>
      </c>
      <c r="C1417">
        <v>124.652</v>
      </c>
      <c r="D1417">
        <v>189.68700000000001</v>
      </c>
      <c r="E1417">
        <v>7455.12</v>
      </c>
      <c r="F1417">
        <v>11820.5</v>
      </c>
      <c r="G1417">
        <v>22677.200000000001</v>
      </c>
      <c r="H1417">
        <v>1.92126</v>
      </c>
      <c r="I1417">
        <v>23363.5</v>
      </c>
      <c r="J1417">
        <v>106.63800000000001</v>
      </c>
    </row>
    <row r="1418" spans="1:10" x14ac:dyDescent="0.25">
      <c r="A1418">
        <v>10</v>
      </c>
      <c r="B1418">
        <v>105.61199999999999</v>
      </c>
      <c r="C1418">
        <v>114.598</v>
      </c>
      <c r="D1418">
        <v>189.37299999999999</v>
      </c>
      <c r="E1418">
        <v>10431.5</v>
      </c>
      <c r="F1418">
        <v>15392.1</v>
      </c>
      <c r="G1418">
        <v>20976.400000000001</v>
      </c>
      <c r="H1418">
        <v>1.0472399999999999</v>
      </c>
      <c r="I1418">
        <v>32757.9</v>
      </c>
      <c r="J1418">
        <v>29.362400000000001</v>
      </c>
    </row>
    <row r="1419" spans="1:10" x14ac:dyDescent="0.25">
      <c r="A1419">
        <v>10</v>
      </c>
      <c r="B1419">
        <v>109.628</v>
      </c>
      <c r="C1419">
        <v>119.625</v>
      </c>
      <c r="D1419">
        <v>189.68700000000001</v>
      </c>
      <c r="E1419">
        <v>7710.24</v>
      </c>
      <c r="F1419">
        <v>15392.1</v>
      </c>
      <c r="G1419">
        <v>20976.400000000001</v>
      </c>
      <c r="H1419">
        <v>1.07087</v>
      </c>
      <c r="I1419">
        <v>30748.799999999999</v>
      </c>
      <c r="J1419">
        <v>28.791499999999999</v>
      </c>
    </row>
    <row r="1420" spans="1:10" x14ac:dyDescent="0.25">
      <c r="A1420">
        <v>10</v>
      </c>
      <c r="B1420">
        <v>108.919</v>
      </c>
      <c r="C1420">
        <v>114.598</v>
      </c>
      <c r="D1420">
        <v>165.24299999999999</v>
      </c>
      <c r="E1420">
        <v>10516.5</v>
      </c>
      <c r="F1420">
        <v>12330.7</v>
      </c>
      <c r="G1420">
        <v>25398.400000000001</v>
      </c>
      <c r="H1420">
        <v>1.4960599999999999</v>
      </c>
      <c r="I1420">
        <v>26987</v>
      </c>
      <c r="J1420">
        <v>29.790400000000002</v>
      </c>
    </row>
    <row r="1421" spans="1:10" x14ac:dyDescent="0.25">
      <c r="A1421">
        <v>10</v>
      </c>
      <c r="B1421">
        <v>104.90300000000001</v>
      </c>
      <c r="C1421">
        <v>119.93899999999999</v>
      </c>
      <c r="D1421">
        <v>190</v>
      </c>
      <c r="E1421">
        <v>7370.08</v>
      </c>
      <c r="F1421">
        <v>15392.1</v>
      </c>
      <c r="G1421">
        <v>20976.400000000001</v>
      </c>
      <c r="H1421">
        <v>2.5354299999999999</v>
      </c>
      <c r="I1421">
        <v>26761.3</v>
      </c>
      <c r="J1421">
        <v>63.5486</v>
      </c>
    </row>
    <row r="1422" spans="1:10" x14ac:dyDescent="0.25">
      <c r="A1422">
        <v>10</v>
      </c>
      <c r="B1422">
        <v>106.79300000000001</v>
      </c>
      <c r="C1422">
        <v>119.31100000000001</v>
      </c>
      <c r="D1422">
        <v>186.553</v>
      </c>
      <c r="E1422">
        <v>7710.24</v>
      </c>
      <c r="F1422">
        <v>10800</v>
      </c>
      <c r="G1422">
        <v>18595.3</v>
      </c>
      <c r="H1422">
        <v>3.3622000000000001</v>
      </c>
      <c r="I1422">
        <v>20935.2</v>
      </c>
      <c r="J1422">
        <v>47.917099999999998</v>
      </c>
    </row>
    <row r="1423" spans="1:10" x14ac:dyDescent="0.25">
      <c r="A1423">
        <v>10</v>
      </c>
      <c r="B1423">
        <v>104.90300000000001</v>
      </c>
      <c r="C1423">
        <v>119.93899999999999</v>
      </c>
      <c r="D1423">
        <v>190</v>
      </c>
      <c r="E1423">
        <v>7795.28</v>
      </c>
      <c r="F1423">
        <v>11310.2</v>
      </c>
      <c r="G1423">
        <v>18255.099999999999</v>
      </c>
      <c r="H1423">
        <v>1.09449</v>
      </c>
      <c r="I1423">
        <v>24845.200000000001</v>
      </c>
      <c r="J1423">
        <v>27.9651</v>
      </c>
    </row>
    <row r="1424" spans="1:10" x14ac:dyDescent="0.25">
      <c r="A1424">
        <v>10</v>
      </c>
      <c r="B1424">
        <v>93.328299999999999</v>
      </c>
      <c r="C1424">
        <v>123.395</v>
      </c>
      <c r="D1424">
        <v>184.04599999999999</v>
      </c>
      <c r="E1424">
        <v>10091.299999999999</v>
      </c>
      <c r="F1424">
        <v>11310.2</v>
      </c>
      <c r="G1424">
        <v>21316.5</v>
      </c>
      <c r="H1424">
        <v>2.65354</v>
      </c>
      <c r="I1424">
        <v>24149.5</v>
      </c>
      <c r="J1424">
        <v>106.098</v>
      </c>
    </row>
    <row r="1425" spans="1:10" x14ac:dyDescent="0.25">
      <c r="A1425">
        <v>10</v>
      </c>
      <c r="B1425">
        <v>92.855900000000005</v>
      </c>
      <c r="C1425">
        <v>123.395</v>
      </c>
      <c r="D1425">
        <v>179.65799999999999</v>
      </c>
      <c r="E1425">
        <v>7795.28</v>
      </c>
      <c r="F1425">
        <v>10800</v>
      </c>
      <c r="G1425">
        <v>21316.5</v>
      </c>
      <c r="H1425">
        <v>3.3149600000000001</v>
      </c>
      <c r="I1425">
        <v>21158.5</v>
      </c>
      <c r="J1425">
        <v>79.521199999999993</v>
      </c>
    </row>
    <row r="1426" spans="1:10" x14ac:dyDescent="0.25">
      <c r="A1426">
        <v>10</v>
      </c>
      <c r="B1426">
        <v>108.919</v>
      </c>
      <c r="C1426">
        <v>128.73599999999999</v>
      </c>
      <c r="D1426">
        <v>190</v>
      </c>
      <c r="E1426">
        <v>7370.08</v>
      </c>
      <c r="F1426">
        <v>10800</v>
      </c>
      <c r="G1426">
        <v>22337</v>
      </c>
      <c r="H1426">
        <v>2.6771699999999998</v>
      </c>
      <c r="I1426">
        <v>21216</v>
      </c>
      <c r="J1426">
        <v>112.964</v>
      </c>
    </row>
    <row r="1427" spans="1:10" x14ac:dyDescent="0.25">
      <c r="A1427">
        <v>10</v>
      </c>
      <c r="B1427">
        <v>108.446</v>
      </c>
      <c r="C1427">
        <v>129.99299999999999</v>
      </c>
      <c r="D1427">
        <v>190</v>
      </c>
      <c r="E1427">
        <v>10091.299999999999</v>
      </c>
      <c r="F1427">
        <v>10800</v>
      </c>
      <c r="G1427">
        <v>19955.900000000001</v>
      </c>
      <c r="H1427">
        <v>3.2913399999999999</v>
      </c>
      <c r="I1427">
        <v>23638</v>
      </c>
      <c r="J1427">
        <v>116.006</v>
      </c>
    </row>
    <row r="1428" spans="1:10" x14ac:dyDescent="0.25">
      <c r="A1428">
        <v>10</v>
      </c>
      <c r="B1428">
        <v>108.68300000000001</v>
      </c>
      <c r="C1428">
        <v>124.024</v>
      </c>
      <c r="D1428">
        <v>176.83799999999999</v>
      </c>
      <c r="E1428">
        <v>7625.2</v>
      </c>
      <c r="F1428">
        <v>10800</v>
      </c>
      <c r="G1428">
        <v>22677.200000000001</v>
      </c>
      <c r="H1428">
        <v>1.92126</v>
      </c>
      <c r="I1428">
        <v>23055.8</v>
      </c>
      <c r="J1428">
        <v>92.473600000000005</v>
      </c>
    </row>
    <row r="1429" spans="1:10" x14ac:dyDescent="0.25">
      <c r="A1429">
        <v>10</v>
      </c>
      <c r="B1429">
        <v>108.919</v>
      </c>
      <c r="C1429">
        <v>114.598</v>
      </c>
      <c r="D1429">
        <v>189.06</v>
      </c>
      <c r="E1429">
        <v>7455.12</v>
      </c>
      <c r="F1429">
        <v>10800</v>
      </c>
      <c r="G1429">
        <v>19955.900000000001</v>
      </c>
      <c r="H1429">
        <v>3.64567</v>
      </c>
      <c r="I1429">
        <v>20515.400000000001</v>
      </c>
      <c r="J1429">
        <v>68.051000000000002</v>
      </c>
    </row>
    <row r="1430" spans="1:10" x14ac:dyDescent="0.25">
      <c r="A1430">
        <v>10</v>
      </c>
      <c r="B1430">
        <v>108.919</v>
      </c>
      <c r="C1430">
        <v>119.625</v>
      </c>
      <c r="D1430">
        <v>189.68700000000001</v>
      </c>
      <c r="E1430">
        <v>7455.12</v>
      </c>
      <c r="F1430">
        <v>10800</v>
      </c>
      <c r="G1430">
        <v>19785.8</v>
      </c>
      <c r="H1430">
        <v>3.9291299999999998</v>
      </c>
      <c r="I1430">
        <v>20356.3</v>
      </c>
      <c r="J1430">
        <v>45.343499999999999</v>
      </c>
    </row>
    <row r="1431" spans="1:10" x14ac:dyDescent="0.25">
      <c r="A1431">
        <v>10</v>
      </c>
      <c r="B1431">
        <v>107.738</v>
      </c>
      <c r="C1431">
        <v>118.997</v>
      </c>
      <c r="D1431">
        <v>179.03100000000001</v>
      </c>
      <c r="E1431">
        <v>7710.24</v>
      </c>
      <c r="F1431">
        <v>19474</v>
      </c>
      <c r="G1431">
        <v>19275.599999999999</v>
      </c>
      <c r="H1431">
        <v>2.2283499999999998</v>
      </c>
      <c r="I1431">
        <v>32425.5</v>
      </c>
      <c r="J1431">
        <v>21.531300000000002</v>
      </c>
    </row>
    <row r="1432" spans="1:10" x14ac:dyDescent="0.25">
      <c r="A1432">
        <v>10</v>
      </c>
      <c r="B1432">
        <v>104.431</v>
      </c>
      <c r="C1432">
        <v>114.913</v>
      </c>
      <c r="D1432">
        <v>187.18</v>
      </c>
      <c r="E1432">
        <v>7795.28</v>
      </c>
      <c r="F1432">
        <v>11310.2</v>
      </c>
      <c r="G1432">
        <v>22677.200000000001</v>
      </c>
      <c r="H1432">
        <v>2.25197</v>
      </c>
      <c r="I1432">
        <v>22349</v>
      </c>
      <c r="J1432">
        <v>61.161799999999999</v>
      </c>
    </row>
    <row r="1433" spans="1:10" x14ac:dyDescent="0.25">
      <c r="A1433">
        <v>10</v>
      </c>
      <c r="B1433">
        <v>108.446</v>
      </c>
      <c r="C1433">
        <v>119.625</v>
      </c>
      <c r="D1433">
        <v>179.03100000000001</v>
      </c>
      <c r="E1433">
        <v>7710.24</v>
      </c>
      <c r="F1433">
        <v>10800</v>
      </c>
      <c r="G1433">
        <v>22677.200000000001</v>
      </c>
      <c r="H1433">
        <v>1.4960599999999999</v>
      </c>
      <c r="I1433">
        <v>22707.3</v>
      </c>
      <c r="J1433">
        <v>33.694800000000001</v>
      </c>
    </row>
    <row r="1434" spans="1:10" x14ac:dyDescent="0.25">
      <c r="A1434">
        <v>10</v>
      </c>
      <c r="B1434">
        <v>109.628</v>
      </c>
      <c r="C1434">
        <v>119.93899999999999</v>
      </c>
      <c r="D1434">
        <v>189.68700000000001</v>
      </c>
      <c r="E1434">
        <v>10516.5</v>
      </c>
      <c r="F1434">
        <v>11310.2</v>
      </c>
      <c r="G1434">
        <v>19955.900000000001</v>
      </c>
      <c r="H1434">
        <v>1.54331</v>
      </c>
      <c r="I1434">
        <v>25927.4</v>
      </c>
      <c r="J1434">
        <v>29.3096</v>
      </c>
    </row>
    <row r="1435" spans="1:10" x14ac:dyDescent="0.25">
      <c r="A1435">
        <v>10</v>
      </c>
      <c r="B1435">
        <v>107.029</v>
      </c>
      <c r="C1435">
        <v>114.598</v>
      </c>
      <c r="D1435">
        <v>189.68700000000001</v>
      </c>
      <c r="E1435">
        <v>7710.24</v>
      </c>
      <c r="F1435">
        <v>10800</v>
      </c>
      <c r="G1435">
        <v>19955.900000000001</v>
      </c>
      <c r="H1435">
        <v>3.9527600000000001</v>
      </c>
      <c r="I1435">
        <v>20695.3</v>
      </c>
      <c r="J1435">
        <v>75.177499999999995</v>
      </c>
    </row>
    <row r="1436" spans="1:10" x14ac:dyDescent="0.25">
      <c r="A1436">
        <v>10</v>
      </c>
      <c r="B1436">
        <v>108.446</v>
      </c>
      <c r="C1436">
        <v>114.913</v>
      </c>
      <c r="D1436">
        <v>189.37299999999999</v>
      </c>
      <c r="E1436">
        <v>10431.5</v>
      </c>
      <c r="F1436">
        <v>15392.1</v>
      </c>
      <c r="G1436">
        <v>21316.5</v>
      </c>
      <c r="H1436">
        <v>1</v>
      </c>
      <c r="I1436">
        <v>33079.300000000003</v>
      </c>
      <c r="J1436">
        <v>22.810199999999998</v>
      </c>
    </row>
    <row r="1437" spans="1:10" x14ac:dyDescent="0.25">
      <c r="A1437">
        <v>10</v>
      </c>
      <c r="B1437">
        <v>108.446</v>
      </c>
      <c r="C1437">
        <v>129.99299999999999</v>
      </c>
      <c r="D1437">
        <v>189.37299999999999</v>
      </c>
      <c r="E1437">
        <v>7370.08</v>
      </c>
      <c r="F1437">
        <v>11310.2</v>
      </c>
      <c r="G1437">
        <v>19615.7</v>
      </c>
      <c r="H1437">
        <v>1.1181099999999999</v>
      </c>
      <c r="I1437">
        <v>24721.200000000001</v>
      </c>
      <c r="J1437">
        <v>120.044</v>
      </c>
    </row>
    <row r="1438" spans="1:10" x14ac:dyDescent="0.25">
      <c r="A1438">
        <v>10</v>
      </c>
      <c r="B1438">
        <v>102.777</v>
      </c>
      <c r="C1438">
        <v>119.625</v>
      </c>
      <c r="D1438">
        <v>189.68700000000001</v>
      </c>
      <c r="E1438">
        <v>7625.2</v>
      </c>
      <c r="F1438">
        <v>10800</v>
      </c>
      <c r="G1438">
        <v>19105.5</v>
      </c>
      <c r="H1438">
        <v>3.3858299999999999</v>
      </c>
      <c r="I1438">
        <v>20680.099999999999</v>
      </c>
      <c r="J1438">
        <v>38.026000000000003</v>
      </c>
    </row>
    <row r="1439" spans="1:10" x14ac:dyDescent="0.25">
      <c r="A1439">
        <v>10</v>
      </c>
      <c r="B1439">
        <v>102.777</v>
      </c>
      <c r="C1439">
        <v>123.081</v>
      </c>
      <c r="D1439">
        <v>182.47900000000001</v>
      </c>
      <c r="E1439">
        <v>7200</v>
      </c>
      <c r="F1439">
        <v>10800</v>
      </c>
      <c r="G1439">
        <v>19955.900000000001</v>
      </c>
      <c r="H1439">
        <v>3.7637800000000001</v>
      </c>
      <c r="I1439">
        <v>20089.900000000001</v>
      </c>
      <c r="J1439">
        <v>33.581899999999997</v>
      </c>
    </row>
    <row r="1440" spans="1:10" x14ac:dyDescent="0.25">
      <c r="A1440">
        <v>10</v>
      </c>
      <c r="B1440">
        <v>108.21</v>
      </c>
      <c r="C1440">
        <v>119.625</v>
      </c>
      <c r="D1440">
        <v>172.137</v>
      </c>
      <c r="E1440">
        <v>7795.28</v>
      </c>
      <c r="F1440">
        <v>11310.2</v>
      </c>
      <c r="G1440">
        <v>20296.099999999999</v>
      </c>
      <c r="H1440">
        <v>2.1102400000000001</v>
      </c>
      <c r="I1440">
        <v>22505.9</v>
      </c>
      <c r="J1440">
        <v>42.401200000000003</v>
      </c>
    </row>
    <row r="1441" spans="1:10" x14ac:dyDescent="0.25">
      <c r="A1441">
        <v>10</v>
      </c>
      <c r="B1441">
        <v>108.68300000000001</v>
      </c>
      <c r="C1441">
        <v>113.342</v>
      </c>
      <c r="D1441">
        <v>169.00299999999999</v>
      </c>
      <c r="E1441">
        <v>10176.4</v>
      </c>
      <c r="F1441">
        <v>11310.2</v>
      </c>
      <c r="G1441">
        <v>22677.200000000001</v>
      </c>
      <c r="H1441">
        <v>1.85039</v>
      </c>
      <c r="I1441">
        <v>25859.7</v>
      </c>
      <c r="J1441">
        <v>40.9131</v>
      </c>
    </row>
    <row r="1442" spans="1:10" x14ac:dyDescent="0.25">
      <c r="A1442">
        <v>10</v>
      </c>
      <c r="B1442">
        <v>109.628</v>
      </c>
      <c r="C1442">
        <v>118.68300000000001</v>
      </c>
      <c r="D1442">
        <v>189.06</v>
      </c>
      <c r="E1442">
        <v>13152.8</v>
      </c>
      <c r="F1442">
        <v>11310.2</v>
      </c>
      <c r="G1442">
        <v>18595.3</v>
      </c>
      <c r="H1442">
        <v>1.92126</v>
      </c>
      <c r="I1442">
        <v>29259.5</v>
      </c>
      <c r="J1442">
        <v>22.4438</v>
      </c>
    </row>
    <row r="1443" spans="1:10" x14ac:dyDescent="0.25">
      <c r="A1443">
        <v>10</v>
      </c>
      <c r="B1443">
        <v>108.446</v>
      </c>
      <c r="C1443">
        <v>118.369</v>
      </c>
      <c r="D1443">
        <v>189.68700000000001</v>
      </c>
      <c r="E1443">
        <v>10431.5</v>
      </c>
      <c r="F1443">
        <v>10800</v>
      </c>
      <c r="G1443">
        <v>19955.900000000001</v>
      </c>
      <c r="H1443">
        <v>1.1181099999999999</v>
      </c>
      <c r="I1443">
        <v>26820.6</v>
      </c>
      <c r="J1443">
        <v>17.5837</v>
      </c>
    </row>
    <row r="1444" spans="1:10" x14ac:dyDescent="0.25">
      <c r="A1444">
        <v>10</v>
      </c>
      <c r="B1444">
        <v>108.68300000000001</v>
      </c>
      <c r="C1444">
        <v>118.369</v>
      </c>
      <c r="D1444">
        <v>189.68700000000001</v>
      </c>
      <c r="E1444">
        <v>7540.16</v>
      </c>
      <c r="F1444">
        <v>10800</v>
      </c>
      <c r="G1444">
        <v>18595.3</v>
      </c>
      <c r="H1444">
        <v>3.6929099999999999</v>
      </c>
      <c r="I1444">
        <v>20487.7</v>
      </c>
      <c r="J1444">
        <v>47.9236</v>
      </c>
    </row>
    <row r="1445" spans="1:10" x14ac:dyDescent="0.25">
      <c r="A1445">
        <v>10</v>
      </c>
      <c r="B1445">
        <v>94.273200000000003</v>
      </c>
      <c r="C1445">
        <v>112.71299999999999</v>
      </c>
      <c r="D1445">
        <v>190</v>
      </c>
      <c r="E1445">
        <v>7200</v>
      </c>
      <c r="F1445">
        <v>10800</v>
      </c>
      <c r="G1445">
        <v>22677.200000000001</v>
      </c>
      <c r="H1445">
        <v>3.2913399999999999</v>
      </c>
      <c r="I1445">
        <v>20590.099999999999</v>
      </c>
      <c r="J1445">
        <v>109.718</v>
      </c>
    </row>
    <row r="1446" spans="1:10" x14ac:dyDescent="0.25">
      <c r="A1446">
        <v>10</v>
      </c>
      <c r="B1446">
        <v>108.446</v>
      </c>
      <c r="C1446">
        <v>118.054</v>
      </c>
      <c r="D1446">
        <v>178.405</v>
      </c>
      <c r="E1446">
        <v>10431.5</v>
      </c>
      <c r="F1446">
        <v>11310.2</v>
      </c>
      <c r="G1446">
        <v>18425.2</v>
      </c>
      <c r="H1446">
        <v>2.2755899999999998</v>
      </c>
      <c r="I1446">
        <v>24651.7</v>
      </c>
      <c r="J1446">
        <v>37.854700000000001</v>
      </c>
    </row>
    <row r="1447" spans="1:10" x14ac:dyDescent="0.25">
      <c r="A1447">
        <v>10</v>
      </c>
      <c r="B1447">
        <v>108.446</v>
      </c>
      <c r="C1447">
        <v>119.93899999999999</v>
      </c>
      <c r="D1447">
        <v>190</v>
      </c>
      <c r="E1447">
        <v>7370.08</v>
      </c>
      <c r="F1447">
        <v>11055.1</v>
      </c>
      <c r="G1447">
        <v>19615.7</v>
      </c>
      <c r="H1447">
        <v>3.00787</v>
      </c>
      <c r="I1447">
        <v>20882.8</v>
      </c>
      <c r="J1447">
        <v>36.272199999999998</v>
      </c>
    </row>
    <row r="1448" spans="1:10" x14ac:dyDescent="0.25">
      <c r="A1448">
        <v>10</v>
      </c>
      <c r="B1448">
        <v>105.848</v>
      </c>
      <c r="C1448">
        <v>114.598</v>
      </c>
      <c r="D1448">
        <v>189.37299999999999</v>
      </c>
      <c r="E1448">
        <v>7370.08</v>
      </c>
      <c r="F1448">
        <v>10800</v>
      </c>
      <c r="G1448">
        <v>22677.200000000001</v>
      </c>
      <c r="H1448">
        <v>3.3149600000000001</v>
      </c>
      <c r="I1448">
        <v>20657.8</v>
      </c>
      <c r="J1448">
        <v>78.787499999999994</v>
      </c>
    </row>
    <row r="1449" spans="1:10" x14ac:dyDescent="0.25">
      <c r="A1449">
        <v>10</v>
      </c>
      <c r="B1449">
        <v>105.848</v>
      </c>
      <c r="C1449">
        <v>114.28400000000001</v>
      </c>
      <c r="D1449">
        <v>190</v>
      </c>
      <c r="E1449">
        <v>7710.24</v>
      </c>
      <c r="F1449">
        <v>11310.2</v>
      </c>
      <c r="G1449">
        <v>18595.3</v>
      </c>
      <c r="H1449">
        <v>1.54331</v>
      </c>
      <c r="I1449">
        <v>23267.8</v>
      </c>
      <c r="J1449">
        <v>58.764499999999998</v>
      </c>
    </row>
    <row r="1450" spans="1:10" x14ac:dyDescent="0.25">
      <c r="A1450">
        <v>10</v>
      </c>
      <c r="B1450">
        <v>108.446</v>
      </c>
      <c r="C1450">
        <v>118.68300000000001</v>
      </c>
      <c r="D1450">
        <v>189.68700000000001</v>
      </c>
      <c r="E1450">
        <v>7370.08</v>
      </c>
      <c r="F1450">
        <v>11310.2</v>
      </c>
      <c r="G1450">
        <v>18595.3</v>
      </c>
      <c r="H1450">
        <v>3.8110200000000001</v>
      </c>
      <c r="I1450">
        <v>20800.099999999999</v>
      </c>
      <c r="J1450">
        <v>44.768300000000004</v>
      </c>
    </row>
    <row r="1451" spans="1:10" x14ac:dyDescent="0.25">
      <c r="A1451">
        <v>10</v>
      </c>
      <c r="B1451">
        <v>109.628</v>
      </c>
      <c r="C1451">
        <v>123.395</v>
      </c>
      <c r="D1451">
        <v>164.30199999999999</v>
      </c>
      <c r="E1451">
        <v>10516.5</v>
      </c>
      <c r="F1451">
        <v>10800</v>
      </c>
      <c r="G1451">
        <v>23017.3</v>
      </c>
      <c r="H1451">
        <v>1.1181099999999999</v>
      </c>
      <c r="I1451">
        <v>30284.9</v>
      </c>
      <c r="J1451">
        <v>20.883299999999998</v>
      </c>
    </row>
    <row r="1452" spans="1:10" x14ac:dyDescent="0.25">
      <c r="A1452">
        <v>10</v>
      </c>
      <c r="B1452">
        <v>108.446</v>
      </c>
      <c r="C1452">
        <v>129.05000000000001</v>
      </c>
      <c r="D1452">
        <v>189.68700000000001</v>
      </c>
      <c r="E1452">
        <v>10516.5</v>
      </c>
      <c r="F1452">
        <v>12330.7</v>
      </c>
      <c r="G1452">
        <v>19955.900000000001</v>
      </c>
      <c r="H1452">
        <v>3.3149600000000001</v>
      </c>
      <c r="I1452">
        <v>25666.6</v>
      </c>
      <c r="J1452">
        <v>115.685</v>
      </c>
    </row>
    <row r="1453" spans="1:10" x14ac:dyDescent="0.25">
      <c r="A1453">
        <v>10</v>
      </c>
      <c r="B1453">
        <v>107.738</v>
      </c>
      <c r="C1453">
        <v>119.625</v>
      </c>
      <c r="D1453">
        <v>177.15100000000001</v>
      </c>
      <c r="E1453">
        <v>7795.28</v>
      </c>
      <c r="F1453">
        <v>11310.2</v>
      </c>
      <c r="G1453">
        <v>21316.5</v>
      </c>
      <c r="H1453">
        <v>2.29921</v>
      </c>
      <c r="I1453">
        <v>22295.3</v>
      </c>
      <c r="J1453">
        <v>40.821399999999997</v>
      </c>
    </row>
    <row r="1454" spans="1:10" x14ac:dyDescent="0.25">
      <c r="A1454">
        <v>10</v>
      </c>
      <c r="B1454">
        <v>109.155</v>
      </c>
      <c r="C1454">
        <v>113.342</v>
      </c>
      <c r="D1454">
        <v>189.68700000000001</v>
      </c>
      <c r="E1454">
        <v>10091.299999999999</v>
      </c>
      <c r="F1454">
        <v>10800</v>
      </c>
      <c r="G1454">
        <v>26078.7</v>
      </c>
      <c r="H1454">
        <v>1</v>
      </c>
      <c r="I1454">
        <v>26952.2</v>
      </c>
      <c r="J1454">
        <v>27.692399999999999</v>
      </c>
    </row>
    <row r="1455" spans="1:10" x14ac:dyDescent="0.25">
      <c r="A1455">
        <v>10</v>
      </c>
      <c r="B1455">
        <v>105.848</v>
      </c>
      <c r="C1455">
        <v>119.93899999999999</v>
      </c>
      <c r="D1455">
        <v>190</v>
      </c>
      <c r="E1455">
        <v>7795.28</v>
      </c>
      <c r="F1455">
        <v>11310.2</v>
      </c>
      <c r="G1455">
        <v>21316.5</v>
      </c>
      <c r="H1455">
        <v>1.0472399999999999</v>
      </c>
      <c r="I1455">
        <v>24669.3</v>
      </c>
      <c r="J1455">
        <v>64.983000000000004</v>
      </c>
    </row>
    <row r="1456" spans="1:10" x14ac:dyDescent="0.25">
      <c r="A1456">
        <v>10</v>
      </c>
      <c r="B1456">
        <v>109.628</v>
      </c>
      <c r="C1456">
        <v>119.93899999999999</v>
      </c>
      <c r="D1456">
        <v>179.65799999999999</v>
      </c>
      <c r="E1456">
        <v>7795.28</v>
      </c>
      <c r="F1456">
        <v>11310.2</v>
      </c>
      <c r="G1456">
        <v>21316.5</v>
      </c>
      <c r="H1456">
        <v>2.29921</v>
      </c>
      <c r="I1456">
        <v>22175.599999999999</v>
      </c>
      <c r="J1456">
        <v>63.413400000000003</v>
      </c>
    </row>
    <row r="1457" spans="1:10" x14ac:dyDescent="0.25">
      <c r="A1457">
        <v>10</v>
      </c>
      <c r="B1457">
        <v>108.68300000000001</v>
      </c>
      <c r="C1457">
        <v>113.342</v>
      </c>
      <c r="D1457">
        <v>189.68700000000001</v>
      </c>
      <c r="E1457">
        <v>10516.5</v>
      </c>
      <c r="F1457">
        <v>10800</v>
      </c>
      <c r="G1457">
        <v>22507.1</v>
      </c>
      <c r="H1457">
        <v>2.2283499999999998</v>
      </c>
      <c r="I1457">
        <v>24417.4</v>
      </c>
      <c r="J1457">
        <v>41.798900000000003</v>
      </c>
    </row>
    <row r="1458" spans="1:10" x14ac:dyDescent="0.25">
      <c r="A1458">
        <v>10</v>
      </c>
      <c r="B1458">
        <v>105.848</v>
      </c>
      <c r="C1458">
        <v>114.913</v>
      </c>
      <c r="D1458">
        <v>189.06</v>
      </c>
      <c r="E1458">
        <v>7710.24</v>
      </c>
      <c r="F1458">
        <v>14881.9</v>
      </c>
      <c r="G1458">
        <v>22677.200000000001</v>
      </c>
      <c r="H1458">
        <v>1.09449</v>
      </c>
      <c r="I1458">
        <v>28153.9</v>
      </c>
      <c r="J1458">
        <v>16.915900000000001</v>
      </c>
    </row>
    <row r="1459" spans="1:10" x14ac:dyDescent="0.25">
      <c r="A1459">
        <v>10</v>
      </c>
      <c r="B1459">
        <v>109.628</v>
      </c>
      <c r="C1459">
        <v>123.395</v>
      </c>
      <c r="D1459">
        <v>169.31700000000001</v>
      </c>
      <c r="E1459">
        <v>10431.5</v>
      </c>
      <c r="F1459">
        <v>11310.2</v>
      </c>
      <c r="G1459">
        <v>21996.9</v>
      </c>
      <c r="H1459">
        <v>2.2283499999999998</v>
      </c>
      <c r="I1459">
        <v>27078.799999999999</v>
      </c>
      <c r="J1459">
        <v>26.1539</v>
      </c>
    </row>
    <row r="1460" spans="1:10" x14ac:dyDescent="0.25">
      <c r="A1460">
        <v>10</v>
      </c>
      <c r="B1460">
        <v>105.848</v>
      </c>
      <c r="C1460">
        <v>114.598</v>
      </c>
      <c r="D1460">
        <v>189.37299999999999</v>
      </c>
      <c r="E1460">
        <v>7710.24</v>
      </c>
      <c r="F1460">
        <v>15392.1</v>
      </c>
      <c r="G1460">
        <v>20976.400000000001</v>
      </c>
      <c r="H1460">
        <v>1.07087</v>
      </c>
      <c r="I1460">
        <v>28823.9</v>
      </c>
      <c r="J1460">
        <v>18.1525</v>
      </c>
    </row>
    <row r="1461" spans="1:10" x14ac:dyDescent="0.25">
      <c r="A1461">
        <v>10</v>
      </c>
      <c r="B1461">
        <v>105.61199999999999</v>
      </c>
      <c r="C1461">
        <v>119.625</v>
      </c>
      <c r="D1461">
        <v>189.37299999999999</v>
      </c>
      <c r="E1461">
        <v>7710.24</v>
      </c>
      <c r="F1461">
        <v>11310.2</v>
      </c>
      <c r="G1461">
        <v>20976.400000000001</v>
      </c>
      <c r="H1461">
        <v>1.09449</v>
      </c>
      <c r="I1461">
        <v>24469.7</v>
      </c>
      <c r="J1461">
        <v>58.741300000000003</v>
      </c>
    </row>
    <row r="1462" spans="1:10" x14ac:dyDescent="0.25">
      <c r="A1462">
        <v>10</v>
      </c>
      <c r="B1462">
        <v>109.864</v>
      </c>
      <c r="C1462">
        <v>113.97</v>
      </c>
      <c r="D1462">
        <v>189.68700000000001</v>
      </c>
      <c r="E1462">
        <v>7285.04</v>
      </c>
      <c r="F1462">
        <v>10800</v>
      </c>
      <c r="G1462">
        <v>19955.900000000001</v>
      </c>
      <c r="H1462">
        <v>3.7637800000000001</v>
      </c>
      <c r="I1462">
        <v>20344.099999999999</v>
      </c>
      <c r="J1462">
        <v>67.473500000000001</v>
      </c>
    </row>
    <row r="1463" spans="1:10" x14ac:dyDescent="0.25">
      <c r="A1463">
        <v>10</v>
      </c>
      <c r="B1463">
        <v>109.628</v>
      </c>
      <c r="C1463">
        <v>119.93899999999999</v>
      </c>
      <c r="D1463">
        <v>179.03100000000001</v>
      </c>
      <c r="E1463">
        <v>7795.28</v>
      </c>
      <c r="F1463">
        <v>11310.2</v>
      </c>
      <c r="G1463">
        <v>20806.3</v>
      </c>
      <c r="H1463">
        <v>1.89764</v>
      </c>
      <c r="I1463">
        <v>22607</v>
      </c>
      <c r="J1463">
        <v>23.453099999999999</v>
      </c>
    </row>
    <row r="1464" spans="1:10" x14ac:dyDescent="0.25">
      <c r="A1464">
        <v>10</v>
      </c>
      <c r="B1464">
        <v>109.628</v>
      </c>
      <c r="C1464">
        <v>119.93899999999999</v>
      </c>
      <c r="D1464">
        <v>189.06</v>
      </c>
      <c r="E1464">
        <v>10431.5</v>
      </c>
      <c r="F1464">
        <v>15392.1</v>
      </c>
      <c r="G1464">
        <v>20976.400000000001</v>
      </c>
      <c r="H1464">
        <v>1.0472399999999999</v>
      </c>
      <c r="I1464">
        <v>33374.300000000003</v>
      </c>
      <c r="J1464">
        <v>25.109500000000001</v>
      </c>
    </row>
    <row r="1465" spans="1:10" x14ac:dyDescent="0.25">
      <c r="A1465">
        <v>10</v>
      </c>
      <c r="B1465">
        <v>108.68300000000001</v>
      </c>
      <c r="C1465">
        <v>118.369</v>
      </c>
      <c r="D1465">
        <v>190</v>
      </c>
      <c r="E1465">
        <v>7710.24</v>
      </c>
      <c r="F1465">
        <v>14881.9</v>
      </c>
      <c r="G1465">
        <v>18255.099999999999</v>
      </c>
      <c r="H1465">
        <v>1.1181099999999999</v>
      </c>
      <c r="I1465">
        <v>28987.9</v>
      </c>
      <c r="J1465">
        <v>24.103300000000001</v>
      </c>
    </row>
    <row r="1466" spans="1:10" x14ac:dyDescent="0.25">
      <c r="A1466">
        <v>10</v>
      </c>
      <c r="B1466">
        <v>104.667</v>
      </c>
      <c r="C1466">
        <v>112.71299999999999</v>
      </c>
      <c r="D1466">
        <v>179.97200000000001</v>
      </c>
      <c r="E1466">
        <v>7370.08</v>
      </c>
      <c r="F1466">
        <v>10800</v>
      </c>
      <c r="G1466">
        <v>19955.900000000001</v>
      </c>
      <c r="H1466">
        <v>3.3858299999999999</v>
      </c>
      <c r="I1466">
        <v>20989.8</v>
      </c>
      <c r="J1466">
        <v>103.256</v>
      </c>
    </row>
    <row r="1467" spans="1:10" x14ac:dyDescent="0.25">
      <c r="A1467">
        <v>10</v>
      </c>
      <c r="B1467">
        <v>109.39100000000001</v>
      </c>
      <c r="C1467">
        <v>129.679</v>
      </c>
      <c r="D1467">
        <v>190</v>
      </c>
      <c r="E1467">
        <v>7370.08</v>
      </c>
      <c r="F1467">
        <v>10800</v>
      </c>
      <c r="G1467">
        <v>19955.900000000001</v>
      </c>
      <c r="H1467">
        <v>3.3858299999999999</v>
      </c>
      <c r="I1467">
        <v>20842.3</v>
      </c>
      <c r="J1467">
        <v>123.825</v>
      </c>
    </row>
    <row r="1468" spans="1:10" x14ac:dyDescent="0.25">
      <c r="A1468">
        <v>10</v>
      </c>
      <c r="B1468">
        <v>108.446</v>
      </c>
      <c r="C1468">
        <v>119.93899999999999</v>
      </c>
      <c r="D1468">
        <v>190</v>
      </c>
      <c r="E1468">
        <v>10176.4</v>
      </c>
      <c r="F1468">
        <v>11310.2</v>
      </c>
      <c r="G1468">
        <v>19615.7</v>
      </c>
      <c r="H1468">
        <v>2.6299199999999998</v>
      </c>
      <c r="I1468">
        <v>24716.3</v>
      </c>
      <c r="J1468">
        <v>21.4544</v>
      </c>
    </row>
    <row r="1469" spans="1:10" x14ac:dyDescent="0.25">
      <c r="A1469">
        <v>10</v>
      </c>
      <c r="B1469">
        <v>109.628</v>
      </c>
      <c r="C1469">
        <v>114.598</v>
      </c>
      <c r="D1469">
        <v>189.06</v>
      </c>
      <c r="E1469">
        <v>7795.28</v>
      </c>
      <c r="F1469">
        <v>12330.7</v>
      </c>
      <c r="G1469">
        <v>20976.400000000001</v>
      </c>
      <c r="H1469">
        <v>1.51969</v>
      </c>
      <c r="I1469">
        <v>24492.2</v>
      </c>
      <c r="J1469">
        <v>31.206399999999999</v>
      </c>
    </row>
    <row r="1470" spans="1:10" x14ac:dyDescent="0.25">
      <c r="A1470">
        <v>10</v>
      </c>
      <c r="B1470">
        <v>106.557</v>
      </c>
      <c r="C1470">
        <v>113.342</v>
      </c>
      <c r="D1470">
        <v>190</v>
      </c>
      <c r="E1470">
        <v>7455.12</v>
      </c>
      <c r="F1470">
        <v>10800</v>
      </c>
      <c r="G1470">
        <v>19955.900000000001</v>
      </c>
      <c r="H1470">
        <v>2.34646</v>
      </c>
      <c r="I1470">
        <v>21362.400000000001</v>
      </c>
      <c r="J1470">
        <v>62.6374</v>
      </c>
    </row>
    <row r="1471" spans="1:10" x14ac:dyDescent="0.25">
      <c r="A1471">
        <v>10</v>
      </c>
      <c r="B1471">
        <v>106.79300000000001</v>
      </c>
      <c r="C1471">
        <v>118.369</v>
      </c>
      <c r="D1471">
        <v>189.68700000000001</v>
      </c>
      <c r="E1471">
        <v>10516.5</v>
      </c>
      <c r="F1471">
        <v>11820.5</v>
      </c>
      <c r="G1471">
        <v>19785.8</v>
      </c>
      <c r="H1471">
        <v>2.9606300000000001</v>
      </c>
      <c r="I1471">
        <v>24848.6</v>
      </c>
      <c r="J1471">
        <v>45.939</v>
      </c>
    </row>
    <row r="1472" spans="1:10" x14ac:dyDescent="0.25">
      <c r="A1472">
        <v>10</v>
      </c>
      <c r="B1472">
        <v>108.919</v>
      </c>
      <c r="C1472">
        <v>114.598</v>
      </c>
      <c r="D1472">
        <v>189.68700000000001</v>
      </c>
      <c r="E1472">
        <v>10176.4</v>
      </c>
      <c r="F1472">
        <v>10800</v>
      </c>
      <c r="G1472">
        <v>19785.8</v>
      </c>
      <c r="H1472">
        <v>3.7401599999999999</v>
      </c>
      <c r="I1472">
        <v>23298</v>
      </c>
      <c r="J1472">
        <v>55.424900000000001</v>
      </c>
    </row>
    <row r="1473" spans="1:10" x14ac:dyDescent="0.25">
      <c r="A1473">
        <v>10</v>
      </c>
      <c r="B1473">
        <v>102.777</v>
      </c>
      <c r="C1473">
        <v>114.913</v>
      </c>
      <c r="D1473">
        <v>190</v>
      </c>
      <c r="E1473">
        <v>10091.299999999999</v>
      </c>
      <c r="F1473">
        <v>11310.2</v>
      </c>
      <c r="G1473">
        <v>19615.7</v>
      </c>
      <c r="H1473">
        <v>3.00787</v>
      </c>
      <c r="I1473">
        <v>23975.200000000001</v>
      </c>
      <c r="J1473">
        <v>58.078800000000001</v>
      </c>
    </row>
    <row r="1474" spans="1:10" x14ac:dyDescent="0.25">
      <c r="A1474">
        <v>10</v>
      </c>
      <c r="B1474">
        <v>108.68300000000001</v>
      </c>
      <c r="C1474">
        <v>118.68300000000001</v>
      </c>
      <c r="D1474">
        <v>189.68700000000001</v>
      </c>
      <c r="E1474">
        <v>10431.5</v>
      </c>
      <c r="F1474">
        <v>11310.2</v>
      </c>
      <c r="G1474">
        <v>19275.599999999999</v>
      </c>
      <c r="H1474">
        <v>3.0551200000000001</v>
      </c>
      <c r="I1474">
        <v>24445.4</v>
      </c>
      <c r="J1474">
        <v>27.357800000000001</v>
      </c>
    </row>
    <row r="1475" spans="1:10" x14ac:dyDescent="0.25">
      <c r="A1475">
        <v>10</v>
      </c>
      <c r="B1475">
        <v>94.273200000000003</v>
      </c>
      <c r="C1475">
        <v>123.709</v>
      </c>
      <c r="D1475">
        <v>189.06</v>
      </c>
      <c r="E1475">
        <v>7710.24</v>
      </c>
      <c r="F1475">
        <v>11310.2</v>
      </c>
      <c r="G1475">
        <v>26759.1</v>
      </c>
      <c r="H1475">
        <v>2.0866099999999999</v>
      </c>
      <c r="I1475">
        <v>22183.1</v>
      </c>
      <c r="J1475">
        <v>92.597399999999993</v>
      </c>
    </row>
    <row r="1476" spans="1:10" x14ac:dyDescent="0.25">
      <c r="A1476">
        <v>10</v>
      </c>
      <c r="B1476">
        <v>108.446</v>
      </c>
      <c r="C1476">
        <v>118.369</v>
      </c>
      <c r="D1476">
        <v>188.43299999999999</v>
      </c>
      <c r="E1476">
        <v>10091.299999999999</v>
      </c>
      <c r="F1476">
        <v>10800</v>
      </c>
      <c r="G1476">
        <v>18255.099999999999</v>
      </c>
      <c r="H1476">
        <v>3.3622000000000001</v>
      </c>
      <c r="I1476">
        <v>23232.2</v>
      </c>
      <c r="J1476">
        <v>39.5306</v>
      </c>
    </row>
    <row r="1477" spans="1:10" x14ac:dyDescent="0.25">
      <c r="A1477">
        <v>10</v>
      </c>
      <c r="B1477">
        <v>108.68300000000001</v>
      </c>
      <c r="C1477">
        <v>122.767</v>
      </c>
      <c r="D1477">
        <v>171.51</v>
      </c>
      <c r="E1477">
        <v>7540.16</v>
      </c>
      <c r="F1477">
        <v>11820.5</v>
      </c>
      <c r="G1477">
        <v>25398.400000000001</v>
      </c>
      <c r="H1477">
        <v>2.25197</v>
      </c>
      <c r="I1477">
        <v>24112</v>
      </c>
      <c r="J1477">
        <v>92.742500000000007</v>
      </c>
    </row>
    <row r="1478" spans="1:10" x14ac:dyDescent="0.25">
      <c r="A1478">
        <v>10</v>
      </c>
      <c r="B1478">
        <v>108.919</v>
      </c>
      <c r="C1478">
        <v>114.913</v>
      </c>
      <c r="D1478">
        <v>190</v>
      </c>
      <c r="E1478">
        <v>10176.4</v>
      </c>
      <c r="F1478">
        <v>11310.2</v>
      </c>
      <c r="G1478">
        <v>19615.7</v>
      </c>
      <c r="H1478">
        <v>2.9842499999999998</v>
      </c>
      <c r="I1478">
        <v>23973.599999999999</v>
      </c>
      <c r="J1478">
        <v>38.000599999999999</v>
      </c>
    </row>
    <row r="1479" spans="1:10" x14ac:dyDescent="0.25">
      <c r="A1479">
        <v>10</v>
      </c>
      <c r="B1479">
        <v>104.667</v>
      </c>
      <c r="C1479">
        <v>112.71299999999999</v>
      </c>
      <c r="D1479">
        <v>189.68700000000001</v>
      </c>
      <c r="E1479">
        <v>7370.08</v>
      </c>
      <c r="F1479">
        <v>10800</v>
      </c>
      <c r="G1479">
        <v>19955.900000000001</v>
      </c>
      <c r="H1479">
        <v>1.85039</v>
      </c>
      <c r="I1479">
        <v>21880.1</v>
      </c>
      <c r="J1479">
        <v>70.462299999999999</v>
      </c>
    </row>
    <row r="1480" spans="1:10" x14ac:dyDescent="0.25">
      <c r="A1480">
        <v>10</v>
      </c>
      <c r="B1480">
        <v>109.628</v>
      </c>
      <c r="C1480">
        <v>115.855</v>
      </c>
      <c r="D1480">
        <v>176.524</v>
      </c>
      <c r="E1480">
        <v>10516.5</v>
      </c>
      <c r="F1480">
        <v>11310.2</v>
      </c>
      <c r="G1480">
        <v>20806.3</v>
      </c>
      <c r="H1480">
        <v>3.4094500000000001</v>
      </c>
      <c r="I1480">
        <v>24234.7</v>
      </c>
      <c r="J1480">
        <v>36.428800000000003</v>
      </c>
    </row>
    <row r="1481" spans="1:10" x14ac:dyDescent="0.25">
      <c r="A1481">
        <v>10</v>
      </c>
      <c r="B1481">
        <v>94.273200000000003</v>
      </c>
      <c r="C1481">
        <v>113.342</v>
      </c>
      <c r="D1481">
        <v>187.80600000000001</v>
      </c>
      <c r="E1481">
        <v>10431.5</v>
      </c>
      <c r="F1481">
        <v>10800</v>
      </c>
      <c r="G1481">
        <v>22677.200000000001</v>
      </c>
      <c r="H1481">
        <v>3.3149600000000001</v>
      </c>
      <c r="I1481">
        <v>23840.5</v>
      </c>
      <c r="J1481">
        <v>86.592799999999997</v>
      </c>
    </row>
    <row r="1482" spans="1:10" x14ac:dyDescent="0.25">
      <c r="A1482">
        <v>10</v>
      </c>
      <c r="B1482">
        <v>109.39100000000001</v>
      </c>
      <c r="C1482">
        <v>113.97</v>
      </c>
      <c r="D1482">
        <v>189.68700000000001</v>
      </c>
      <c r="E1482">
        <v>7370.08</v>
      </c>
      <c r="F1482">
        <v>11055.1</v>
      </c>
      <c r="G1482">
        <v>18595.3</v>
      </c>
      <c r="H1482">
        <v>3.10236</v>
      </c>
      <c r="I1482">
        <v>20918.900000000001</v>
      </c>
      <c r="J1482">
        <v>63.933199999999999</v>
      </c>
    </row>
    <row r="1483" spans="1:10" x14ac:dyDescent="0.25">
      <c r="A1483">
        <v>10</v>
      </c>
      <c r="B1483">
        <v>105.61199999999999</v>
      </c>
      <c r="C1483">
        <v>112.71299999999999</v>
      </c>
      <c r="D1483">
        <v>169.94300000000001</v>
      </c>
      <c r="E1483">
        <v>7200</v>
      </c>
      <c r="F1483">
        <v>10800</v>
      </c>
      <c r="G1483">
        <v>19955.900000000001</v>
      </c>
      <c r="H1483">
        <v>3.3858299999999999</v>
      </c>
      <c r="I1483">
        <v>21920</v>
      </c>
      <c r="J1483">
        <v>99.160499999999999</v>
      </c>
    </row>
    <row r="1484" spans="1:10" x14ac:dyDescent="0.25">
      <c r="A1484">
        <v>10</v>
      </c>
      <c r="B1484">
        <v>109.39100000000001</v>
      </c>
      <c r="C1484">
        <v>118.054</v>
      </c>
      <c r="D1484">
        <v>189.68700000000001</v>
      </c>
      <c r="E1484">
        <v>10431.5</v>
      </c>
      <c r="F1484">
        <v>11310.2</v>
      </c>
      <c r="G1484">
        <v>19955.900000000001</v>
      </c>
      <c r="H1484">
        <v>1.4960599999999999</v>
      </c>
      <c r="I1484">
        <v>26086.1</v>
      </c>
      <c r="J1484">
        <v>30.875299999999999</v>
      </c>
    </row>
    <row r="1485" spans="1:10" x14ac:dyDescent="0.25">
      <c r="A1485">
        <v>10</v>
      </c>
      <c r="B1485">
        <v>94.981899999999996</v>
      </c>
      <c r="C1485">
        <v>123.395</v>
      </c>
      <c r="D1485">
        <v>187.18</v>
      </c>
      <c r="E1485">
        <v>10516.5</v>
      </c>
      <c r="F1485">
        <v>11310.2</v>
      </c>
      <c r="G1485">
        <v>21146.5</v>
      </c>
      <c r="H1485">
        <v>2.29921</v>
      </c>
      <c r="I1485">
        <v>25035.200000000001</v>
      </c>
      <c r="J1485">
        <v>97.488500000000002</v>
      </c>
    </row>
    <row r="1486" spans="1:10" x14ac:dyDescent="0.25">
      <c r="A1486">
        <v>10</v>
      </c>
      <c r="B1486">
        <v>108.919</v>
      </c>
      <c r="C1486">
        <v>124.652</v>
      </c>
      <c r="D1486">
        <v>181.53899999999999</v>
      </c>
      <c r="E1486">
        <v>10516.5</v>
      </c>
      <c r="F1486">
        <v>10800</v>
      </c>
      <c r="G1486">
        <v>19785.8</v>
      </c>
      <c r="H1486">
        <v>1.5669299999999999</v>
      </c>
      <c r="I1486">
        <v>26180.6</v>
      </c>
      <c r="J1486">
        <v>81.808099999999996</v>
      </c>
    </row>
    <row r="1487" spans="1:10" x14ac:dyDescent="0.25">
      <c r="A1487">
        <v>10</v>
      </c>
      <c r="B1487">
        <v>108.919</v>
      </c>
      <c r="C1487">
        <v>114.598</v>
      </c>
      <c r="D1487">
        <v>189.06</v>
      </c>
      <c r="E1487">
        <v>10091.299999999999</v>
      </c>
      <c r="F1487">
        <v>10800</v>
      </c>
      <c r="G1487">
        <v>19955.900000000001</v>
      </c>
      <c r="H1487">
        <v>3.1259800000000002</v>
      </c>
      <c r="I1487">
        <v>23386.799999999999</v>
      </c>
      <c r="J1487">
        <v>42.7699</v>
      </c>
    </row>
    <row r="1488" spans="1:10" x14ac:dyDescent="0.25">
      <c r="A1488">
        <v>10</v>
      </c>
      <c r="B1488">
        <v>107.029</v>
      </c>
      <c r="C1488">
        <v>122.767</v>
      </c>
      <c r="D1488">
        <v>187.18</v>
      </c>
      <c r="E1488">
        <v>7710.24</v>
      </c>
      <c r="F1488">
        <v>10800</v>
      </c>
      <c r="G1488">
        <v>18595.3</v>
      </c>
      <c r="H1488">
        <v>1.87402</v>
      </c>
      <c r="I1488">
        <v>22735.8</v>
      </c>
      <c r="J1488">
        <v>101.06399999999999</v>
      </c>
    </row>
    <row r="1489" spans="1:10" x14ac:dyDescent="0.25">
      <c r="A1489">
        <v>10</v>
      </c>
      <c r="B1489">
        <v>107.502</v>
      </c>
      <c r="C1489">
        <v>118.68300000000001</v>
      </c>
      <c r="D1489">
        <v>189.06</v>
      </c>
      <c r="E1489">
        <v>10431.5</v>
      </c>
      <c r="F1489">
        <v>12330.7</v>
      </c>
      <c r="G1489">
        <v>21316.5</v>
      </c>
      <c r="H1489">
        <v>2.6063000000000001</v>
      </c>
      <c r="I1489">
        <v>26097.8</v>
      </c>
      <c r="J1489">
        <v>29.785</v>
      </c>
    </row>
    <row r="1490" spans="1:10" x14ac:dyDescent="0.25">
      <c r="A1490">
        <v>10</v>
      </c>
      <c r="B1490">
        <v>105.376</v>
      </c>
      <c r="C1490">
        <v>119.625</v>
      </c>
      <c r="D1490">
        <v>189.68700000000001</v>
      </c>
      <c r="E1490">
        <v>7370.08</v>
      </c>
      <c r="F1490">
        <v>10800</v>
      </c>
      <c r="G1490">
        <v>19785.8</v>
      </c>
      <c r="H1490">
        <v>3.90551</v>
      </c>
      <c r="I1490">
        <v>20303.099999999999</v>
      </c>
      <c r="J1490">
        <v>49.972000000000001</v>
      </c>
    </row>
    <row r="1491" spans="1:10" x14ac:dyDescent="0.25">
      <c r="A1491">
        <v>10</v>
      </c>
      <c r="B1491">
        <v>109.39100000000001</v>
      </c>
      <c r="C1491">
        <v>123.395</v>
      </c>
      <c r="D1491">
        <v>184.672</v>
      </c>
      <c r="E1491">
        <v>7200</v>
      </c>
      <c r="F1491">
        <v>10800</v>
      </c>
      <c r="G1491">
        <v>21316.5</v>
      </c>
      <c r="H1491">
        <v>1.85039</v>
      </c>
      <c r="I1491">
        <v>21876</v>
      </c>
      <c r="J1491">
        <v>88.823400000000007</v>
      </c>
    </row>
    <row r="1492" spans="1:10" x14ac:dyDescent="0.25">
      <c r="A1492">
        <v>10</v>
      </c>
      <c r="B1492">
        <v>93.800799999999995</v>
      </c>
      <c r="C1492">
        <v>123.395</v>
      </c>
      <c r="D1492">
        <v>184.04599999999999</v>
      </c>
      <c r="E1492">
        <v>7540.16</v>
      </c>
      <c r="F1492">
        <v>10800</v>
      </c>
      <c r="G1492">
        <v>22677.200000000001</v>
      </c>
      <c r="H1492">
        <v>3.3622000000000001</v>
      </c>
      <c r="I1492">
        <v>20797</v>
      </c>
      <c r="J1492">
        <v>98.487300000000005</v>
      </c>
    </row>
    <row r="1493" spans="1:10" x14ac:dyDescent="0.25">
      <c r="A1493">
        <v>10</v>
      </c>
      <c r="B1493">
        <v>109.155</v>
      </c>
      <c r="C1493">
        <v>119.93899999999999</v>
      </c>
      <c r="D1493">
        <v>189.37299999999999</v>
      </c>
      <c r="E1493">
        <v>10176.4</v>
      </c>
      <c r="F1493">
        <v>12330.7</v>
      </c>
      <c r="G1493">
        <v>25398.400000000001</v>
      </c>
      <c r="H1493">
        <v>1.1181099999999999</v>
      </c>
      <c r="I1493">
        <v>29041.5</v>
      </c>
      <c r="J1493">
        <v>25.363299999999999</v>
      </c>
    </row>
    <row r="1494" spans="1:10" x14ac:dyDescent="0.25">
      <c r="A1494">
        <v>10</v>
      </c>
      <c r="B1494">
        <v>93.800799999999995</v>
      </c>
      <c r="C1494">
        <v>124.96599999999999</v>
      </c>
      <c r="D1494">
        <v>189.68700000000001</v>
      </c>
      <c r="E1494">
        <v>10176.4</v>
      </c>
      <c r="F1494">
        <v>10800</v>
      </c>
      <c r="G1494">
        <v>22677.200000000001</v>
      </c>
      <c r="H1494">
        <v>3.64567</v>
      </c>
      <c r="I1494">
        <v>23204.400000000001</v>
      </c>
      <c r="J1494">
        <v>112.36799999999999</v>
      </c>
    </row>
    <row r="1495" spans="1:10" x14ac:dyDescent="0.25">
      <c r="A1495">
        <v>10</v>
      </c>
      <c r="B1495">
        <v>103.25</v>
      </c>
      <c r="C1495">
        <v>124.652</v>
      </c>
      <c r="D1495">
        <v>189.68700000000001</v>
      </c>
      <c r="E1495">
        <v>7455.12</v>
      </c>
      <c r="F1495">
        <v>11310.2</v>
      </c>
      <c r="G1495">
        <v>19445.7</v>
      </c>
      <c r="H1495">
        <v>3.5748000000000002</v>
      </c>
      <c r="I1495">
        <v>21357.3</v>
      </c>
      <c r="J1495">
        <v>105.423</v>
      </c>
    </row>
    <row r="1496" spans="1:10" x14ac:dyDescent="0.25">
      <c r="A1496">
        <v>10</v>
      </c>
      <c r="B1496">
        <v>108.446</v>
      </c>
      <c r="C1496">
        <v>114.598</v>
      </c>
      <c r="D1496">
        <v>189.06</v>
      </c>
      <c r="E1496">
        <v>7795.28</v>
      </c>
      <c r="F1496">
        <v>11820.5</v>
      </c>
      <c r="G1496">
        <v>22677.200000000001</v>
      </c>
      <c r="H1496">
        <v>2.1574800000000001</v>
      </c>
      <c r="I1496">
        <v>22894.3</v>
      </c>
      <c r="J1496">
        <v>35.488199999999999</v>
      </c>
    </row>
    <row r="1497" spans="1:10" x14ac:dyDescent="0.25">
      <c r="A1497">
        <v>10</v>
      </c>
      <c r="B1497">
        <v>106.79300000000001</v>
      </c>
      <c r="C1497">
        <v>119.93899999999999</v>
      </c>
      <c r="D1497">
        <v>179.97200000000001</v>
      </c>
      <c r="E1497">
        <v>10516.5</v>
      </c>
      <c r="F1497">
        <v>11310.2</v>
      </c>
      <c r="G1497">
        <v>22677.200000000001</v>
      </c>
      <c r="H1497">
        <v>1.54331</v>
      </c>
      <c r="I1497">
        <v>26018.7</v>
      </c>
      <c r="J1497">
        <v>39.747</v>
      </c>
    </row>
    <row r="1498" spans="1:10" x14ac:dyDescent="0.25">
      <c r="A1498">
        <v>10</v>
      </c>
      <c r="B1498">
        <v>109.39100000000001</v>
      </c>
      <c r="C1498">
        <v>119.625</v>
      </c>
      <c r="D1498">
        <v>189.06</v>
      </c>
      <c r="E1498">
        <v>10431.5</v>
      </c>
      <c r="F1498">
        <v>10800</v>
      </c>
      <c r="G1498">
        <v>18255.099999999999</v>
      </c>
      <c r="H1498">
        <v>3.3622000000000001</v>
      </c>
      <c r="I1498">
        <v>23673.4</v>
      </c>
      <c r="J1498">
        <v>22.745200000000001</v>
      </c>
    </row>
    <row r="1499" spans="1:10" x14ac:dyDescent="0.25">
      <c r="A1499">
        <v>10</v>
      </c>
      <c r="B1499">
        <v>94.509399999999999</v>
      </c>
      <c r="C1499">
        <v>114.913</v>
      </c>
      <c r="D1499">
        <v>177.15100000000001</v>
      </c>
      <c r="E1499">
        <v>7710.24</v>
      </c>
      <c r="F1499">
        <v>11310.2</v>
      </c>
      <c r="G1499">
        <v>21316.5</v>
      </c>
      <c r="H1499">
        <v>1.89764</v>
      </c>
      <c r="I1499">
        <v>22878.400000000001</v>
      </c>
      <c r="J1499">
        <v>79.625500000000002</v>
      </c>
    </row>
    <row r="1500" spans="1:10" x14ac:dyDescent="0.25">
      <c r="A1500">
        <v>10</v>
      </c>
      <c r="B1500">
        <v>93.800799999999995</v>
      </c>
      <c r="C1500">
        <v>123.395</v>
      </c>
      <c r="D1500">
        <v>184.04599999999999</v>
      </c>
      <c r="E1500">
        <v>10516.5</v>
      </c>
      <c r="F1500">
        <v>10800</v>
      </c>
      <c r="G1500">
        <v>21316.5</v>
      </c>
      <c r="H1500">
        <v>1.09449</v>
      </c>
      <c r="I1500">
        <v>27072.799999999999</v>
      </c>
      <c r="J1500">
        <v>80.933499999999995</v>
      </c>
    </row>
    <row r="1501" spans="1:10" x14ac:dyDescent="0.25">
      <c r="A1501">
        <v>10</v>
      </c>
      <c r="B1501">
        <v>102.777</v>
      </c>
      <c r="C1501">
        <v>123.081</v>
      </c>
      <c r="D1501">
        <v>182.47900000000001</v>
      </c>
      <c r="E1501">
        <v>7200</v>
      </c>
      <c r="F1501">
        <v>10800</v>
      </c>
      <c r="G1501">
        <v>19955.900000000001</v>
      </c>
      <c r="H1501">
        <v>3.7637800000000001</v>
      </c>
      <c r="I1501">
        <v>20089.900000000001</v>
      </c>
      <c r="J1501">
        <v>33.581899999999997</v>
      </c>
    </row>
    <row r="1502" spans="1:10" x14ac:dyDescent="0.25">
      <c r="A1502">
        <v>10</v>
      </c>
      <c r="B1502">
        <v>102.777</v>
      </c>
      <c r="C1502">
        <v>123.081</v>
      </c>
      <c r="D1502">
        <v>182.47900000000001</v>
      </c>
      <c r="E1502">
        <v>7200</v>
      </c>
      <c r="F1502">
        <v>10800</v>
      </c>
      <c r="G1502">
        <v>19955.900000000001</v>
      </c>
      <c r="H1502">
        <v>3.7637800000000001</v>
      </c>
      <c r="I1502">
        <v>20089.900000000001</v>
      </c>
      <c r="J1502">
        <v>33.581899999999997</v>
      </c>
    </row>
    <row r="1503" spans="1:10" x14ac:dyDescent="0.25">
      <c r="A1503">
        <v>10</v>
      </c>
      <c r="B1503">
        <v>105.848</v>
      </c>
      <c r="C1503">
        <v>114.913</v>
      </c>
      <c r="D1503">
        <v>189.06</v>
      </c>
      <c r="E1503">
        <v>7710.24</v>
      </c>
      <c r="F1503">
        <v>14881.9</v>
      </c>
      <c r="G1503">
        <v>22677.200000000001</v>
      </c>
      <c r="H1503">
        <v>1.09449</v>
      </c>
      <c r="I1503">
        <v>28153.9</v>
      </c>
      <c r="J1503">
        <v>16.915900000000001</v>
      </c>
    </row>
    <row r="1504" spans="1:10" x14ac:dyDescent="0.25">
      <c r="A1504">
        <v>10</v>
      </c>
      <c r="B1504">
        <v>105.848</v>
      </c>
      <c r="C1504">
        <v>114.913</v>
      </c>
      <c r="D1504">
        <v>189.06</v>
      </c>
      <c r="E1504">
        <v>7710.24</v>
      </c>
      <c r="F1504">
        <v>14881.9</v>
      </c>
      <c r="G1504">
        <v>22677.200000000001</v>
      </c>
      <c r="H1504">
        <v>1.09449</v>
      </c>
      <c r="I1504">
        <v>28153.9</v>
      </c>
      <c r="J1504">
        <v>16.915900000000001</v>
      </c>
    </row>
    <row r="1505" spans="1:10" x14ac:dyDescent="0.25">
      <c r="A1505">
        <v>10</v>
      </c>
      <c r="B1505">
        <v>102.777</v>
      </c>
      <c r="C1505">
        <v>123.081</v>
      </c>
      <c r="D1505">
        <v>182.47900000000001</v>
      </c>
      <c r="E1505">
        <v>7200</v>
      </c>
      <c r="F1505">
        <v>10800</v>
      </c>
      <c r="G1505">
        <v>19955.900000000001</v>
      </c>
      <c r="H1505">
        <v>3.7637800000000001</v>
      </c>
      <c r="I1505">
        <v>20089.900000000001</v>
      </c>
      <c r="J1505">
        <v>33.581899999999997</v>
      </c>
    </row>
    <row r="1506" spans="1:10" x14ac:dyDescent="0.25">
      <c r="A1506">
        <v>10</v>
      </c>
      <c r="B1506">
        <v>109.628</v>
      </c>
      <c r="C1506">
        <v>119.93899999999999</v>
      </c>
      <c r="D1506">
        <v>179.03100000000001</v>
      </c>
      <c r="E1506">
        <v>7795.28</v>
      </c>
      <c r="F1506">
        <v>11310.2</v>
      </c>
      <c r="G1506">
        <v>20806.3</v>
      </c>
      <c r="H1506">
        <v>1.89764</v>
      </c>
      <c r="I1506">
        <v>22607</v>
      </c>
      <c r="J1506">
        <v>23.453099999999999</v>
      </c>
    </row>
    <row r="1507" spans="1:10" x14ac:dyDescent="0.25">
      <c r="A1507">
        <v>10</v>
      </c>
      <c r="B1507">
        <v>102.777</v>
      </c>
      <c r="C1507">
        <v>123.081</v>
      </c>
      <c r="D1507">
        <v>182.47900000000001</v>
      </c>
      <c r="E1507">
        <v>7200</v>
      </c>
      <c r="F1507">
        <v>10800</v>
      </c>
      <c r="G1507">
        <v>19955.900000000001</v>
      </c>
      <c r="H1507">
        <v>3.7637800000000001</v>
      </c>
      <c r="I1507">
        <v>20089.900000000001</v>
      </c>
      <c r="J1507">
        <v>33.581899999999997</v>
      </c>
    </row>
    <row r="1508" spans="1:10" x14ac:dyDescent="0.25">
      <c r="A1508">
        <v>10</v>
      </c>
      <c r="B1508">
        <v>109.628</v>
      </c>
      <c r="C1508">
        <v>119.93899999999999</v>
      </c>
      <c r="D1508">
        <v>179.03100000000001</v>
      </c>
      <c r="E1508">
        <v>7795.28</v>
      </c>
      <c r="F1508">
        <v>11310.2</v>
      </c>
      <c r="G1508">
        <v>20806.3</v>
      </c>
      <c r="H1508">
        <v>1.89764</v>
      </c>
      <c r="I1508">
        <v>22607</v>
      </c>
      <c r="J1508">
        <v>23.453099999999999</v>
      </c>
    </row>
    <row r="1509" spans="1:10" x14ac:dyDescent="0.25">
      <c r="A1509">
        <v>10</v>
      </c>
      <c r="B1509">
        <v>105.848</v>
      </c>
      <c r="C1509">
        <v>114.913</v>
      </c>
      <c r="D1509">
        <v>189.06</v>
      </c>
      <c r="E1509">
        <v>7710.24</v>
      </c>
      <c r="F1509">
        <v>14881.9</v>
      </c>
      <c r="G1509">
        <v>22677.200000000001</v>
      </c>
      <c r="H1509">
        <v>1.09449</v>
      </c>
      <c r="I1509">
        <v>28153.9</v>
      </c>
      <c r="J1509">
        <v>16.915900000000001</v>
      </c>
    </row>
    <row r="1510" spans="1:10" x14ac:dyDescent="0.25">
      <c r="A1510">
        <v>10</v>
      </c>
      <c r="B1510">
        <v>102.777</v>
      </c>
      <c r="C1510">
        <v>123.081</v>
      </c>
      <c r="D1510">
        <v>182.47900000000001</v>
      </c>
      <c r="E1510">
        <v>7200</v>
      </c>
      <c r="F1510">
        <v>10800</v>
      </c>
      <c r="G1510">
        <v>19955.900000000001</v>
      </c>
      <c r="H1510">
        <v>3.7637800000000001</v>
      </c>
      <c r="I1510">
        <v>20089.900000000001</v>
      </c>
      <c r="J1510">
        <v>33.581899999999997</v>
      </c>
    </row>
    <row r="1511" spans="1:10" x14ac:dyDescent="0.25">
      <c r="A1511">
        <v>10</v>
      </c>
      <c r="B1511">
        <v>105.848</v>
      </c>
      <c r="C1511">
        <v>114.913</v>
      </c>
      <c r="D1511">
        <v>189.06</v>
      </c>
      <c r="E1511">
        <v>7710.24</v>
      </c>
      <c r="F1511">
        <v>14881.9</v>
      </c>
      <c r="G1511">
        <v>22677.200000000001</v>
      </c>
      <c r="H1511">
        <v>1.09449</v>
      </c>
      <c r="I1511">
        <v>28153.9</v>
      </c>
      <c r="J1511">
        <v>16.915900000000001</v>
      </c>
    </row>
    <row r="1512" spans="1:10" x14ac:dyDescent="0.25">
      <c r="A1512">
        <v>10</v>
      </c>
      <c r="B1512">
        <v>109.628</v>
      </c>
      <c r="C1512">
        <v>119.93899999999999</v>
      </c>
      <c r="D1512">
        <v>179.03100000000001</v>
      </c>
      <c r="E1512">
        <v>7795.28</v>
      </c>
      <c r="F1512">
        <v>11310.2</v>
      </c>
      <c r="G1512">
        <v>20806.3</v>
      </c>
      <c r="H1512">
        <v>1.89764</v>
      </c>
      <c r="I1512">
        <v>22607</v>
      </c>
      <c r="J1512">
        <v>23.453099999999999</v>
      </c>
    </row>
    <row r="1513" spans="1:10" x14ac:dyDescent="0.25">
      <c r="A1513">
        <v>10</v>
      </c>
      <c r="B1513">
        <v>102.777</v>
      </c>
      <c r="C1513">
        <v>123.081</v>
      </c>
      <c r="D1513">
        <v>182.47900000000001</v>
      </c>
      <c r="E1513">
        <v>7200</v>
      </c>
      <c r="F1513">
        <v>10800</v>
      </c>
      <c r="G1513">
        <v>19955.900000000001</v>
      </c>
      <c r="H1513">
        <v>3.7637800000000001</v>
      </c>
      <c r="I1513">
        <v>20089.900000000001</v>
      </c>
      <c r="J1513">
        <v>33.581899999999997</v>
      </c>
    </row>
    <row r="1514" spans="1:10" x14ac:dyDescent="0.25">
      <c r="A1514">
        <v>10</v>
      </c>
      <c r="B1514">
        <v>105.848</v>
      </c>
      <c r="C1514">
        <v>114.913</v>
      </c>
      <c r="D1514">
        <v>189.06</v>
      </c>
      <c r="E1514">
        <v>7710.24</v>
      </c>
      <c r="F1514">
        <v>14881.9</v>
      </c>
      <c r="G1514">
        <v>22677.200000000001</v>
      </c>
      <c r="H1514">
        <v>1.09449</v>
      </c>
      <c r="I1514">
        <v>28153.9</v>
      </c>
      <c r="J1514">
        <v>16.915900000000001</v>
      </c>
    </row>
    <row r="1515" spans="1:10" x14ac:dyDescent="0.25">
      <c r="A1515">
        <v>10</v>
      </c>
      <c r="B1515">
        <v>109.628</v>
      </c>
      <c r="C1515">
        <v>119.93899999999999</v>
      </c>
      <c r="D1515">
        <v>179.03100000000001</v>
      </c>
      <c r="E1515">
        <v>7795.28</v>
      </c>
      <c r="F1515">
        <v>11310.2</v>
      </c>
      <c r="G1515">
        <v>20806.3</v>
      </c>
      <c r="H1515">
        <v>1.89764</v>
      </c>
      <c r="I1515">
        <v>22607</v>
      </c>
      <c r="J1515">
        <v>23.453099999999999</v>
      </c>
    </row>
    <row r="1516" spans="1:10" x14ac:dyDescent="0.25">
      <c r="A1516">
        <v>10</v>
      </c>
      <c r="B1516">
        <v>102.777</v>
      </c>
      <c r="C1516">
        <v>123.081</v>
      </c>
      <c r="D1516">
        <v>182.47900000000001</v>
      </c>
      <c r="E1516">
        <v>7200</v>
      </c>
      <c r="F1516">
        <v>10800</v>
      </c>
      <c r="G1516">
        <v>19955.900000000001</v>
      </c>
      <c r="H1516">
        <v>3.7637800000000001</v>
      </c>
      <c r="I1516">
        <v>20089.900000000001</v>
      </c>
      <c r="J1516">
        <v>33.581899999999997</v>
      </c>
    </row>
    <row r="1517" spans="1:10" x14ac:dyDescent="0.25">
      <c r="A1517">
        <v>10</v>
      </c>
      <c r="B1517">
        <v>102.777</v>
      </c>
      <c r="C1517">
        <v>123.081</v>
      </c>
      <c r="D1517">
        <v>182.47900000000001</v>
      </c>
      <c r="E1517">
        <v>7200</v>
      </c>
      <c r="F1517">
        <v>10800</v>
      </c>
      <c r="G1517">
        <v>19955.900000000001</v>
      </c>
      <c r="H1517">
        <v>3.7637800000000001</v>
      </c>
      <c r="I1517">
        <v>20089.900000000001</v>
      </c>
      <c r="J1517">
        <v>33.581899999999997</v>
      </c>
    </row>
    <row r="1518" spans="1:10" x14ac:dyDescent="0.25">
      <c r="A1518">
        <v>10</v>
      </c>
      <c r="B1518">
        <v>109.628</v>
      </c>
      <c r="C1518">
        <v>119.93899999999999</v>
      </c>
      <c r="D1518">
        <v>179.03100000000001</v>
      </c>
      <c r="E1518">
        <v>7795.28</v>
      </c>
      <c r="F1518">
        <v>11310.2</v>
      </c>
      <c r="G1518">
        <v>20806.3</v>
      </c>
      <c r="H1518">
        <v>1.89764</v>
      </c>
      <c r="I1518">
        <v>22607</v>
      </c>
      <c r="J1518">
        <v>23.453099999999999</v>
      </c>
    </row>
    <row r="1519" spans="1:10" x14ac:dyDescent="0.25">
      <c r="A1519">
        <v>10</v>
      </c>
      <c r="B1519">
        <v>102.777</v>
      </c>
      <c r="C1519">
        <v>123.081</v>
      </c>
      <c r="D1519">
        <v>182.47900000000001</v>
      </c>
      <c r="E1519">
        <v>7200</v>
      </c>
      <c r="F1519">
        <v>10800</v>
      </c>
      <c r="G1519">
        <v>19955.900000000001</v>
      </c>
      <c r="H1519">
        <v>3.7637800000000001</v>
      </c>
      <c r="I1519">
        <v>20089.900000000001</v>
      </c>
      <c r="J1519">
        <v>33.581899999999997</v>
      </c>
    </row>
    <row r="1520" spans="1:10" x14ac:dyDescent="0.25">
      <c r="A1520">
        <v>10</v>
      </c>
      <c r="B1520">
        <v>102.777</v>
      </c>
      <c r="C1520">
        <v>123.081</v>
      </c>
      <c r="D1520">
        <v>182.47900000000001</v>
      </c>
      <c r="E1520">
        <v>7200</v>
      </c>
      <c r="F1520">
        <v>10800</v>
      </c>
      <c r="G1520">
        <v>19955.900000000001</v>
      </c>
      <c r="H1520">
        <v>3.7637800000000001</v>
      </c>
      <c r="I1520">
        <v>20089.900000000001</v>
      </c>
      <c r="J1520">
        <v>33.581899999999997</v>
      </c>
    </row>
    <row r="1521" spans="1:10" x14ac:dyDescent="0.25">
      <c r="A1521">
        <v>10</v>
      </c>
      <c r="B1521">
        <v>108.446</v>
      </c>
      <c r="C1521">
        <v>118.369</v>
      </c>
      <c r="D1521">
        <v>189.68700000000001</v>
      </c>
      <c r="E1521">
        <v>10431.5</v>
      </c>
      <c r="F1521">
        <v>10800</v>
      </c>
      <c r="G1521">
        <v>19955.900000000001</v>
      </c>
      <c r="H1521">
        <v>1.1181099999999999</v>
      </c>
      <c r="I1521">
        <v>26820.6</v>
      </c>
      <c r="J1521">
        <v>17.5837</v>
      </c>
    </row>
    <row r="1522" spans="1:10" x14ac:dyDescent="0.25">
      <c r="A1522">
        <v>10</v>
      </c>
      <c r="B1522">
        <v>108.68300000000001</v>
      </c>
      <c r="C1522">
        <v>124.652</v>
      </c>
      <c r="D1522">
        <v>168.06299999999999</v>
      </c>
      <c r="E1522">
        <v>10516.5</v>
      </c>
      <c r="F1522">
        <v>11310.2</v>
      </c>
      <c r="G1522">
        <v>19615.7</v>
      </c>
      <c r="H1522">
        <v>2.25197</v>
      </c>
      <c r="I1522">
        <v>26608.1</v>
      </c>
      <c r="J1522">
        <v>20.0974</v>
      </c>
    </row>
    <row r="1523" spans="1:10" x14ac:dyDescent="0.25">
      <c r="A1523">
        <v>10</v>
      </c>
      <c r="B1523">
        <v>94.273200000000003</v>
      </c>
      <c r="C1523">
        <v>123.395</v>
      </c>
      <c r="D1523">
        <v>184.672</v>
      </c>
      <c r="E1523">
        <v>7370.08</v>
      </c>
      <c r="F1523">
        <v>10800</v>
      </c>
      <c r="G1523">
        <v>22677.200000000001</v>
      </c>
      <c r="H1523">
        <v>1.89764</v>
      </c>
      <c r="I1523">
        <v>21792.9</v>
      </c>
      <c r="J1523">
        <v>31.204499999999999</v>
      </c>
    </row>
    <row r="1524" spans="1:10" x14ac:dyDescent="0.25">
      <c r="A1524">
        <v>10</v>
      </c>
      <c r="B1524">
        <v>109.628</v>
      </c>
      <c r="C1524">
        <v>119.93899999999999</v>
      </c>
      <c r="D1524">
        <v>179.03100000000001</v>
      </c>
      <c r="E1524">
        <v>7795.28</v>
      </c>
      <c r="F1524">
        <v>11310.2</v>
      </c>
      <c r="G1524">
        <v>20806.3</v>
      </c>
      <c r="H1524">
        <v>1.89764</v>
      </c>
      <c r="I1524">
        <v>22607</v>
      </c>
      <c r="J1524">
        <v>23.453099999999999</v>
      </c>
    </row>
    <row r="1525" spans="1:10" x14ac:dyDescent="0.25">
      <c r="A1525">
        <v>10</v>
      </c>
      <c r="B1525">
        <v>106.79300000000001</v>
      </c>
      <c r="C1525">
        <v>124.024</v>
      </c>
      <c r="D1525">
        <v>184.04599999999999</v>
      </c>
      <c r="E1525">
        <v>10516.5</v>
      </c>
      <c r="F1525">
        <v>19984.3</v>
      </c>
      <c r="G1525">
        <v>20636.2</v>
      </c>
      <c r="H1525">
        <v>2.25197</v>
      </c>
      <c r="I1525">
        <v>36430.5</v>
      </c>
      <c r="J1525">
        <v>16.778199999999998</v>
      </c>
    </row>
    <row r="1526" spans="1:10" x14ac:dyDescent="0.25">
      <c r="A1526">
        <v>10</v>
      </c>
      <c r="B1526">
        <v>102.777</v>
      </c>
      <c r="C1526">
        <v>123.081</v>
      </c>
      <c r="D1526">
        <v>182.47900000000001</v>
      </c>
      <c r="E1526">
        <v>7200</v>
      </c>
      <c r="F1526">
        <v>10800</v>
      </c>
      <c r="G1526">
        <v>19955.900000000001</v>
      </c>
      <c r="H1526">
        <v>3.7637800000000001</v>
      </c>
      <c r="I1526">
        <v>20089.900000000001</v>
      </c>
      <c r="J1526">
        <v>33.581899999999997</v>
      </c>
    </row>
    <row r="1527" spans="1:10" x14ac:dyDescent="0.25">
      <c r="A1527">
        <v>10</v>
      </c>
      <c r="B1527">
        <v>94.273200000000003</v>
      </c>
      <c r="C1527">
        <v>123.395</v>
      </c>
      <c r="D1527">
        <v>189.68700000000001</v>
      </c>
      <c r="E1527">
        <v>7370.08</v>
      </c>
      <c r="F1527">
        <v>10800</v>
      </c>
      <c r="G1527">
        <v>22677.200000000001</v>
      </c>
      <c r="H1527">
        <v>1.82677</v>
      </c>
      <c r="I1527">
        <v>21744.9</v>
      </c>
      <c r="J1527">
        <v>31.503900000000002</v>
      </c>
    </row>
    <row r="1528" spans="1:10" x14ac:dyDescent="0.25">
      <c r="A1528">
        <v>10</v>
      </c>
      <c r="B1528">
        <v>108.446</v>
      </c>
      <c r="C1528">
        <v>118.369</v>
      </c>
      <c r="D1528">
        <v>189.68700000000001</v>
      </c>
      <c r="E1528">
        <v>10431.5</v>
      </c>
      <c r="F1528">
        <v>10800</v>
      </c>
      <c r="G1528">
        <v>19955.900000000001</v>
      </c>
      <c r="H1528">
        <v>1.1181099999999999</v>
      </c>
      <c r="I1528">
        <v>26820.6</v>
      </c>
      <c r="J1528">
        <v>17.5837</v>
      </c>
    </row>
    <row r="1529" spans="1:10" x14ac:dyDescent="0.25">
      <c r="A1529">
        <v>10</v>
      </c>
      <c r="B1529">
        <v>108.446</v>
      </c>
      <c r="C1529">
        <v>118.369</v>
      </c>
      <c r="D1529">
        <v>189.68700000000001</v>
      </c>
      <c r="E1529">
        <v>10431.5</v>
      </c>
      <c r="F1529">
        <v>10800</v>
      </c>
      <c r="G1529">
        <v>19955.900000000001</v>
      </c>
      <c r="H1529">
        <v>1.1181099999999999</v>
      </c>
      <c r="I1529">
        <v>26820.6</v>
      </c>
      <c r="J1529">
        <v>17.5837</v>
      </c>
    </row>
    <row r="1530" spans="1:10" x14ac:dyDescent="0.25">
      <c r="A1530">
        <v>10</v>
      </c>
      <c r="B1530">
        <v>109.628</v>
      </c>
      <c r="C1530">
        <v>119.93899999999999</v>
      </c>
      <c r="D1530">
        <v>177.15100000000001</v>
      </c>
      <c r="E1530">
        <v>7795.28</v>
      </c>
      <c r="F1530">
        <v>11310.2</v>
      </c>
      <c r="G1530">
        <v>21316.5</v>
      </c>
      <c r="H1530">
        <v>1.92126</v>
      </c>
      <c r="I1530">
        <v>22595.3</v>
      </c>
      <c r="J1530">
        <v>26.522200000000002</v>
      </c>
    </row>
    <row r="1531" spans="1:10" x14ac:dyDescent="0.25">
      <c r="A1531">
        <v>10</v>
      </c>
      <c r="B1531">
        <v>102.777</v>
      </c>
      <c r="C1531">
        <v>123.081</v>
      </c>
      <c r="D1531">
        <v>182.47900000000001</v>
      </c>
      <c r="E1531">
        <v>7200</v>
      </c>
      <c r="F1531">
        <v>10800</v>
      </c>
      <c r="G1531">
        <v>19955.900000000001</v>
      </c>
      <c r="H1531">
        <v>3.7637800000000001</v>
      </c>
      <c r="I1531">
        <v>20089.900000000001</v>
      </c>
      <c r="J1531">
        <v>33.581899999999997</v>
      </c>
    </row>
    <row r="1532" spans="1:10" x14ac:dyDescent="0.25">
      <c r="A1532">
        <v>10</v>
      </c>
      <c r="B1532">
        <v>102.777</v>
      </c>
      <c r="C1532">
        <v>123.081</v>
      </c>
      <c r="D1532">
        <v>182.47900000000001</v>
      </c>
      <c r="E1532">
        <v>7200</v>
      </c>
      <c r="F1532">
        <v>10800</v>
      </c>
      <c r="G1532">
        <v>19955.900000000001</v>
      </c>
      <c r="H1532">
        <v>3.7637800000000001</v>
      </c>
      <c r="I1532">
        <v>20089.900000000001</v>
      </c>
      <c r="J1532">
        <v>33.581899999999997</v>
      </c>
    </row>
    <row r="1533" spans="1:10" x14ac:dyDescent="0.25">
      <c r="A1533">
        <v>10</v>
      </c>
      <c r="B1533">
        <v>109.628</v>
      </c>
      <c r="C1533">
        <v>119.93899999999999</v>
      </c>
      <c r="D1533">
        <v>179.03100000000001</v>
      </c>
      <c r="E1533">
        <v>7795.28</v>
      </c>
      <c r="F1533">
        <v>11310.2</v>
      </c>
      <c r="G1533">
        <v>20806.3</v>
      </c>
      <c r="H1533">
        <v>1.89764</v>
      </c>
      <c r="I1533">
        <v>22607</v>
      </c>
      <c r="J1533">
        <v>23.453099999999999</v>
      </c>
    </row>
    <row r="1534" spans="1:10" x14ac:dyDescent="0.25">
      <c r="A1534">
        <v>10</v>
      </c>
      <c r="B1534">
        <v>108.446</v>
      </c>
      <c r="C1534">
        <v>119.93899999999999</v>
      </c>
      <c r="D1534">
        <v>190</v>
      </c>
      <c r="E1534">
        <v>10176.4</v>
      </c>
      <c r="F1534">
        <v>11310.2</v>
      </c>
      <c r="G1534">
        <v>19615.7</v>
      </c>
      <c r="H1534">
        <v>2.6299199999999998</v>
      </c>
      <c r="I1534">
        <v>24716.3</v>
      </c>
      <c r="J1534">
        <v>21.4544</v>
      </c>
    </row>
    <row r="1535" spans="1:10" x14ac:dyDescent="0.25">
      <c r="A1535">
        <v>10</v>
      </c>
      <c r="B1535">
        <v>102.777</v>
      </c>
      <c r="C1535">
        <v>123.081</v>
      </c>
      <c r="D1535">
        <v>182.47900000000001</v>
      </c>
      <c r="E1535">
        <v>7200</v>
      </c>
      <c r="F1535">
        <v>10800</v>
      </c>
      <c r="G1535">
        <v>19955.900000000001</v>
      </c>
      <c r="H1535">
        <v>3.7637800000000001</v>
      </c>
      <c r="I1535">
        <v>20089.900000000001</v>
      </c>
      <c r="J1535">
        <v>33.581899999999997</v>
      </c>
    </row>
    <row r="1536" spans="1:10" x14ac:dyDescent="0.25">
      <c r="A1536">
        <v>10</v>
      </c>
      <c r="B1536">
        <v>109.39100000000001</v>
      </c>
      <c r="C1536">
        <v>119.625</v>
      </c>
      <c r="D1536">
        <v>189.06</v>
      </c>
      <c r="E1536">
        <v>10431.5</v>
      </c>
      <c r="F1536">
        <v>10800</v>
      </c>
      <c r="G1536">
        <v>18255.099999999999</v>
      </c>
      <c r="H1536">
        <v>3.3622000000000001</v>
      </c>
      <c r="I1536">
        <v>23673.4</v>
      </c>
      <c r="J1536">
        <v>22.745200000000001</v>
      </c>
    </row>
    <row r="1541" spans="1:10" x14ac:dyDescent="0.25">
      <c r="A1541">
        <v>11</v>
      </c>
      <c r="B1541">
        <v>109.628</v>
      </c>
      <c r="C1541">
        <v>119.93899999999999</v>
      </c>
      <c r="D1541">
        <v>179.03100000000001</v>
      </c>
      <c r="E1541">
        <v>7795.28</v>
      </c>
      <c r="F1541">
        <v>11310.2</v>
      </c>
      <c r="G1541">
        <v>20806.3</v>
      </c>
      <c r="H1541">
        <v>1.89764</v>
      </c>
      <c r="I1541">
        <v>22607</v>
      </c>
      <c r="J1541">
        <v>23.453099999999999</v>
      </c>
    </row>
    <row r="1542" spans="1:10" x14ac:dyDescent="0.25">
      <c r="A1542">
        <v>11</v>
      </c>
      <c r="B1542">
        <v>102.777</v>
      </c>
      <c r="C1542">
        <v>123.081</v>
      </c>
      <c r="D1542">
        <v>182.47900000000001</v>
      </c>
      <c r="E1542">
        <v>7200</v>
      </c>
      <c r="F1542">
        <v>10800</v>
      </c>
      <c r="G1542">
        <v>19955.900000000001</v>
      </c>
      <c r="H1542">
        <v>3.7637800000000001</v>
      </c>
      <c r="I1542">
        <v>20089.900000000001</v>
      </c>
      <c r="J1542">
        <v>33.581899999999997</v>
      </c>
    </row>
    <row r="1543" spans="1:10" x14ac:dyDescent="0.25">
      <c r="A1543">
        <v>11</v>
      </c>
      <c r="B1543">
        <v>108.446</v>
      </c>
      <c r="C1543">
        <v>118.369</v>
      </c>
      <c r="D1543">
        <v>189.68700000000001</v>
      </c>
      <c r="E1543">
        <v>10431.5</v>
      </c>
      <c r="F1543">
        <v>10800</v>
      </c>
      <c r="G1543">
        <v>19955.900000000001</v>
      </c>
      <c r="H1543">
        <v>1.1181099999999999</v>
      </c>
      <c r="I1543">
        <v>26820.6</v>
      </c>
      <c r="J1543">
        <v>17.5837</v>
      </c>
    </row>
    <row r="1544" spans="1:10" x14ac:dyDescent="0.25">
      <c r="A1544">
        <v>11</v>
      </c>
      <c r="B1544">
        <v>105.848</v>
      </c>
      <c r="C1544">
        <v>114.913</v>
      </c>
      <c r="D1544">
        <v>189.06</v>
      </c>
      <c r="E1544">
        <v>7710.24</v>
      </c>
      <c r="F1544">
        <v>14881.9</v>
      </c>
      <c r="G1544">
        <v>22677.200000000001</v>
      </c>
      <c r="H1544">
        <v>1.09449</v>
      </c>
      <c r="I1544">
        <v>28153.9</v>
      </c>
      <c r="J1544">
        <v>16.915900000000001</v>
      </c>
    </row>
    <row r="1545" spans="1:10" x14ac:dyDescent="0.25">
      <c r="A1545">
        <v>11</v>
      </c>
      <c r="B1545">
        <v>109.39100000000001</v>
      </c>
      <c r="C1545">
        <v>119.625</v>
      </c>
      <c r="D1545">
        <v>189.06</v>
      </c>
      <c r="E1545">
        <v>10431.5</v>
      </c>
      <c r="F1545">
        <v>10800</v>
      </c>
      <c r="G1545">
        <v>18255.099999999999</v>
      </c>
      <c r="H1545">
        <v>3.3622000000000001</v>
      </c>
      <c r="I1545">
        <v>23673.4</v>
      </c>
      <c r="J1545">
        <v>22.745200000000001</v>
      </c>
    </row>
    <row r="1546" spans="1:10" x14ac:dyDescent="0.25">
      <c r="A1546">
        <v>11</v>
      </c>
      <c r="B1546">
        <v>93.328299999999999</v>
      </c>
      <c r="C1546">
        <v>123.395</v>
      </c>
      <c r="D1546">
        <v>184.672</v>
      </c>
      <c r="E1546">
        <v>7370.08</v>
      </c>
      <c r="F1546">
        <v>10800</v>
      </c>
      <c r="G1546">
        <v>21316.5</v>
      </c>
      <c r="H1546">
        <v>1.85039</v>
      </c>
      <c r="I1546">
        <v>21758.799999999999</v>
      </c>
      <c r="J1546">
        <v>32.678800000000003</v>
      </c>
    </row>
    <row r="1547" spans="1:10" x14ac:dyDescent="0.25">
      <c r="A1547">
        <v>11</v>
      </c>
      <c r="B1547">
        <v>109.628</v>
      </c>
      <c r="C1547">
        <v>119.93899999999999</v>
      </c>
      <c r="D1547">
        <v>177.15100000000001</v>
      </c>
      <c r="E1547">
        <v>7795.28</v>
      </c>
      <c r="F1547">
        <v>11310.2</v>
      </c>
      <c r="G1547">
        <v>21316.5</v>
      </c>
      <c r="H1547">
        <v>1.92126</v>
      </c>
      <c r="I1547">
        <v>22595.3</v>
      </c>
      <c r="J1547">
        <v>26.522200000000002</v>
      </c>
    </row>
    <row r="1548" spans="1:10" x14ac:dyDescent="0.25">
      <c r="A1548">
        <v>11</v>
      </c>
      <c r="B1548">
        <v>108.446</v>
      </c>
      <c r="C1548">
        <v>119.93899999999999</v>
      </c>
      <c r="D1548">
        <v>190</v>
      </c>
      <c r="E1548">
        <v>10176.4</v>
      </c>
      <c r="F1548">
        <v>11310.2</v>
      </c>
      <c r="G1548">
        <v>19615.7</v>
      </c>
      <c r="H1548">
        <v>2.6299199999999998</v>
      </c>
      <c r="I1548">
        <v>24716.3</v>
      </c>
      <c r="J1548">
        <v>21.4544</v>
      </c>
    </row>
    <row r="1549" spans="1:10" x14ac:dyDescent="0.25">
      <c r="A1549">
        <v>11</v>
      </c>
      <c r="B1549">
        <v>108.446</v>
      </c>
      <c r="C1549">
        <v>114.598</v>
      </c>
      <c r="D1549">
        <v>189.37299999999999</v>
      </c>
      <c r="E1549">
        <v>10431.5</v>
      </c>
      <c r="F1549">
        <v>12330.7</v>
      </c>
      <c r="G1549">
        <v>22677.200000000001</v>
      </c>
      <c r="H1549">
        <v>2.1574800000000001</v>
      </c>
      <c r="I1549">
        <v>25902.1</v>
      </c>
      <c r="J1549">
        <v>34.198700000000002</v>
      </c>
    </row>
    <row r="1550" spans="1:10" x14ac:dyDescent="0.25">
      <c r="A1550">
        <v>11</v>
      </c>
      <c r="B1550">
        <v>93.800799999999995</v>
      </c>
      <c r="C1550">
        <v>123.395</v>
      </c>
      <c r="D1550">
        <v>177.15100000000001</v>
      </c>
      <c r="E1550">
        <v>7710.24</v>
      </c>
      <c r="F1550">
        <v>27637.8</v>
      </c>
      <c r="G1550">
        <v>19785.8</v>
      </c>
      <c r="H1550">
        <v>3.59843</v>
      </c>
      <c r="I1550">
        <v>39015.699999999997</v>
      </c>
      <c r="J1550">
        <v>108.901</v>
      </c>
    </row>
    <row r="1551" spans="1:10" x14ac:dyDescent="0.25">
      <c r="A1551">
        <v>11</v>
      </c>
      <c r="B1551">
        <v>94.273200000000003</v>
      </c>
      <c r="C1551">
        <v>113.65600000000001</v>
      </c>
      <c r="D1551">
        <v>190</v>
      </c>
      <c r="E1551">
        <v>7370.08</v>
      </c>
      <c r="F1551">
        <v>11310.2</v>
      </c>
      <c r="G1551">
        <v>22677.200000000001</v>
      </c>
      <c r="H1551">
        <v>1.47244</v>
      </c>
      <c r="I1551">
        <v>23266.3</v>
      </c>
      <c r="J1551">
        <v>81.227900000000005</v>
      </c>
    </row>
    <row r="1552" spans="1:10" x14ac:dyDescent="0.25">
      <c r="A1552">
        <v>11</v>
      </c>
      <c r="B1552">
        <v>109.39100000000001</v>
      </c>
      <c r="C1552">
        <v>119.93899999999999</v>
      </c>
      <c r="D1552">
        <v>189.37299999999999</v>
      </c>
      <c r="E1552">
        <v>7370.08</v>
      </c>
      <c r="F1552">
        <v>14881.9</v>
      </c>
      <c r="G1552">
        <v>18595.3</v>
      </c>
      <c r="H1552">
        <v>2.6063000000000001</v>
      </c>
      <c r="I1552">
        <v>26882.400000000001</v>
      </c>
      <c r="J1552">
        <v>29.5427</v>
      </c>
    </row>
    <row r="1553" spans="1:10" x14ac:dyDescent="0.25">
      <c r="A1553">
        <v>11</v>
      </c>
      <c r="B1553">
        <v>104.90300000000001</v>
      </c>
      <c r="C1553">
        <v>119.625</v>
      </c>
      <c r="D1553">
        <v>190</v>
      </c>
      <c r="E1553">
        <v>7455.12</v>
      </c>
      <c r="F1553">
        <v>10800</v>
      </c>
      <c r="G1553">
        <v>19615.7</v>
      </c>
      <c r="H1553">
        <v>2.9133900000000001</v>
      </c>
      <c r="I1553">
        <v>20834.099999999999</v>
      </c>
      <c r="J1553">
        <v>36.645499999999998</v>
      </c>
    </row>
    <row r="1554" spans="1:10" x14ac:dyDescent="0.25">
      <c r="A1554">
        <v>11</v>
      </c>
      <c r="B1554">
        <v>93.328299999999999</v>
      </c>
      <c r="C1554">
        <v>119.625</v>
      </c>
      <c r="D1554">
        <v>190</v>
      </c>
      <c r="E1554">
        <v>7370.08</v>
      </c>
      <c r="F1554">
        <v>10800</v>
      </c>
      <c r="G1554">
        <v>22677.200000000001</v>
      </c>
      <c r="H1554">
        <v>2.9842499999999998</v>
      </c>
      <c r="I1554">
        <v>20729.2</v>
      </c>
      <c r="J1554">
        <v>56.484400000000001</v>
      </c>
    </row>
    <row r="1555" spans="1:10" x14ac:dyDescent="0.25">
      <c r="A1555">
        <v>11</v>
      </c>
      <c r="B1555">
        <v>108.446</v>
      </c>
      <c r="C1555">
        <v>119.93899999999999</v>
      </c>
      <c r="D1555">
        <v>190</v>
      </c>
      <c r="E1555">
        <v>10091.299999999999</v>
      </c>
      <c r="F1555">
        <v>11310.2</v>
      </c>
      <c r="G1555">
        <v>19955.900000000001</v>
      </c>
      <c r="H1555">
        <v>2.6299199999999998</v>
      </c>
      <c r="I1555">
        <v>24602.6</v>
      </c>
      <c r="J1555">
        <v>20.759599999999999</v>
      </c>
    </row>
    <row r="1556" spans="1:10" x14ac:dyDescent="0.25">
      <c r="A1556">
        <v>11</v>
      </c>
      <c r="B1556">
        <v>105.848</v>
      </c>
      <c r="C1556">
        <v>114.598</v>
      </c>
      <c r="D1556">
        <v>189.37299999999999</v>
      </c>
      <c r="E1556">
        <v>7710.24</v>
      </c>
      <c r="F1556">
        <v>15392.1</v>
      </c>
      <c r="G1556">
        <v>22677.200000000001</v>
      </c>
      <c r="H1556">
        <v>1.09449</v>
      </c>
      <c r="I1556">
        <v>28501.3</v>
      </c>
      <c r="J1556">
        <v>18.190999999999999</v>
      </c>
    </row>
    <row r="1557" spans="1:10" x14ac:dyDescent="0.25">
      <c r="A1557">
        <v>11</v>
      </c>
      <c r="B1557">
        <v>104.667</v>
      </c>
      <c r="C1557">
        <v>114.598</v>
      </c>
      <c r="D1557">
        <v>189.68700000000001</v>
      </c>
      <c r="E1557">
        <v>7370.08</v>
      </c>
      <c r="F1557">
        <v>10800</v>
      </c>
      <c r="G1557">
        <v>19955.900000000001</v>
      </c>
      <c r="H1557">
        <v>3.55118</v>
      </c>
      <c r="I1557">
        <v>20575.3</v>
      </c>
      <c r="J1557">
        <v>77.989099999999993</v>
      </c>
    </row>
    <row r="1558" spans="1:10" x14ac:dyDescent="0.25">
      <c r="A1558">
        <v>11</v>
      </c>
      <c r="B1558">
        <v>110.1</v>
      </c>
      <c r="C1558">
        <v>114.598</v>
      </c>
      <c r="D1558">
        <v>189.37299999999999</v>
      </c>
      <c r="E1558">
        <v>10176.4</v>
      </c>
      <c r="F1558">
        <v>11310.2</v>
      </c>
      <c r="G1558">
        <v>18595.3</v>
      </c>
      <c r="H1558">
        <v>3.7401599999999999</v>
      </c>
      <c r="I1558">
        <v>23703.8</v>
      </c>
      <c r="J1558">
        <v>38.1021</v>
      </c>
    </row>
    <row r="1559" spans="1:10" x14ac:dyDescent="0.25">
      <c r="A1559">
        <v>11</v>
      </c>
      <c r="B1559">
        <v>108.919</v>
      </c>
      <c r="C1559">
        <v>118.369</v>
      </c>
      <c r="D1559">
        <v>190</v>
      </c>
      <c r="E1559">
        <v>7370.08</v>
      </c>
      <c r="F1559">
        <v>11310.2</v>
      </c>
      <c r="G1559">
        <v>19955.900000000001</v>
      </c>
      <c r="H1559">
        <v>2.6063000000000001</v>
      </c>
      <c r="I1559">
        <v>21420.5</v>
      </c>
      <c r="J1559">
        <v>34.633800000000001</v>
      </c>
    </row>
    <row r="1560" spans="1:10" x14ac:dyDescent="0.25">
      <c r="A1560">
        <v>11</v>
      </c>
      <c r="B1560">
        <v>109.39100000000001</v>
      </c>
      <c r="C1560">
        <v>119.31100000000001</v>
      </c>
      <c r="D1560">
        <v>189.68700000000001</v>
      </c>
      <c r="E1560">
        <v>10176.4</v>
      </c>
      <c r="F1560">
        <v>10800</v>
      </c>
      <c r="G1560">
        <v>19955.900000000001</v>
      </c>
      <c r="H1560">
        <v>3.10236</v>
      </c>
      <c r="I1560">
        <v>23630.5</v>
      </c>
      <c r="J1560">
        <v>57.545000000000002</v>
      </c>
    </row>
    <row r="1561" spans="1:10" x14ac:dyDescent="0.25">
      <c r="A1561">
        <v>11</v>
      </c>
      <c r="B1561">
        <v>109.39100000000001</v>
      </c>
      <c r="C1561">
        <v>113.342</v>
      </c>
      <c r="D1561">
        <v>189.06</v>
      </c>
      <c r="E1561">
        <v>7710.24</v>
      </c>
      <c r="F1561">
        <v>11310.2</v>
      </c>
      <c r="G1561">
        <v>18595.3</v>
      </c>
      <c r="H1561">
        <v>1.09449</v>
      </c>
      <c r="I1561">
        <v>24636.3</v>
      </c>
      <c r="J1561">
        <v>43.746499999999997</v>
      </c>
    </row>
    <row r="1562" spans="1:10" x14ac:dyDescent="0.25">
      <c r="A1562">
        <v>11</v>
      </c>
      <c r="B1562">
        <v>108.68300000000001</v>
      </c>
      <c r="C1562">
        <v>119.93899999999999</v>
      </c>
      <c r="D1562">
        <v>164.30199999999999</v>
      </c>
      <c r="E1562">
        <v>10516.5</v>
      </c>
      <c r="F1562">
        <v>11310.2</v>
      </c>
      <c r="G1562">
        <v>20296.099999999999</v>
      </c>
      <c r="H1562">
        <v>2.6299199999999998</v>
      </c>
      <c r="I1562">
        <v>27314.6</v>
      </c>
      <c r="J1562">
        <v>21.076899999999998</v>
      </c>
    </row>
    <row r="1563" spans="1:10" x14ac:dyDescent="0.25">
      <c r="A1563">
        <v>11</v>
      </c>
      <c r="B1563">
        <v>108.446</v>
      </c>
      <c r="C1563">
        <v>114.598</v>
      </c>
      <c r="D1563">
        <v>189.06</v>
      </c>
      <c r="E1563">
        <v>7455.12</v>
      </c>
      <c r="F1563">
        <v>12330.7</v>
      </c>
      <c r="G1563">
        <v>19615.7</v>
      </c>
      <c r="H1563">
        <v>2.6299199999999998</v>
      </c>
      <c r="I1563">
        <v>22575.200000000001</v>
      </c>
      <c r="J1563">
        <v>38.441000000000003</v>
      </c>
    </row>
    <row r="1564" spans="1:10" x14ac:dyDescent="0.25">
      <c r="A1564">
        <v>11</v>
      </c>
      <c r="B1564">
        <v>93.092100000000002</v>
      </c>
      <c r="C1564">
        <v>128.73599999999999</v>
      </c>
      <c r="D1564">
        <v>172.137</v>
      </c>
      <c r="E1564">
        <v>7795.28</v>
      </c>
      <c r="F1564">
        <v>11310.2</v>
      </c>
      <c r="G1564">
        <v>21996.9</v>
      </c>
      <c r="H1564">
        <v>1.89764</v>
      </c>
      <c r="I1564">
        <v>23625.200000000001</v>
      </c>
      <c r="J1564">
        <v>118.268</v>
      </c>
    </row>
    <row r="1565" spans="1:10" x14ac:dyDescent="0.25">
      <c r="A1565">
        <v>11</v>
      </c>
      <c r="B1565">
        <v>93.328299999999999</v>
      </c>
      <c r="C1565">
        <v>123.395</v>
      </c>
      <c r="D1565">
        <v>179.65799999999999</v>
      </c>
      <c r="E1565">
        <v>7710.24</v>
      </c>
      <c r="F1565">
        <v>11310.2</v>
      </c>
      <c r="G1565">
        <v>21316.5</v>
      </c>
      <c r="H1565">
        <v>1.89764</v>
      </c>
      <c r="I1565">
        <v>22692.1</v>
      </c>
      <c r="J1565">
        <v>100.908</v>
      </c>
    </row>
    <row r="1566" spans="1:10" x14ac:dyDescent="0.25">
      <c r="A1566">
        <v>11</v>
      </c>
      <c r="B1566">
        <v>107.029</v>
      </c>
      <c r="C1566">
        <v>114.598</v>
      </c>
      <c r="D1566">
        <v>189.68700000000001</v>
      </c>
      <c r="E1566">
        <v>7540.16</v>
      </c>
      <c r="F1566">
        <v>10800</v>
      </c>
      <c r="G1566">
        <v>23187.4</v>
      </c>
      <c r="H1566">
        <v>3.4094500000000001</v>
      </c>
      <c r="I1566">
        <v>20771.3</v>
      </c>
      <c r="J1566">
        <v>67.121499999999997</v>
      </c>
    </row>
    <row r="1567" spans="1:10" x14ac:dyDescent="0.25">
      <c r="A1567">
        <v>11</v>
      </c>
      <c r="B1567">
        <v>94.273200000000003</v>
      </c>
      <c r="C1567">
        <v>113.97</v>
      </c>
      <c r="D1567">
        <v>190</v>
      </c>
      <c r="E1567">
        <v>7370.08</v>
      </c>
      <c r="F1567">
        <v>11310.2</v>
      </c>
      <c r="G1567">
        <v>22337</v>
      </c>
      <c r="H1567">
        <v>1.7559100000000001</v>
      </c>
      <c r="I1567">
        <v>22545.4</v>
      </c>
      <c r="J1567">
        <v>75.037300000000002</v>
      </c>
    </row>
    <row r="1568" spans="1:10" x14ac:dyDescent="0.25">
      <c r="A1568">
        <v>11</v>
      </c>
      <c r="B1568">
        <v>93.800799999999995</v>
      </c>
      <c r="C1568">
        <v>124.96599999999999</v>
      </c>
      <c r="D1568">
        <v>179.03100000000001</v>
      </c>
      <c r="E1568">
        <v>7710.24</v>
      </c>
      <c r="F1568">
        <v>10800</v>
      </c>
      <c r="G1568">
        <v>19955.900000000001</v>
      </c>
      <c r="H1568">
        <v>1.7559100000000001</v>
      </c>
      <c r="I1568">
        <v>22382.6</v>
      </c>
      <c r="J1568">
        <v>50.350099999999998</v>
      </c>
    </row>
    <row r="1569" spans="1:10" x14ac:dyDescent="0.25">
      <c r="A1569">
        <v>11</v>
      </c>
      <c r="B1569">
        <v>109.39100000000001</v>
      </c>
      <c r="C1569">
        <v>113.97</v>
      </c>
      <c r="D1569">
        <v>187.18</v>
      </c>
      <c r="E1569">
        <v>7370.08</v>
      </c>
      <c r="F1569">
        <v>11055.1</v>
      </c>
      <c r="G1569">
        <v>18595.3</v>
      </c>
      <c r="H1569">
        <v>2.7716500000000002</v>
      </c>
      <c r="I1569">
        <v>21153.5</v>
      </c>
      <c r="J1569">
        <v>54.891800000000003</v>
      </c>
    </row>
    <row r="1570" spans="1:10" x14ac:dyDescent="0.25">
      <c r="A1570">
        <v>11</v>
      </c>
      <c r="B1570">
        <v>109.39100000000001</v>
      </c>
      <c r="C1570">
        <v>116.483</v>
      </c>
      <c r="D1570">
        <v>190</v>
      </c>
      <c r="E1570">
        <v>10006.299999999999</v>
      </c>
      <c r="F1570">
        <v>10800</v>
      </c>
      <c r="G1570">
        <v>19615.7</v>
      </c>
      <c r="H1570">
        <v>2.6299199999999998</v>
      </c>
      <c r="I1570">
        <v>23622.799999999999</v>
      </c>
      <c r="J1570">
        <v>39.1892</v>
      </c>
    </row>
    <row r="1571" spans="1:10" x14ac:dyDescent="0.25">
      <c r="A1571">
        <v>11</v>
      </c>
      <c r="B1571">
        <v>108.446</v>
      </c>
      <c r="C1571">
        <v>119.93899999999999</v>
      </c>
      <c r="D1571">
        <v>177.465</v>
      </c>
      <c r="E1571">
        <v>7370.08</v>
      </c>
      <c r="F1571">
        <v>11310.2</v>
      </c>
      <c r="G1571">
        <v>18255.099999999999</v>
      </c>
      <c r="H1571">
        <v>3.3858299999999999</v>
      </c>
      <c r="I1571">
        <v>21154.400000000001</v>
      </c>
      <c r="J1571">
        <v>41.747199999999999</v>
      </c>
    </row>
    <row r="1572" spans="1:10" x14ac:dyDescent="0.25">
      <c r="A1572">
        <v>11</v>
      </c>
      <c r="B1572">
        <v>108.919</v>
      </c>
      <c r="C1572">
        <v>117.74</v>
      </c>
      <c r="D1572">
        <v>184.98599999999999</v>
      </c>
      <c r="E1572">
        <v>10516.5</v>
      </c>
      <c r="F1572">
        <v>10800</v>
      </c>
      <c r="G1572">
        <v>19955.900000000001</v>
      </c>
      <c r="H1572">
        <v>3.7637800000000001</v>
      </c>
      <c r="I1572">
        <v>23553.7</v>
      </c>
      <c r="J1572">
        <v>36.365499999999997</v>
      </c>
    </row>
    <row r="1573" spans="1:10" x14ac:dyDescent="0.25">
      <c r="A1573">
        <v>11</v>
      </c>
      <c r="B1573">
        <v>108.919</v>
      </c>
      <c r="C1573">
        <v>119.625</v>
      </c>
      <c r="D1573">
        <v>189.68700000000001</v>
      </c>
      <c r="E1573">
        <v>7370.08</v>
      </c>
      <c r="F1573">
        <v>10800</v>
      </c>
      <c r="G1573">
        <v>19955.900000000001</v>
      </c>
      <c r="H1573">
        <v>3.9291299999999998</v>
      </c>
      <c r="I1573">
        <v>20193.8</v>
      </c>
      <c r="J1573">
        <v>44.023600000000002</v>
      </c>
    </row>
    <row r="1574" spans="1:10" x14ac:dyDescent="0.25">
      <c r="A1574">
        <v>11</v>
      </c>
      <c r="B1574">
        <v>94.509399999999999</v>
      </c>
      <c r="C1574">
        <v>123.395</v>
      </c>
      <c r="D1574">
        <v>176.83799999999999</v>
      </c>
      <c r="E1574">
        <v>10431.5</v>
      </c>
      <c r="F1574">
        <v>11310.2</v>
      </c>
      <c r="G1574">
        <v>21316.5</v>
      </c>
      <c r="H1574">
        <v>1.85039</v>
      </c>
      <c r="I1574">
        <v>25898.7</v>
      </c>
      <c r="J1574">
        <v>92.5809</v>
      </c>
    </row>
    <row r="1575" spans="1:10" x14ac:dyDescent="0.25">
      <c r="A1575">
        <v>11</v>
      </c>
      <c r="B1575">
        <v>109.628</v>
      </c>
      <c r="C1575">
        <v>119.93899999999999</v>
      </c>
      <c r="D1575">
        <v>179.03100000000001</v>
      </c>
      <c r="E1575">
        <v>13237.8</v>
      </c>
      <c r="F1575">
        <v>11310.2</v>
      </c>
      <c r="G1575">
        <v>21316.5</v>
      </c>
      <c r="H1575">
        <v>1.89764</v>
      </c>
      <c r="I1575">
        <v>29775.8</v>
      </c>
      <c r="J1575">
        <v>23.671500000000002</v>
      </c>
    </row>
    <row r="1576" spans="1:10" x14ac:dyDescent="0.25">
      <c r="A1576">
        <v>11</v>
      </c>
      <c r="B1576">
        <v>109.864</v>
      </c>
      <c r="C1576">
        <v>114.598</v>
      </c>
      <c r="D1576">
        <v>184.672</v>
      </c>
      <c r="E1576">
        <v>7200</v>
      </c>
      <c r="F1576">
        <v>12840.9</v>
      </c>
      <c r="G1576">
        <v>19955.900000000001</v>
      </c>
      <c r="H1576">
        <v>3.7401599999999999</v>
      </c>
      <c r="I1576">
        <v>22277.5</v>
      </c>
      <c r="J1576">
        <v>49.421199999999999</v>
      </c>
    </row>
    <row r="1577" spans="1:10" x14ac:dyDescent="0.25">
      <c r="A1577">
        <v>11</v>
      </c>
      <c r="B1577">
        <v>104.667</v>
      </c>
      <c r="C1577">
        <v>128.108</v>
      </c>
      <c r="D1577">
        <v>190</v>
      </c>
      <c r="E1577">
        <v>7795.28</v>
      </c>
      <c r="F1577">
        <v>11310.2</v>
      </c>
      <c r="G1577">
        <v>18255.099999999999</v>
      </c>
      <c r="H1577">
        <v>3.3622000000000001</v>
      </c>
      <c r="I1577">
        <v>21553.200000000001</v>
      </c>
      <c r="J1577">
        <v>117.93300000000001</v>
      </c>
    </row>
    <row r="1578" spans="1:10" x14ac:dyDescent="0.25">
      <c r="A1578">
        <v>11</v>
      </c>
      <c r="B1578">
        <v>93.328299999999999</v>
      </c>
      <c r="C1578">
        <v>118.369</v>
      </c>
      <c r="D1578">
        <v>189.68700000000001</v>
      </c>
      <c r="E1578">
        <v>7370.08</v>
      </c>
      <c r="F1578">
        <v>10800</v>
      </c>
      <c r="G1578">
        <v>19955.900000000001</v>
      </c>
      <c r="H1578">
        <v>2.4173200000000001</v>
      </c>
      <c r="I1578">
        <v>21181.9</v>
      </c>
      <c r="J1578">
        <v>59.8688</v>
      </c>
    </row>
    <row r="1579" spans="1:10" x14ac:dyDescent="0.25">
      <c r="A1579">
        <v>11</v>
      </c>
      <c r="B1579">
        <v>94.981899999999996</v>
      </c>
      <c r="C1579">
        <v>123.395</v>
      </c>
      <c r="D1579">
        <v>189.37299999999999</v>
      </c>
      <c r="E1579">
        <v>10516.5</v>
      </c>
      <c r="F1579">
        <v>10800</v>
      </c>
      <c r="G1579">
        <v>23017.3</v>
      </c>
      <c r="H1579">
        <v>1.1181099999999999</v>
      </c>
      <c r="I1579">
        <v>27309.4</v>
      </c>
      <c r="J1579">
        <v>90.319299999999998</v>
      </c>
    </row>
    <row r="1580" spans="1:10" x14ac:dyDescent="0.25">
      <c r="A1580">
        <v>11</v>
      </c>
      <c r="B1580">
        <v>108.446</v>
      </c>
      <c r="C1580">
        <v>118.369</v>
      </c>
      <c r="D1580">
        <v>189.68700000000001</v>
      </c>
      <c r="E1580">
        <v>7710.24</v>
      </c>
      <c r="F1580">
        <v>27127.599999999999</v>
      </c>
      <c r="G1580">
        <v>18595.3</v>
      </c>
      <c r="H1580">
        <v>1.09449</v>
      </c>
      <c r="I1580">
        <v>41623.599999999999</v>
      </c>
      <c r="J1580">
        <v>35.3977</v>
      </c>
    </row>
    <row r="1581" spans="1:10" x14ac:dyDescent="0.25">
      <c r="A1581">
        <v>11</v>
      </c>
      <c r="B1581">
        <v>102.777</v>
      </c>
      <c r="C1581">
        <v>114.28400000000001</v>
      </c>
      <c r="D1581">
        <v>187.49299999999999</v>
      </c>
      <c r="E1581">
        <v>7285.04</v>
      </c>
      <c r="F1581">
        <v>10800</v>
      </c>
      <c r="G1581">
        <v>19955.900000000001</v>
      </c>
      <c r="H1581">
        <v>3.3858299999999999</v>
      </c>
      <c r="I1581">
        <v>20662.400000000001</v>
      </c>
      <c r="J1581">
        <v>87.8583</v>
      </c>
    </row>
    <row r="1582" spans="1:10" x14ac:dyDescent="0.25">
      <c r="A1582">
        <v>11</v>
      </c>
      <c r="B1582">
        <v>94.981899999999996</v>
      </c>
      <c r="C1582">
        <v>124.96599999999999</v>
      </c>
      <c r="D1582">
        <v>179.03100000000001</v>
      </c>
      <c r="E1582">
        <v>7710.24</v>
      </c>
      <c r="F1582">
        <v>11310.2</v>
      </c>
      <c r="G1582">
        <v>23357.5</v>
      </c>
      <c r="H1582">
        <v>1.1417299999999999</v>
      </c>
      <c r="I1582">
        <v>24758.799999999999</v>
      </c>
      <c r="J1582">
        <v>107.48</v>
      </c>
    </row>
    <row r="1583" spans="1:10" x14ac:dyDescent="0.25">
      <c r="A1583">
        <v>11</v>
      </c>
      <c r="B1583">
        <v>108.68300000000001</v>
      </c>
      <c r="C1583">
        <v>113.342</v>
      </c>
      <c r="D1583">
        <v>189.68700000000001</v>
      </c>
      <c r="E1583">
        <v>7795.28</v>
      </c>
      <c r="F1583">
        <v>11310.2</v>
      </c>
      <c r="G1583">
        <v>24718.1</v>
      </c>
      <c r="H1583">
        <v>1.82677</v>
      </c>
      <c r="I1583">
        <v>22796.5</v>
      </c>
      <c r="J1583">
        <v>43.148400000000002</v>
      </c>
    </row>
    <row r="1584" spans="1:10" x14ac:dyDescent="0.25">
      <c r="A1584">
        <v>11</v>
      </c>
      <c r="B1584">
        <v>104.90300000000001</v>
      </c>
      <c r="C1584">
        <v>119.625</v>
      </c>
      <c r="D1584">
        <v>179.03100000000001</v>
      </c>
      <c r="E1584">
        <v>7710.24</v>
      </c>
      <c r="F1584">
        <v>10800</v>
      </c>
      <c r="G1584">
        <v>21146.5</v>
      </c>
      <c r="H1584">
        <v>3.3149600000000001</v>
      </c>
      <c r="I1584">
        <v>21006.6</v>
      </c>
      <c r="J1584">
        <v>70.163799999999995</v>
      </c>
    </row>
    <row r="1585" spans="1:10" x14ac:dyDescent="0.25">
      <c r="A1585">
        <v>11</v>
      </c>
      <c r="B1585">
        <v>107.502</v>
      </c>
      <c r="C1585">
        <v>118.68300000000001</v>
      </c>
      <c r="D1585">
        <v>189.68700000000001</v>
      </c>
      <c r="E1585">
        <v>7710.24</v>
      </c>
      <c r="F1585">
        <v>12330.7</v>
      </c>
      <c r="G1585">
        <v>21316.5</v>
      </c>
      <c r="H1585">
        <v>3.3858299999999999</v>
      </c>
      <c r="I1585">
        <v>22373</v>
      </c>
      <c r="J1585">
        <v>33.134</v>
      </c>
    </row>
    <row r="1586" spans="1:10" x14ac:dyDescent="0.25">
      <c r="A1586">
        <v>11</v>
      </c>
      <c r="B1586">
        <v>109.864</v>
      </c>
      <c r="C1586">
        <v>118.369</v>
      </c>
      <c r="D1586">
        <v>177.15100000000001</v>
      </c>
      <c r="E1586">
        <v>7455.12</v>
      </c>
      <c r="F1586">
        <v>11310.2</v>
      </c>
      <c r="G1586">
        <v>18595.3</v>
      </c>
      <c r="H1586">
        <v>2.2755899999999998</v>
      </c>
      <c r="I1586">
        <v>21937.9</v>
      </c>
      <c r="J1586">
        <v>36.172499999999999</v>
      </c>
    </row>
    <row r="1587" spans="1:10" x14ac:dyDescent="0.25">
      <c r="A1587">
        <v>11</v>
      </c>
      <c r="B1587">
        <v>109.39100000000001</v>
      </c>
      <c r="C1587">
        <v>119.93899999999999</v>
      </c>
      <c r="D1587">
        <v>189.06</v>
      </c>
      <c r="E1587">
        <v>10431.5</v>
      </c>
      <c r="F1587">
        <v>10800</v>
      </c>
      <c r="G1587">
        <v>19955.900000000001</v>
      </c>
      <c r="H1587">
        <v>3.3858299999999999</v>
      </c>
      <c r="I1587">
        <v>23676</v>
      </c>
      <c r="J1587">
        <v>21.784400000000002</v>
      </c>
    </row>
    <row r="1588" spans="1:10" x14ac:dyDescent="0.25">
      <c r="A1588">
        <v>11</v>
      </c>
      <c r="B1588">
        <v>109.39100000000001</v>
      </c>
      <c r="C1588">
        <v>124.96599999999999</v>
      </c>
      <c r="D1588">
        <v>177.15100000000001</v>
      </c>
      <c r="E1588">
        <v>7710.24</v>
      </c>
      <c r="F1588">
        <v>10800</v>
      </c>
      <c r="G1588">
        <v>22677.200000000001</v>
      </c>
      <c r="H1588">
        <v>1.82677</v>
      </c>
      <c r="I1588">
        <v>23648.3</v>
      </c>
      <c r="J1588">
        <v>27.524899999999999</v>
      </c>
    </row>
    <row r="1589" spans="1:10" x14ac:dyDescent="0.25">
      <c r="A1589">
        <v>11</v>
      </c>
      <c r="B1589">
        <v>106.32</v>
      </c>
      <c r="C1589">
        <v>119.625</v>
      </c>
      <c r="D1589">
        <v>189.06</v>
      </c>
      <c r="E1589">
        <v>7710.24</v>
      </c>
      <c r="F1589">
        <v>14881.9</v>
      </c>
      <c r="G1589">
        <v>22677.200000000001</v>
      </c>
      <c r="H1589">
        <v>3.4094500000000001</v>
      </c>
      <c r="I1589">
        <v>25785</v>
      </c>
      <c r="J1589">
        <v>30.2318</v>
      </c>
    </row>
    <row r="1590" spans="1:10" x14ac:dyDescent="0.25">
      <c r="A1590">
        <v>11</v>
      </c>
      <c r="B1590">
        <v>108.446</v>
      </c>
      <c r="C1590">
        <v>118.68300000000001</v>
      </c>
      <c r="D1590">
        <v>189.68700000000001</v>
      </c>
      <c r="E1590">
        <v>10431.5</v>
      </c>
      <c r="F1590">
        <v>11310.2</v>
      </c>
      <c r="G1590">
        <v>19955.900000000001</v>
      </c>
      <c r="H1590">
        <v>3.00787</v>
      </c>
      <c r="I1590">
        <v>24287.1</v>
      </c>
      <c r="J1590">
        <v>48.863500000000002</v>
      </c>
    </row>
    <row r="1591" spans="1:10" x14ac:dyDescent="0.25">
      <c r="A1591">
        <v>11</v>
      </c>
      <c r="B1591">
        <v>105.848</v>
      </c>
      <c r="C1591">
        <v>119.93899999999999</v>
      </c>
      <c r="D1591">
        <v>187.18</v>
      </c>
      <c r="E1591">
        <v>7455.12</v>
      </c>
      <c r="F1591">
        <v>10800</v>
      </c>
      <c r="G1591">
        <v>21316.5</v>
      </c>
      <c r="H1591">
        <v>1.89764</v>
      </c>
      <c r="I1591">
        <v>21694.5</v>
      </c>
      <c r="J1591">
        <v>42.739199999999997</v>
      </c>
    </row>
    <row r="1592" spans="1:10" x14ac:dyDescent="0.25">
      <c r="A1592">
        <v>11</v>
      </c>
      <c r="B1592">
        <v>94.745699999999999</v>
      </c>
      <c r="C1592">
        <v>128.422</v>
      </c>
      <c r="D1592">
        <v>187.18</v>
      </c>
      <c r="E1592">
        <v>7370.08</v>
      </c>
      <c r="F1592">
        <v>14881.9</v>
      </c>
      <c r="G1592">
        <v>19955.900000000001</v>
      </c>
      <c r="H1592">
        <v>1.87402</v>
      </c>
      <c r="I1592">
        <v>26769.7</v>
      </c>
      <c r="J1592">
        <v>61.103999999999999</v>
      </c>
    </row>
    <row r="1593" spans="1:10" x14ac:dyDescent="0.25">
      <c r="A1593">
        <v>11</v>
      </c>
      <c r="B1593">
        <v>108.68300000000001</v>
      </c>
      <c r="C1593">
        <v>128.422</v>
      </c>
      <c r="D1593">
        <v>177.15100000000001</v>
      </c>
      <c r="E1593">
        <v>7795.28</v>
      </c>
      <c r="F1593">
        <v>10800</v>
      </c>
      <c r="G1593">
        <v>21316.5</v>
      </c>
      <c r="H1593">
        <v>1.89764</v>
      </c>
      <c r="I1593">
        <v>23026.2</v>
      </c>
      <c r="J1593">
        <v>103.706</v>
      </c>
    </row>
    <row r="1594" spans="1:10" x14ac:dyDescent="0.25">
      <c r="A1594">
        <v>11</v>
      </c>
      <c r="B1594">
        <v>105.376</v>
      </c>
      <c r="C1594">
        <v>119.93899999999999</v>
      </c>
      <c r="D1594">
        <v>189.06</v>
      </c>
      <c r="E1594">
        <v>7370.08</v>
      </c>
      <c r="F1594">
        <v>10800</v>
      </c>
      <c r="G1594">
        <v>19955.900000000001</v>
      </c>
      <c r="H1594">
        <v>1.37795</v>
      </c>
      <c r="I1594">
        <v>22694.6</v>
      </c>
      <c r="J1594">
        <v>48.230800000000002</v>
      </c>
    </row>
    <row r="1595" spans="1:10" x14ac:dyDescent="0.25">
      <c r="A1595">
        <v>11</v>
      </c>
      <c r="B1595">
        <v>108.919</v>
      </c>
      <c r="C1595">
        <v>114.598</v>
      </c>
      <c r="D1595">
        <v>189.68700000000001</v>
      </c>
      <c r="E1595">
        <v>7625.2</v>
      </c>
      <c r="F1595">
        <v>10800</v>
      </c>
      <c r="G1595">
        <v>19955.900000000001</v>
      </c>
      <c r="H1595">
        <v>3.3858299999999999</v>
      </c>
      <c r="I1595">
        <v>20828.900000000001</v>
      </c>
      <c r="J1595">
        <v>64.120199999999997</v>
      </c>
    </row>
    <row r="1596" spans="1:10" x14ac:dyDescent="0.25">
      <c r="A1596">
        <v>11</v>
      </c>
      <c r="B1596">
        <v>108.446</v>
      </c>
      <c r="C1596">
        <v>119.625</v>
      </c>
      <c r="D1596">
        <v>189.06</v>
      </c>
      <c r="E1596">
        <v>10431.5</v>
      </c>
      <c r="F1596">
        <v>10800</v>
      </c>
      <c r="G1596">
        <v>18255.099999999999</v>
      </c>
      <c r="H1596">
        <v>2.6299199999999998</v>
      </c>
      <c r="I1596">
        <v>24330.400000000001</v>
      </c>
      <c r="J1596">
        <v>25.9147</v>
      </c>
    </row>
    <row r="1597" spans="1:10" x14ac:dyDescent="0.25">
      <c r="A1597">
        <v>11</v>
      </c>
      <c r="B1597">
        <v>94.273200000000003</v>
      </c>
      <c r="C1597">
        <v>114.598</v>
      </c>
      <c r="D1597">
        <v>190</v>
      </c>
      <c r="E1597">
        <v>7370.08</v>
      </c>
      <c r="F1597">
        <v>10800</v>
      </c>
      <c r="G1597">
        <v>19955.900000000001</v>
      </c>
      <c r="H1597">
        <v>3.2913399999999999</v>
      </c>
      <c r="I1597">
        <v>20731.400000000001</v>
      </c>
      <c r="J1597">
        <v>88.967399999999998</v>
      </c>
    </row>
    <row r="1598" spans="1:10" x14ac:dyDescent="0.25">
      <c r="A1598">
        <v>11</v>
      </c>
      <c r="B1598">
        <v>109.155</v>
      </c>
      <c r="C1598">
        <v>119.93899999999999</v>
      </c>
      <c r="D1598">
        <v>190</v>
      </c>
      <c r="E1598">
        <v>10091.299999999999</v>
      </c>
      <c r="F1598">
        <v>10800</v>
      </c>
      <c r="G1598">
        <v>25398.400000000001</v>
      </c>
      <c r="H1598">
        <v>1.37795</v>
      </c>
      <c r="I1598">
        <v>25722.5</v>
      </c>
      <c r="J1598">
        <v>19.799600000000002</v>
      </c>
    </row>
    <row r="1599" spans="1:10" x14ac:dyDescent="0.25">
      <c r="A1599">
        <v>11</v>
      </c>
      <c r="B1599">
        <v>108.446</v>
      </c>
      <c r="C1599">
        <v>113.342</v>
      </c>
      <c r="D1599">
        <v>189.68700000000001</v>
      </c>
      <c r="E1599">
        <v>10431.5</v>
      </c>
      <c r="F1599">
        <v>11310.2</v>
      </c>
      <c r="G1599">
        <v>21316.5</v>
      </c>
      <c r="H1599">
        <v>1.1417299999999999</v>
      </c>
      <c r="I1599">
        <v>27320.9</v>
      </c>
      <c r="J1599">
        <v>23.278099999999998</v>
      </c>
    </row>
    <row r="1600" spans="1:10" x14ac:dyDescent="0.25">
      <c r="A1600">
        <v>11</v>
      </c>
      <c r="B1600">
        <v>108.446</v>
      </c>
      <c r="C1600">
        <v>128.422</v>
      </c>
      <c r="D1600">
        <v>189.68700000000001</v>
      </c>
      <c r="E1600">
        <v>7710.24</v>
      </c>
      <c r="F1600">
        <v>10800</v>
      </c>
      <c r="G1600">
        <v>19955.900000000001</v>
      </c>
      <c r="H1600">
        <v>1.85039</v>
      </c>
      <c r="I1600">
        <v>22481.1</v>
      </c>
      <c r="J1600">
        <v>108.09399999999999</v>
      </c>
    </row>
    <row r="1601" spans="1:10" x14ac:dyDescent="0.25">
      <c r="A1601">
        <v>11</v>
      </c>
      <c r="B1601">
        <v>105.848</v>
      </c>
      <c r="C1601">
        <v>119.93899999999999</v>
      </c>
      <c r="D1601">
        <v>189.37299999999999</v>
      </c>
      <c r="E1601">
        <v>7795.28</v>
      </c>
      <c r="F1601">
        <v>15392.1</v>
      </c>
      <c r="G1601">
        <v>20976.400000000001</v>
      </c>
      <c r="H1601">
        <v>1.82677</v>
      </c>
      <c r="I1601">
        <v>28057.5</v>
      </c>
      <c r="J1601">
        <v>68.587299999999999</v>
      </c>
    </row>
    <row r="1602" spans="1:10" x14ac:dyDescent="0.25">
      <c r="A1602">
        <v>11</v>
      </c>
      <c r="B1602">
        <v>109.39100000000001</v>
      </c>
      <c r="C1602">
        <v>118.68300000000001</v>
      </c>
      <c r="D1602">
        <v>179.03100000000001</v>
      </c>
      <c r="E1602">
        <v>10516.5</v>
      </c>
      <c r="F1602">
        <v>11310.2</v>
      </c>
      <c r="G1602">
        <v>21146.5</v>
      </c>
      <c r="H1602">
        <v>1.87402</v>
      </c>
      <c r="I1602">
        <v>25652.7</v>
      </c>
      <c r="J1602">
        <v>43.279800000000002</v>
      </c>
    </row>
    <row r="1603" spans="1:10" x14ac:dyDescent="0.25">
      <c r="A1603">
        <v>11</v>
      </c>
      <c r="B1603">
        <v>109.628</v>
      </c>
      <c r="C1603">
        <v>114.598</v>
      </c>
      <c r="D1603">
        <v>189.06</v>
      </c>
      <c r="E1603">
        <v>7710.24</v>
      </c>
      <c r="F1603">
        <v>19474</v>
      </c>
      <c r="G1603">
        <v>19275.599999999999</v>
      </c>
      <c r="H1603">
        <v>2.2755899999999998</v>
      </c>
      <c r="I1603">
        <v>32300</v>
      </c>
      <c r="J1603">
        <v>28.7088</v>
      </c>
    </row>
    <row r="1604" spans="1:10" x14ac:dyDescent="0.25">
      <c r="A1604">
        <v>11</v>
      </c>
      <c r="B1604">
        <v>109.39100000000001</v>
      </c>
      <c r="C1604">
        <v>119.625</v>
      </c>
      <c r="D1604">
        <v>179.03100000000001</v>
      </c>
      <c r="E1604">
        <v>7710.24</v>
      </c>
      <c r="F1604">
        <v>10800</v>
      </c>
      <c r="G1604">
        <v>20976.400000000001</v>
      </c>
      <c r="H1604">
        <v>3.3622000000000001</v>
      </c>
      <c r="I1604">
        <v>20964.900000000001</v>
      </c>
      <c r="J1604">
        <v>40.9895</v>
      </c>
    </row>
    <row r="1605" spans="1:10" x14ac:dyDescent="0.25">
      <c r="A1605">
        <v>11</v>
      </c>
      <c r="B1605">
        <v>109.628</v>
      </c>
      <c r="C1605">
        <v>119.93899999999999</v>
      </c>
      <c r="D1605">
        <v>176.524</v>
      </c>
      <c r="E1605">
        <v>13152.8</v>
      </c>
      <c r="F1605">
        <v>11310.2</v>
      </c>
      <c r="G1605">
        <v>21316.5</v>
      </c>
      <c r="H1605">
        <v>1.92126</v>
      </c>
      <c r="I1605">
        <v>29609.5</v>
      </c>
      <c r="J1605">
        <v>23.103200000000001</v>
      </c>
    </row>
    <row r="1606" spans="1:10" x14ac:dyDescent="0.25">
      <c r="A1606">
        <v>11</v>
      </c>
      <c r="B1606">
        <v>108.68300000000001</v>
      </c>
      <c r="C1606">
        <v>118.68300000000001</v>
      </c>
      <c r="D1606">
        <v>189.06</v>
      </c>
      <c r="E1606">
        <v>7370.08</v>
      </c>
      <c r="F1606">
        <v>11310.2</v>
      </c>
      <c r="G1606">
        <v>18595.3</v>
      </c>
      <c r="H1606">
        <v>1.87402</v>
      </c>
      <c r="I1606">
        <v>22161.4</v>
      </c>
      <c r="J1606">
        <v>38.563499999999998</v>
      </c>
    </row>
    <row r="1607" spans="1:10" x14ac:dyDescent="0.25">
      <c r="A1607">
        <v>11</v>
      </c>
      <c r="B1607">
        <v>109.864</v>
      </c>
      <c r="C1607">
        <v>113.97</v>
      </c>
      <c r="D1607">
        <v>189.68700000000001</v>
      </c>
      <c r="E1607">
        <v>7370.08</v>
      </c>
      <c r="F1607">
        <v>10800</v>
      </c>
      <c r="G1607">
        <v>18595.3</v>
      </c>
      <c r="H1607">
        <v>3.7637800000000001</v>
      </c>
      <c r="I1607">
        <v>20404.7</v>
      </c>
      <c r="J1607">
        <v>67.494799999999998</v>
      </c>
    </row>
    <row r="1608" spans="1:10" x14ac:dyDescent="0.25">
      <c r="A1608">
        <v>11</v>
      </c>
      <c r="B1608">
        <v>108.446</v>
      </c>
      <c r="C1608">
        <v>119.93899999999999</v>
      </c>
      <c r="D1608">
        <v>190</v>
      </c>
      <c r="E1608">
        <v>7370.08</v>
      </c>
      <c r="F1608">
        <v>11310.2</v>
      </c>
      <c r="G1608">
        <v>19955.900000000001</v>
      </c>
      <c r="H1608">
        <v>2.6299199999999998</v>
      </c>
      <c r="I1608">
        <v>21387</v>
      </c>
      <c r="J1608">
        <v>39.315100000000001</v>
      </c>
    </row>
    <row r="1609" spans="1:10" x14ac:dyDescent="0.25">
      <c r="A1609">
        <v>11</v>
      </c>
      <c r="B1609">
        <v>110.1</v>
      </c>
      <c r="C1609">
        <v>123.395</v>
      </c>
      <c r="D1609">
        <v>189.68700000000001</v>
      </c>
      <c r="E1609">
        <v>7200</v>
      </c>
      <c r="F1609">
        <v>10800</v>
      </c>
      <c r="G1609">
        <v>21316.5</v>
      </c>
      <c r="H1609">
        <v>3.3149600000000001</v>
      </c>
      <c r="I1609">
        <v>20400</v>
      </c>
      <c r="J1609">
        <v>52.6295</v>
      </c>
    </row>
    <row r="1610" spans="1:10" x14ac:dyDescent="0.25">
      <c r="A1610">
        <v>11</v>
      </c>
      <c r="B1610">
        <v>108.446</v>
      </c>
      <c r="C1610">
        <v>118.369</v>
      </c>
      <c r="D1610">
        <v>189.68700000000001</v>
      </c>
      <c r="E1610">
        <v>7370.08</v>
      </c>
      <c r="F1610">
        <v>11310.2</v>
      </c>
      <c r="G1610">
        <v>18595.3</v>
      </c>
      <c r="H1610">
        <v>3.00787</v>
      </c>
      <c r="I1610">
        <v>21129.200000000001</v>
      </c>
      <c r="J1610">
        <v>41.9116</v>
      </c>
    </row>
    <row r="1611" spans="1:10" x14ac:dyDescent="0.25">
      <c r="A1611">
        <v>11</v>
      </c>
      <c r="B1611">
        <v>105.848</v>
      </c>
      <c r="C1611">
        <v>114.598</v>
      </c>
      <c r="D1611">
        <v>189.06</v>
      </c>
      <c r="E1611">
        <v>7540.16</v>
      </c>
      <c r="F1611">
        <v>10800</v>
      </c>
      <c r="G1611">
        <v>19785.8</v>
      </c>
      <c r="H1611">
        <v>3.3622000000000001</v>
      </c>
      <c r="I1611">
        <v>20805.400000000001</v>
      </c>
      <c r="J1611">
        <v>75.718800000000002</v>
      </c>
    </row>
    <row r="1612" spans="1:10" x14ac:dyDescent="0.25">
      <c r="A1612">
        <v>11</v>
      </c>
      <c r="B1612">
        <v>106.557</v>
      </c>
      <c r="C1612">
        <v>118.054</v>
      </c>
      <c r="D1612">
        <v>184.98599999999999</v>
      </c>
      <c r="E1612">
        <v>9921.26</v>
      </c>
      <c r="F1612">
        <v>11820.5</v>
      </c>
      <c r="G1612">
        <v>25398.400000000001</v>
      </c>
      <c r="H1612">
        <v>2.6299199999999998</v>
      </c>
      <c r="I1612">
        <v>24423.4</v>
      </c>
      <c r="J1612">
        <v>34.464799999999997</v>
      </c>
    </row>
    <row r="1613" spans="1:10" x14ac:dyDescent="0.25">
      <c r="A1613">
        <v>11</v>
      </c>
      <c r="B1613">
        <v>109.864</v>
      </c>
      <c r="C1613">
        <v>119.625</v>
      </c>
      <c r="D1613">
        <v>189.68700000000001</v>
      </c>
      <c r="E1613">
        <v>10091.299999999999</v>
      </c>
      <c r="F1613">
        <v>10800</v>
      </c>
      <c r="G1613">
        <v>18595.3</v>
      </c>
      <c r="H1613">
        <v>3.7401599999999999</v>
      </c>
      <c r="I1613">
        <v>23206.5</v>
      </c>
      <c r="J1613">
        <v>29.9621</v>
      </c>
    </row>
    <row r="1614" spans="1:10" x14ac:dyDescent="0.25">
      <c r="A1614">
        <v>11</v>
      </c>
      <c r="B1614">
        <v>103.01300000000001</v>
      </c>
      <c r="C1614">
        <v>124.33799999999999</v>
      </c>
      <c r="D1614">
        <v>184.98599999999999</v>
      </c>
      <c r="E1614">
        <v>7285.04</v>
      </c>
      <c r="F1614">
        <v>10800</v>
      </c>
      <c r="G1614">
        <v>19955.900000000001</v>
      </c>
      <c r="H1614">
        <v>1.47244</v>
      </c>
      <c r="I1614">
        <v>22913.200000000001</v>
      </c>
      <c r="J1614">
        <v>104.88</v>
      </c>
    </row>
    <row r="1615" spans="1:10" x14ac:dyDescent="0.25">
      <c r="A1615">
        <v>11</v>
      </c>
      <c r="B1615">
        <v>94.981899999999996</v>
      </c>
      <c r="C1615">
        <v>124.96599999999999</v>
      </c>
      <c r="D1615">
        <v>177.15100000000001</v>
      </c>
      <c r="E1615">
        <v>7710.24</v>
      </c>
      <c r="F1615">
        <v>11310.2</v>
      </c>
      <c r="G1615">
        <v>21316.5</v>
      </c>
      <c r="H1615">
        <v>1.92126</v>
      </c>
      <c r="I1615">
        <v>23035.3</v>
      </c>
      <c r="J1615">
        <v>105.846</v>
      </c>
    </row>
    <row r="1616" spans="1:10" x14ac:dyDescent="0.25">
      <c r="A1616">
        <v>11</v>
      </c>
      <c r="B1616">
        <v>89.5488</v>
      </c>
      <c r="C1616">
        <v>114.598</v>
      </c>
      <c r="D1616">
        <v>187.18</v>
      </c>
      <c r="E1616">
        <v>7625.2</v>
      </c>
      <c r="F1616">
        <v>11310.2</v>
      </c>
      <c r="G1616">
        <v>21996.9</v>
      </c>
      <c r="H1616">
        <v>3.4330699999999998</v>
      </c>
      <c r="I1616">
        <v>21513.8</v>
      </c>
      <c r="J1616">
        <v>103.36799999999999</v>
      </c>
    </row>
    <row r="1617" spans="1:10" x14ac:dyDescent="0.25">
      <c r="A1617">
        <v>11</v>
      </c>
      <c r="B1617">
        <v>108.68300000000001</v>
      </c>
      <c r="C1617">
        <v>118.68300000000001</v>
      </c>
      <c r="D1617">
        <v>189.06</v>
      </c>
      <c r="E1617">
        <v>13152.8</v>
      </c>
      <c r="F1617">
        <v>11310.2</v>
      </c>
      <c r="G1617">
        <v>19275.599999999999</v>
      </c>
      <c r="H1617">
        <v>1.1653500000000001</v>
      </c>
      <c r="I1617">
        <v>30968.400000000001</v>
      </c>
      <c r="J1617">
        <v>40.151400000000002</v>
      </c>
    </row>
    <row r="1618" spans="1:10" x14ac:dyDescent="0.25">
      <c r="A1618">
        <v>11</v>
      </c>
      <c r="B1618">
        <v>94.509399999999999</v>
      </c>
      <c r="C1618">
        <v>123.709</v>
      </c>
      <c r="D1618">
        <v>184.672</v>
      </c>
      <c r="E1618">
        <v>10516.5</v>
      </c>
      <c r="F1618">
        <v>10800</v>
      </c>
      <c r="G1618">
        <v>22677.200000000001</v>
      </c>
      <c r="H1618">
        <v>1.1181099999999999</v>
      </c>
      <c r="I1618">
        <v>26681.5</v>
      </c>
      <c r="J1618">
        <v>70.138800000000003</v>
      </c>
    </row>
    <row r="1619" spans="1:10" x14ac:dyDescent="0.25">
      <c r="A1619">
        <v>11</v>
      </c>
      <c r="B1619">
        <v>105.139</v>
      </c>
      <c r="C1619">
        <v>114.913</v>
      </c>
      <c r="D1619">
        <v>190</v>
      </c>
      <c r="E1619">
        <v>7370.08</v>
      </c>
      <c r="F1619">
        <v>11055.1</v>
      </c>
      <c r="G1619">
        <v>19615.7</v>
      </c>
      <c r="H1619">
        <v>3.00787</v>
      </c>
      <c r="I1619">
        <v>21067.8</v>
      </c>
      <c r="J1619">
        <v>79.583200000000005</v>
      </c>
    </row>
    <row r="1620" spans="1:10" x14ac:dyDescent="0.25">
      <c r="A1620">
        <v>11</v>
      </c>
      <c r="B1620">
        <v>106.557</v>
      </c>
      <c r="C1620">
        <v>118.997</v>
      </c>
      <c r="D1620">
        <v>182.16499999999999</v>
      </c>
      <c r="E1620">
        <v>10431.5</v>
      </c>
      <c r="F1620">
        <v>10800</v>
      </c>
      <c r="G1620">
        <v>19615.7</v>
      </c>
      <c r="H1620">
        <v>3.3622000000000001</v>
      </c>
      <c r="I1620">
        <v>23555.1</v>
      </c>
      <c r="J1620">
        <v>44.209800000000001</v>
      </c>
    </row>
    <row r="1621" spans="1:10" x14ac:dyDescent="0.25">
      <c r="A1621">
        <v>11</v>
      </c>
      <c r="B1621">
        <v>107.502</v>
      </c>
      <c r="C1621">
        <v>118.997</v>
      </c>
      <c r="D1621">
        <v>179.65799999999999</v>
      </c>
      <c r="E1621">
        <v>7710.24</v>
      </c>
      <c r="F1621">
        <v>19474</v>
      </c>
      <c r="G1621">
        <v>19275.599999999999</v>
      </c>
      <c r="H1621">
        <v>1.09449</v>
      </c>
      <c r="I1621">
        <v>34031.4</v>
      </c>
      <c r="J1621">
        <v>35.728900000000003</v>
      </c>
    </row>
    <row r="1622" spans="1:10" x14ac:dyDescent="0.25">
      <c r="A1622">
        <v>11</v>
      </c>
      <c r="B1622">
        <v>108.919</v>
      </c>
      <c r="C1622">
        <v>111.45699999999999</v>
      </c>
      <c r="D1622">
        <v>189.68700000000001</v>
      </c>
      <c r="E1622">
        <v>10176.4</v>
      </c>
      <c r="F1622">
        <v>11310.2</v>
      </c>
      <c r="G1622">
        <v>19615.7</v>
      </c>
      <c r="H1622">
        <v>2.6299199999999998</v>
      </c>
      <c r="I1622">
        <v>24326.3</v>
      </c>
      <c r="J1622">
        <v>53.018300000000004</v>
      </c>
    </row>
    <row r="1623" spans="1:10" x14ac:dyDescent="0.25">
      <c r="A1623">
        <v>11</v>
      </c>
      <c r="B1623">
        <v>109.628</v>
      </c>
      <c r="C1623">
        <v>119.93899999999999</v>
      </c>
      <c r="D1623">
        <v>189.06</v>
      </c>
      <c r="E1623">
        <v>7710.24</v>
      </c>
      <c r="F1623">
        <v>11310.2</v>
      </c>
      <c r="G1623">
        <v>20976.400000000001</v>
      </c>
      <c r="H1623">
        <v>1.1417299999999999</v>
      </c>
      <c r="I1623">
        <v>24544.3</v>
      </c>
      <c r="J1623">
        <v>53.939700000000002</v>
      </c>
    </row>
    <row r="1624" spans="1:10" x14ac:dyDescent="0.25">
      <c r="A1624">
        <v>11</v>
      </c>
      <c r="B1624">
        <v>102.777</v>
      </c>
      <c r="C1624">
        <v>128.422</v>
      </c>
      <c r="D1624">
        <v>190</v>
      </c>
      <c r="E1624">
        <v>7370.08</v>
      </c>
      <c r="F1624">
        <v>10800</v>
      </c>
      <c r="G1624">
        <v>18595.3</v>
      </c>
      <c r="H1624">
        <v>3.3622000000000001</v>
      </c>
      <c r="I1624">
        <v>20616</v>
      </c>
      <c r="J1624">
        <v>118.95399999999999</v>
      </c>
    </row>
    <row r="1625" spans="1:10" x14ac:dyDescent="0.25">
      <c r="A1625">
        <v>11</v>
      </c>
      <c r="B1625">
        <v>105.139</v>
      </c>
      <c r="C1625">
        <v>119.625</v>
      </c>
      <c r="D1625">
        <v>190</v>
      </c>
      <c r="E1625">
        <v>7370.08</v>
      </c>
      <c r="F1625">
        <v>10800</v>
      </c>
      <c r="G1625">
        <v>19615.7</v>
      </c>
      <c r="H1625">
        <v>2.9606300000000001</v>
      </c>
      <c r="I1625">
        <v>20782.7</v>
      </c>
      <c r="J1625">
        <v>45.328899999999997</v>
      </c>
    </row>
    <row r="1626" spans="1:10" x14ac:dyDescent="0.25">
      <c r="A1626">
        <v>11</v>
      </c>
      <c r="B1626">
        <v>93.800799999999995</v>
      </c>
      <c r="C1626">
        <v>113.65600000000001</v>
      </c>
      <c r="D1626">
        <v>177.15100000000001</v>
      </c>
      <c r="E1626">
        <v>7370.08</v>
      </c>
      <c r="F1626">
        <v>10800</v>
      </c>
      <c r="G1626">
        <v>18595.3</v>
      </c>
      <c r="H1626">
        <v>1.85039</v>
      </c>
      <c r="I1626">
        <v>22511.1</v>
      </c>
      <c r="J1626">
        <v>135.24600000000001</v>
      </c>
    </row>
    <row r="1627" spans="1:10" x14ac:dyDescent="0.25">
      <c r="A1627">
        <v>11</v>
      </c>
      <c r="B1627">
        <v>91.911000000000001</v>
      </c>
      <c r="C1627">
        <v>118.369</v>
      </c>
      <c r="D1627">
        <v>179.65799999999999</v>
      </c>
      <c r="E1627">
        <v>7710.24</v>
      </c>
      <c r="F1627">
        <v>11310.2</v>
      </c>
      <c r="G1627">
        <v>19105.5</v>
      </c>
      <c r="H1627">
        <v>1.92126</v>
      </c>
      <c r="I1627">
        <v>22662.799999999999</v>
      </c>
      <c r="J1627">
        <v>64.270499999999998</v>
      </c>
    </row>
    <row r="1628" spans="1:10" x14ac:dyDescent="0.25">
      <c r="A1628">
        <v>11</v>
      </c>
      <c r="B1628">
        <v>109.628</v>
      </c>
      <c r="C1628">
        <v>118.997</v>
      </c>
      <c r="D1628">
        <v>179.03100000000001</v>
      </c>
      <c r="E1628">
        <v>7710.24</v>
      </c>
      <c r="F1628">
        <v>11310.2</v>
      </c>
      <c r="G1628">
        <v>21996.9</v>
      </c>
      <c r="H1628">
        <v>1.4960599999999999</v>
      </c>
      <c r="I1628">
        <v>23470.9</v>
      </c>
      <c r="J1628">
        <v>30.655799999999999</v>
      </c>
    </row>
    <row r="1629" spans="1:10" x14ac:dyDescent="0.25">
      <c r="A1629">
        <v>11</v>
      </c>
      <c r="B1629">
        <v>105.376</v>
      </c>
      <c r="C1629">
        <v>119.625</v>
      </c>
      <c r="D1629">
        <v>189.68700000000001</v>
      </c>
      <c r="E1629">
        <v>7370.08</v>
      </c>
      <c r="F1629">
        <v>10800</v>
      </c>
      <c r="G1629">
        <v>19785.8</v>
      </c>
      <c r="H1629">
        <v>3.8818899999999998</v>
      </c>
      <c r="I1629">
        <v>20281</v>
      </c>
      <c r="J1629">
        <v>41.068600000000004</v>
      </c>
    </row>
    <row r="1630" spans="1:10" x14ac:dyDescent="0.25">
      <c r="A1630">
        <v>11</v>
      </c>
      <c r="B1630">
        <v>109.628</v>
      </c>
      <c r="C1630">
        <v>119.625</v>
      </c>
      <c r="D1630">
        <v>189.06</v>
      </c>
      <c r="E1630">
        <v>7710.24</v>
      </c>
      <c r="F1630">
        <v>15392.1</v>
      </c>
      <c r="G1630">
        <v>18935.400000000001</v>
      </c>
      <c r="H1630">
        <v>2.1338599999999999</v>
      </c>
      <c r="I1630">
        <v>27843.4</v>
      </c>
      <c r="J1630">
        <v>27.552900000000001</v>
      </c>
    </row>
    <row r="1631" spans="1:10" x14ac:dyDescent="0.25">
      <c r="A1631">
        <v>11</v>
      </c>
      <c r="B1631">
        <v>93.328299999999999</v>
      </c>
      <c r="C1631">
        <v>118.369</v>
      </c>
      <c r="D1631">
        <v>189.68700000000001</v>
      </c>
      <c r="E1631">
        <v>7370.08</v>
      </c>
      <c r="F1631">
        <v>10800</v>
      </c>
      <c r="G1631">
        <v>19955.900000000001</v>
      </c>
      <c r="H1631">
        <v>2.6299199999999998</v>
      </c>
      <c r="I1631">
        <v>20982.799999999999</v>
      </c>
      <c r="J1631">
        <v>62.270499999999998</v>
      </c>
    </row>
    <row r="1632" spans="1:10" x14ac:dyDescent="0.25">
      <c r="A1632">
        <v>11</v>
      </c>
      <c r="B1632">
        <v>108.446</v>
      </c>
      <c r="C1632">
        <v>119.625</v>
      </c>
      <c r="D1632">
        <v>189.68700000000001</v>
      </c>
      <c r="E1632">
        <v>7455.12</v>
      </c>
      <c r="F1632">
        <v>10800</v>
      </c>
      <c r="G1632">
        <v>18595.3</v>
      </c>
      <c r="H1632">
        <v>1.89764</v>
      </c>
      <c r="I1632">
        <v>22004.1</v>
      </c>
      <c r="J1632">
        <v>42.964100000000002</v>
      </c>
    </row>
    <row r="1633" spans="1:10" x14ac:dyDescent="0.25">
      <c r="A1633">
        <v>11</v>
      </c>
      <c r="B1633">
        <v>109.39100000000001</v>
      </c>
      <c r="C1633">
        <v>113.02800000000001</v>
      </c>
      <c r="D1633">
        <v>190</v>
      </c>
      <c r="E1633">
        <v>13152.8</v>
      </c>
      <c r="F1633">
        <v>10800</v>
      </c>
      <c r="G1633">
        <v>19955.900000000001</v>
      </c>
      <c r="H1633">
        <v>3.8110200000000001</v>
      </c>
      <c r="I1633">
        <v>26815.3</v>
      </c>
      <c r="J1633">
        <v>36.193100000000001</v>
      </c>
    </row>
    <row r="1634" spans="1:10" x14ac:dyDescent="0.25">
      <c r="A1634">
        <v>11</v>
      </c>
      <c r="B1634">
        <v>105.848</v>
      </c>
      <c r="C1634">
        <v>114.913</v>
      </c>
      <c r="D1634">
        <v>189.06</v>
      </c>
      <c r="E1634">
        <v>7710.24</v>
      </c>
      <c r="F1634">
        <v>10800</v>
      </c>
      <c r="G1634">
        <v>25398.400000000001</v>
      </c>
      <c r="H1634">
        <v>1.1181099999999999</v>
      </c>
      <c r="I1634">
        <v>23946.3</v>
      </c>
      <c r="J1634">
        <v>72.396600000000007</v>
      </c>
    </row>
    <row r="1635" spans="1:10" x14ac:dyDescent="0.25">
      <c r="A1635">
        <v>11</v>
      </c>
      <c r="B1635">
        <v>109.628</v>
      </c>
      <c r="C1635">
        <v>119.93899999999999</v>
      </c>
      <c r="D1635">
        <v>187.18</v>
      </c>
      <c r="E1635">
        <v>7795.28</v>
      </c>
      <c r="F1635">
        <v>11310.2</v>
      </c>
      <c r="G1635">
        <v>22677.200000000001</v>
      </c>
      <c r="H1635">
        <v>1.89764</v>
      </c>
      <c r="I1635">
        <v>22531.3</v>
      </c>
      <c r="J1635">
        <v>23.453099999999999</v>
      </c>
    </row>
    <row r="1636" spans="1:10" x14ac:dyDescent="0.25">
      <c r="A1636">
        <v>11</v>
      </c>
      <c r="B1636">
        <v>108.919</v>
      </c>
      <c r="C1636">
        <v>119.625</v>
      </c>
      <c r="D1636">
        <v>189.06</v>
      </c>
      <c r="E1636">
        <v>10516.5</v>
      </c>
      <c r="F1636">
        <v>10800</v>
      </c>
      <c r="G1636">
        <v>24548</v>
      </c>
      <c r="H1636">
        <v>1.87402</v>
      </c>
      <c r="I1636">
        <v>24921.4</v>
      </c>
      <c r="J1636">
        <v>39.8521</v>
      </c>
    </row>
    <row r="1637" spans="1:10" x14ac:dyDescent="0.25">
      <c r="A1637">
        <v>11</v>
      </c>
      <c r="B1637">
        <v>108.446</v>
      </c>
      <c r="C1637">
        <v>119.93899999999999</v>
      </c>
      <c r="D1637">
        <v>190</v>
      </c>
      <c r="E1637">
        <v>10431.5</v>
      </c>
      <c r="F1637">
        <v>10800</v>
      </c>
      <c r="G1637">
        <v>19955.900000000001</v>
      </c>
      <c r="H1637">
        <v>1.1181099999999999</v>
      </c>
      <c r="I1637">
        <v>26427.9</v>
      </c>
      <c r="J1637">
        <v>18.2318</v>
      </c>
    </row>
    <row r="1638" spans="1:10" x14ac:dyDescent="0.25">
      <c r="A1638">
        <v>11</v>
      </c>
      <c r="B1638">
        <v>108.446</v>
      </c>
      <c r="C1638">
        <v>119.625</v>
      </c>
      <c r="D1638">
        <v>189.37299999999999</v>
      </c>
      <c r="E1638">
        <v>10091.299999999999</v>
      </c>
      <c r="F1638">
        <v>10800</v>
      </c>
      <c r="G1638">
        <v>19615.7</v>
      </c>
      <c r="H1638">
        <v>3.3622000000000001</v>
      </c>
      <c r="I1638">
        <v>23155.9</v>
      </c>
      <c r="J1638">
        <v>46.237200000000001</v>
      </c>
    </row>
    <row r="1639" spans="1:10" x14ac:dyDescent="0.25">
      <c r="A1639">
        <v>11</v>
      </c>
      <c r="B1639">
        <v>108.446</v>
      </c>
      <c r="C1639">
        <v>118.369</v>
      </c>
      <c r="D1639">
        <v>189.68700000000001</v>
      </c>
      <c r="E1639">
        <v>9921.26</v>
      </c>
      <c r="F1639">
        <v>11310.2</v>
      </c>
      <c r="G1639">
        <v>19955.900000000001</v>
      </c>
      <c r="H1639">
        <v>2.6299199999999998</v>
      </c>
      <c r="I1639">
        <v>23937.5</v>
      </c>
      <c r="J1639">
        <v>27.6755</v>
      </c>
    </row>
    <row r="1640" spans="1:10" x14ac:dyDescent="0.25">
      <c r="A1640">
        <v>11</v>
      </c>
      <c r="B1640">
        <v>104.194</v>
      </c>
      <c r="C1640">
        <v>119.625</v>
      </c>
      <c r="D1640">
        <v>189.37299999999999</v>
      </c>
      <c r="E1640">
        <v>10431.5</v>
      </c>
      <c r="F1640">
        <v>10800</v>
      </c>
      <c r="G1640">
        <v>18595.3</v>
      </c>
      <c r="H1640">
        <v>3.7401599999999999</v>
      </c>
      <c r="I1640">
        <v>23329.7</v>
      </c>
      <c r="J1640">
        <v>77.536799999999999</v>
      </c>
    </row>
    <row r="1641" spans="1:10" x14ac:dyDescent="0.25">
      <c r="A1641">
        <v>11</v>
      </c>
      <c r="B1641">
        <v>102.777</v>
      </c>
      <c r="C1641">
        <v>123.081</v>
      </c>
      <c r="D1641">
        <v>182.47900000000001</v>
      </c>
      <c r="E1641">
        <v>7200</v>
      </c>
      <c r="F1641">
        <v>10800</v>
      </c>
      <c r="G1641">
        <v>19955.900000000001</v>
      </c>
      <c r="H1641">
        <v>3.7637800000000001</v>
      </c>
      <c r="I1641">
        <v>20089.900000000001</v>
      </c>
      <c r="J1641">
        <v>33.581899999999997</v>
      </c>
    </row>
    <row r="1642" spans="1:10" x14ac:dyDescent="0.25">
      <c r="A1642">
        <v>11</v>
      </c>
      <c r="B1642">
        <v>102.777</v>
      </c>
      <c r="C1642">
        <v>123.081</v>
      </c>
      <c r="D1642">
        <v>182.47900000000001</v>
      </c>
      <c r="E1642">
        <v>7200</v>
      </c>
      <c r="F1642">
        <v>10800</v>
      </c>
      <c r="G1642">
        <v>19955.900000000001</v>
      </c>
      <c r="H1642">
        <v>3.7637800000000001</v>
      </c>
      <c r="I1642">
        <v>20089.900000000001</v>
      </c>
      <c r="J1642">
        <v>33.581899999999997</v>
      </c>
    </row>
    <row r="1643" spans="1:10" x14ac:dyDescent="0.25">
      <c r="A1643">
        <v>11</v>
      </c>
      <c r="B1643">
        <v>105.848</v>
      </c>
      <c r="C1643">
        <v>114.913</v>
      </c>
      <c r="D1643">
        <v>189.06</v>
      </c>
      <c r="E1643">
        <v>7710.24</v>
      </c>
      <c r="F1643">
        <v>14881.9</v>
      </c>
      <c r="G1643">
        <v>22677.200000000001</v>
      </c>
      <c r="H1643">
        <v>1.09449</v>
      </c>
      <c r="I1643">
        <v>28153.9</v>
      </c>
      <c r="J1643">
        <v>16.915900000000001</v>
      </c>
    </row>
    <row r="1644" spans="1:10" x14ac:dyDescent="0.25">
      <c r="A1644">
        <v>11</v>
      </c>
      <c r="B1644">
        <v>105.848</v>
      </c>
      <c r="C1644">
        <v>114.913</v>
      </c>
      <c r="D1644">
        <v>189.06</v>
      </c>
      <c r="E1644">
        <v>7710.24</v>
      </c>
      <c r="F1644">
        <v>14881.9</v>
      </c>
      <c r="G1644">
        <v>22677.200000000001</v>
      </c>
      <c r="H1644">
        <v>1.09449</v>
      </c>
      <c r="I1644">
        <v>28153.9</v>
      </c>
      <c r="J1644">
        <v>16.915900000000001</v>
      </c>
    </row>
    <row r="1645" spans="1:10" x14ac:dyDescent="0.25">
      <c r="A1645">
        <v>11</v>
      </c>
      <c r="B1645">
        <v>102.777</v>
      </c>
      <c r="C1645">
        <v>123.081</v>
      </c>
      <c r="D1645">
        <v>182.47900000000001</v>
      </c>
      <c r="E1645">
        <v>7200</v>
      </c>
      <c r="F1645">
        <v>10800</v>
      </c>
      <c r="G1645">
        <v>19955.900000000001</v>
      </c>
      <c r="H1645">
        <v>3.7637800000000001</v>
      </c>
      <c r="I1645">
        <v>20089.900000000001</v>
      </c>
      <c r="J1645">
        <v>33.581899999999997</v>
      </c>
    </row>
    <row r="1646" spans="1:10" x14ac:dyDescent="0.25">
      <c r="A1646">
        <v>11</v>
      </c>
      <c r="B1646">
        <v>109.628</v>
      </c>
      <c r="C1646">
        <v>119.93899999999999</v>
      </c>
      <c r="D1646">
        <v>187.18</v>
      </c>
      <c r="E1646">
        <v>7795.28</v>
      </c>
      <c r="F1646">
        <v>11310.2</v>
      </c>
      <c r="G1646">
        <v>22677.200000000001</v>
      </c>
      <c r="H1646">
        <v>1.89764</v>
      </c>
      <c r="I1646">
        <v>22531.3</v>
      </c>
      <c r="J1646">
        <v>23.453099999999999</v>
      </c>
    </row>
    <row r="1647" spans="1:10" x14ac:dyDescent="0.25">
      <c r="A1647">
        <v>11</v>
      </c>
      <c r="B1647">
        <v>102.777</v>
      </c>
      <c r="C1647">
        <v>123.081</v>
      </c>
      <c r="D1647">
        <v>182.47900000000001</v>
      </c>
      <c r="E1647">
        <v>7200</v>
      </c>
      <c r="F1647">
        <v>10800</v>
      </c>
      <c r="G1647">
        <v>19955.900000000001</v>
      </c>
      <c r="H1647">
        <v>3.7637800000000001</v>
      </c>
      <c r="I1647">
        <v>20089.900000000001</v>
      </c>
      <c r="J1647">
        <v>33.581899999999997</v>
      </c>
    </row>
    <row r="1648" spans="1:10" x14ac:dyDescent="0.25">
      <c r="A1648">
        <v>11</v>
      </c>
      <c r="B1648">
        <v>109.628</v>
      </c>
      <c r="C1648">
        <v>119.93899999999999</v>
      </c>
      <c r="D1648">
        <v>187.18</v>
      </c>
      <c r="E1648">
        <v>7795.28</v>
      </c>
      <c r="F1648">
        <v>11310.2</v>
      </c>
      <c r="G1648">
        <v>22677.200000000001</v>
      </c>
      <c r="H1648">
        <v>1.89764</v>
      </c>
      <c r="I1648">
        <v>22531.3</v>
      </c>
      <c r="J1648">
        <v>23.453099999999999</v>
      </c>
    </row>
    <row r="1649" spans="1:10" x14ac:dyDescent="0.25">
      <c r="A1649">
        <v>11</v>
      </c>
      <c r="B1649">
        <v>105.848</v>
      </c>
      <c r="C1649">
        <v>114.913</v>
      </c>
      <c r="D1649">
        <v>189.06</v>
      </c>
      <c r="E1649">
        <v>7710.24</v>
      </c>
      <c r="F1649">
        <v>14881.9</v>
      </c>
      <c r="G1649">
        <v>22677.200000000001</v>
      </c>
      <c r="H1649">
        <v>1.09449</v>
      </c>
      <c r="I1649">
        <v>28153.9</v>
      </c>
      <c r="J1649">
        <v>16.915900000000001</v>
      </c>
    </row>
    <row r="1650" spans="1:10" x14ac:dyDescent="0.25">
      <c r="A1650">
        <v>11</v>
      </c>
      <c r="B1650">
        <v>102.777</v>
      </c>
      <c r="C1650">
        <v>123.081</v>
      </c>
      <c r="D1650">
        <v>182.47900000000001</v>
      </c>
      <c r="E1650">
        <v>7200</v>
      </c>
      <c r="F1650">
        <v>10800</v>
      </c>
      <c r="G1650">
        <v>19955.900000000001</v>
      </c>
      <c r="H1650">
        <v>3.7637800000000001</v>
      </c>
      <c r="I1650">
        <v>20089.900000000001</v>
      </c>
      <c r="J1650">
        <v>33.581899999999997</v>
      </c>
    </row>
    <row r="1651" spans="1:10" x14ac:dyDescent="0.25">
      <c r="A1651">
        <v>11</v>
      </c>
      <c r="B1651">
        <v>105.848</v>
      </c>
      <c r="C1651">
        <v>114.913</v>
      </c>
      <c r="D1651">
        <v>189.06</v>
      </c>
      <c r="E1651">
        <v>7710.24</v>
      </c>
      <c r="F1651">
        <v>14881.9</v>
      </c>
      <c r="G1651">
        <v>22677.200000000001</v>
      </c>
      <c r="H1651">
        <v>1.09449</v>
      </c>
      <c r="I1651">
        <v>28153.9</v>
      </c>
      <c r="J1651">
        <v>16.915900000000001</v>
      </c>
    </row>
    <row r="1652" spans="1:10" x14ac:dyDescent="0.25">
      <c r="A1652">
        <v>11</v>
      </c>
      <c r="B1652">
        <v>109.628</v>
      </c>
      <c r="C1652">
        <v>119.93899999999999</v>
      </c>
      <c r="D1652">
        <v>187.18</v>
      </c>
      <c r="E1652">
        <v>7795.28</v>
      </c>
      <c r="F1652">
        <v>11310.2</v>
      </c>
      <c r="G1652">
        <v>22677.200000000001</v>
      </c>
      <c r="H1652">
        <v>1.89764</v>
      </c>
      <c r="I1652">
        <v>22531.3</v>
      </c>
      <c r="J1652">
        <v>23.453099999999999</v>
      </c>
    </row>
    <row r="1653" spans="1:10" x14ac:dyDescent="0.25">
      <c r="A1653">
        <v>11</v>
      </c>
      <c r="B1653">
        <v>102.777</v>
      </c>
      <c r="C1653">
        <v>123.081</v>
      </c>
      <c r="D1653">
        <v>182.47900000000001</v>
      </c>
      <c r="E1653">
        <v>7200</v>
      </c>
      <c r="F1653">
        <v>10800</v>
      </c>
      <c r="G1653">
        <v>19955.900000000001</v>
      </c>
      <c r="H1653">
        <v>3.7637800000000001</v>
      </c>
      <c r="I1653">
        <v>20089.900000000001</v>
      </c>
      <c r="J1653">
        <v>33.581899999999997</v>
      </c>
    </row>
    <row r="1654" spans="1:10" x14ac:dyDescent="0.25">
      <c r="A1654">
        <v>11</v>
      </c>
      <c r="B1654">
        <v>105.848</v>
      </c>
      <c r="C1654">
        <v>114.913</v>
      </c>
      <c r="D1654">
        <v>189.06</v>
      </c>
      <c r="E1654">
        <v>7710.24</v>
      </c>
      <c r="F1654">
        <v>14881.9</v>
      </c>
      <c r="G1654">
        <v>22677.200000000001</v>
      </c>
      <c r="H1654">
        <v>1.09449</v>
      </c>
      <c r="I1654">
        <v>28153.9</v>
      </c>
      <c r="J1654">
        <v>16.915900000000001</v>
      </c>
    </row>
    <row r="1655" spans="1:10" x14ac:dyDescent="0.25">
      <c r="A1655">
        <v>11</v>
      </c>
      <c r="B1655">
        <v>109.628</v>
      </c>
      <c r="C1655">
        <v>119.93899999999999</v>
      </c>
      <c r="D1655">
        <v>187.18</v>
      </c>
      <c r="E1655">
        <v>7795.28</v>
      </c>
      <c r="F1655">
        <v>11310.2</v>
      </c>
      <c r="G1655">
        <v>22677.200000000001</v>
      </c>
      <c r="H1655">
        <v>1.89764</v>
      </c>
      <c r="I1655">
        <v>22531.3</v>
      </c>
      <c r="J1655">
        <v>23.453099999999999</v>
      </c>
    </row>
    <row r="1656" spans="1:10" x14ac:dyDescent="0.25">
      <c r="A1656">
        <v>11</v>
      </c>
      <c r="B1656">
        <v>102.777</v>
      </c>
      <c r="C1656">
        <v>123.081</v>
      </c>
      <c r="D1656">
        <v>182.47900000000001</v>
      </c>
      <c r="E1656">
        <v>7200</v>
      </c>
      <c r="F1656">
        <v>10800</v>
      </c>
      <c r="G1656">
        <v>19955.900000000001</v>
      </c>
      <c r="H1656">
        <v>3.7637800000000001</v>
      </c>
      <c r="I1656">
        <v>20089.900000000001</v>
      </c>
      <c r="J1656">
        <v>33.581899999999997</v>
      </c>
    </row>
    <row r="1657" spans="1:10" x14ac:dyDescent="0.25">
      <c r="A1657">
        <v>11</v>
      </c>
      <c r="B1657">
        <v>102.777</v>
      </c>
      <c r="C1657">
        <v>123.081</v>
      </c>
      <c r="D1657">
        <v>182.47900000000001</v>
      </c>
      <c r="E1657">
        <v>7200</v>
      </c>
      <c r="F1657">
        <v>10800</v>
      </c>
      <c r="G1657">
        <v>19955.900000000001</v>
      </c>
      <c r="H1657">
        <v>3.7637800000000001</v>
      </c>
      <c r="I1657">
        <v>20089.900000000001</v>
      </c>
      <c r="J1657">
        <v>33.581899999999997</v>
      </c>
    </row>
    <row r="1658" spans="1:10" x14ac:dyDescent="0.25">
      <c r="A1658">
        <v>11</v>
      </c>
      <c r="B1658">
        <v>109.628</v>
      </c>
      <c r="C1658">
        <v>119.93899999999999</v>
      </c>
      <c r="D1658">
        <v>187.18</v>
      </c>
      <c r="E1658">
        <v>7795.28</v>
      </c>
      <c r="F1658">
        <v>11310.2</v>
      </c>
      <c r="G1658">
        <v>22677.200000000001</v>
      </c>
      <c r="H1658">
        <v>1.89764</v>
      </c>
      <c r="I1658">
        <v>22531.3</v>
      </c>
      <c r="J1658">
        <v>23.453099999999999</v>
      </c>
    </row>
    <row r="1659" spans="1:10" x14ac:dyDescent="0.25">
      <c r="A1659">
        <v>11</v>
      </c>
      <c r="B1659">
        <v>102.777</v>
      </c>
      <c r="C1659">
        <v>123.081</v>
      </c>
      <c r="D1659">
        <v>182.47900000000001</v>
      </c>
      <c r="E1659">
        <v>7200</v>
      </c>
      <c r="F1659">
        <v>10800</v>
      </c>
      <c r="G1659">
        <v>19955.900000000001</v>
      </c>
      <c r="H1659">
        <v>3.7637800000000001</v>
      </c>
      <c r="I1659">
        <v>20089.900000000001</v>
      </c>
      <c r="J1659">
        <v>33.581899999999997</v>
      </c>
    </row>
    <row r="1660" spans="1:10" x14ac:dyDescent="0.25">
      <c r="A1660">
        <v>11</v>
      </c>
      <c r="B1660">
        <v>102.777</v>
      </c>
      <c r="C1660">
        <v>123.081</v>
      </c>
      <c r="D1660">
        <v>182.47900000000001</v>
      </c>
      <c r="E1660">
        <v>7200</v>
      </c>
      <c r="F1660">
        <v>10800</v>
      </c>
      <c r="G1660">
        <v>19955.900000000001</v>
      </c>
      <c r="H1660">
        <v>3.7637800000000001</v>
      </c>
      <c r="I1660">
        <v>20089.900000000001</v>
      </c>
      <c r="J1660">
        <v>33.581899999999997</v>
      </c>
    </row>
    <row r="1661" spans="1:10" x14ac:dyDescent="0.25">
      <c r="A1661">
        <v>11</v>
      </c>
      <c r="B1661">
        <v>108.446</v>
      </c>
      <c r="C1661">
        <v>118.369</v>
      </c>
      <c r="D1661">
        <v>189.68700000000001</v>
      </c>
      <c r="E1661">
        <v>10431.5</v>
      </c>
      <c r="F1661">
        <v>10800</v>
      </c>
      <c r="G1661">
        <v>19955.900000000001</v>
      </c>
      <c r="H1661">
        <v>1.1181099999999999</v>
      </c>
      <c r="I1661">
        <v>26820.6</v>
      </c>
      <c r="J1661">
        <v>17.5837</v>
      </c>
    </row>
    <row r="1662" spans="1:10" x14ac:dyDescent="0.25">
      <c r="A1662">
        <v>11</v>
      </c>
      <c r="B1662">
        <v>109.155</v>
      </c>
      <c r="C1662">
        <v>119.93899999999999</v>
      </c>
      <c r="D1662">
        <v>190</v>
      </c>
      <c r="E1662">
        <v>10091.299999999999</v>
      </c>
      <c r="F1662">
        <v>10800</v>
      </c>
      <c r="G1662">
        <v>25398.400000000001</v>
      </c>
      <c r="H1662">
        <v>1.37795</v>
      </c>
      <c r="I1662">
        <v>25722.5</v>
      </c>
      <c r="J1662">
        <v>19.799600000000002</v>
      </c>
    </row>
    <row r="1663" spans="1:10" x14ac:dyDescent="0.25">
      <c r="A1663">
        <v>11</v>
      </c>
      <c r="B1663">
        <v>94.273200000000003</v>
      </c>
      <c r="C1663">
        <v>123.395</v>
      </c>
      <c r="D1663">
        <v>184.672</v>
      </c>
      <c r="E1663">
        <v>7370.08</v>
      </c>
      <c r="F1663">
        <v>10800</v>
      </c>
      <c r="G1663">
        <v>22677.200000000001</v>
      </c>
      <c r="H1663">
        <v>1.89764</v>
      </c>
      <c r="I1663">
        <v>21792.9</v>
      </c>
      <c r="J1663">
        <v>31.204499999999999</v>
      </c>
    </row>
    <row r="1664" spans="1:10" x14ac:dyDescent="0.25">
      <c r="A1664">
        <v>11</v>
      </c>
      <c r="B1664">
        <v>109.628</v>
      </c>
      <c r="C1664">
        <v>119.93899999999999</v>
      </c>
      <c r="D1664">
        <v>187.18</v>
      </c>
      <c r="E1664">
        <v>7795.28</v>
      </c>
      <c r="F1664">
        <v>11310.2</v>
      </c>
      <c r="G1664">
        <v>22677.200000000001</v>
      </c>
      <c r="H1664">
        <v>1.89764</v>
      </c>
      <c r="I1664">
        <v>22531.3</v>
      </c>
      <c r="J1664">
        <v>23.453099999999999</v>
      </c>
    </row>
    <row r="1665" spans="1:10" x14ac:dyDescent="0.25">
      <c r="A1665">
        <v>11</v>
      </c>
      <c r="B1665">
        <v>106.79300000000001</v>
      </c>
      <c r="C1665">
        <v>124.024</v>
      </c>
      <c r="D1665">
        <v>184.04599999999999</v>
      </c>
      <c r="E1665">
        <v>10516.5</v>
      </c>
      <c r="F1665">
        <v>19984.3</v>
      </c>
      <c r="G1665">
        <v>20636.2</v>
      </c>
      <c r="H1665">
        <v>2.25197</v>
      </c>
      <c r="I1665">
        <v>36430.5</v>
      </c>
      <c r="J1665">
        <v>16.778199999999998</v>
      </c>
    </row>
    <row r="1666" spans="1:10" x14ac:dyDescent="0.25">
      <c r="A1666">
        <v>11</v>
      </c>
      <c r="B1666">
        <v>102.777</v>
      </c>
      <c r="C1666">
        <v>123.081</v>
      </c>
      <c r="D1666">
        <v>182.47900000000001</v>
      </c>
      <c r="E1666">
        <v>7200</v>
      </c>
      <c r="F1666">
        <v>10800</v>
      </c>
      <c r="G1666">
        <v>19955.900000000001</v>
      </c>
      <c r="H1666">
        <v>3.7637800000000001</v>
      </c>
      <c r="I1666">
        <v>20089.900000000001</v>
      </c>
      <c r="J1666">
        <v>33.581899999999997</v>
      </c>
    </row>
    <row r="1667" spans="1:10" x14ac:dyDescent="0.25">
      <c r="A1667">
        <v>11</v>
      </c>
      <c r="B1667">
        <v>94.273200000000003</v>
      </c>
      <c r="C1667">
        <v>123.395</v>
      </c>
      <c r="D1667">
        <v>189.68700000000001</v>
      </c>
      <c r="E1667">
        <v>7370.08</v>
      </c>
      <c r="F1667">
        <v>10800</v>
      </c>
      <c r="G1667">
        <v>22677.200000000001</v>
      </c>
      <c r="H1667">
        <v>1.82677</v>
      </c>
      <c r="I1667">
        <v>21744.9</v>
      </c>
      <c r="J1667">
        <v>31.503900000000002</v>
      </c>
    </row>
    <row r="1668" spans="1:10" x14ac:dyDescent="0.25">
      <c r="A1668">
        <v>11</v>
      </c>
      <c r="B1668">
        <v>108.446</v>
      </c>
      <c r="C1668">
        <v>118.369</v>
      </c>
      <c r="D1668">
        <v>189.68700000000001</v>
      </c>
      <c r="E1668">
        <v>10431.5</v>
      </c>
      <c r="F1668">
        <v>10800</v>
      </c>
      <c r="G1668">
        <v>19955.900000000001</v>
      </c>
      <c r="H1668">
        <v>1.1181099999999999</v>
      </c>
      <c r="I1668">
        <v>26820.6</v>
      </c>
      <c r="J1668">
        <v>17.5837</v>
      </c>
    </row>
    <row r="1669" spans="1:10" x14ac:dyDescent="0.25">
      <c r="A1669">
        <v>11</v>
      </c>
      <c r="B1669">
        <v>108.446</v>
      </c>
      <c r="C1669">
        <v>118.369</v>
      </c>
      <c r="D1669">
        <v>189.68700000000001</v>
      </c>
      <c r="E1669">
        <v>10431.5</v>
      </c>
      <c r="F1669">
        <v>10800</v>
      </c>
      <c r="G1669">
        <v>19955.900000000001</v>
      </c>
      <c r="H1669">
        <v>1.1181099999999999</v>
      </c>
      <c r="I1669">
        <v>26820.6</v>
      </c>
      <c r="J1669">
        <v>17.5837</v>
      </c>
    </row>
    <row r="1670" spans="1:10" x14ac:dyDescent="0.25">
      <c r="A1670">
        <v>11</v>
      </c>
      <c r="B1670">
        <v>109.628</v>
      </c>
      <c r="C1670">
        <v>119.93899999999999</v>
      </c>
      <c r="D1670">
        <v>187.18</v>
      </c>
      <c r="E1670">
        <v>7795.28</v>
      </c>
      <c r="F1670">
        <v>11310.2</v>
      </c>
      <c r="G1670">
        <v>22677.200000000001</v>
      </c>
      <c r="H1670">
        <v>1.89764</v>
      </c>
      <c r="I1670">
        <v>22531.3</v>
      </c>
      <c r="J1670">
        <v>23.453099999999999</v>
      </c>
    </row>
    <row r="1671" spans="1:10" x14ac:dyDescent="0.25">
      <c r="A1671">
        <v>11</v>
      </c>
      <c r="B1671">
        <v>102.777</v>
      </c>
      <c r="C1671">
        <v>123.081</v>
      </c>
      <c r="D1671">
        <v>182.47900000000001</v>
      </c>
      <c r="E1671">
        <v>7200</v>
      </c>
      <c r="F1671">
        <v>10800</v>
      </c>
      <c r="G1671">
        <v>19955.900000000001</v>
      </c>
      <c r="H1671">
        <v>3.7637800000000001</v>
      </c>
      <c r="I1671">
        <v>20089.900000000001</v>
      </c>
      <c r="J1671">
        <v>33.581899999999997</v>
      </c>
    </row>
    <row r="1672" spans="1:10" x14ac:dyDescent="0.25">
      <c r="A1672">
        <v>11</v>
      </c>
      <c r="B1672">
        <v>102.777</v>
      </c>
      <c r="C1672">
        <v>123.081</v>
      </c>
      <c r="D1672">
        <v>182.47900000000001</v>
      </c>
      <c r="E1672">
        <v>7200</v>
      </c>
      <c r="F1672">
        <v>10800</v>
      </c>
      <c r="G1672">
        <v>19955.900000000001</v>
      </c>
      <c r="H1672">
        <v>3.7637800000000001</v>
      </c>
      <c r="I1672">
        <v>20089.900000000001</v>
      </c>
      <c r="J1672">
        <v>33.581899999999997</v>
      </c>
    </row>
    <row r="1673" spans="1:10" x14ac:dyDescent="0.25">
      <c r="A1673">
        <v>11</v>
      </c>
      <c r="B1673">
        <v>109.628</v>
      </c>
      <c r="C1673">
        <v>119.93899999999999</v>
      </c>
      <c r="D1673">
        <v>187.18</v>
      </c>
      <c r="E1673">
        <v>7795.28</v>
      </c>
      <c r="F1673">
        <v>11310.2</v>
      </c>
      <c r="G1673">
        <v>22677.200000000001</v>
      </c>
      <c r="H1673">
        <v>1.89764</v>
      </c>
      <c r="I1673">
        <v>22531.3</v>
      </c>
      <c r="J1673">
        <v>23.453099999999999</v>
      </c>
    </row>
    <row r="1674" spans="1:10" x14ac:dyDescent="0.25">
      <c r="A1674">
        <v>11</v>
      </c>
      <c r="B1674">
        <v>108.446</v>
      </c>
      <c r="C1674">
        <v>119.93899999999999</v>
      </c>
      <c r="D1674">
        <v>190</v>
      </c>
      <c r="E1674">
        <v>10091.299999999999</v>
      </c>
      <c r="F1674">
        <v>11310.2</v>
      </c>
      <c r="G1674">
        <v>19955.900000000001</v>
      </c>
      <c r="H1674">
        <v>2.6299199999999998</v>
      </c>
      <c r="I1674">
        <v>24602.6</v>
      </c>
      <c r="J1674">
        <v>20.759599999999999</v>
      </c>
    </row>
    <row r="1675" spans="1:10" x14ac:dyDescent="0.25">
      <c r="A1675">
        <v>11</v>
      </c>
      <c r="B1675">
        <v>102.777</v>
      </c>
      <c r="C1675">
        <v>123.081</v>
      </c>
      <c r="D1675">
        <v>182.47900000000001</v>
      </c>
      <c r="E1675">
        <v>7200</v>
      </c>
      <c r="F1675">
        <v>10800</v>
      </c>
      <c r="G1675">
        <v>19955.900000000001</v>
      </c>
      <c r="H1675">
        <v>3.7637800000000001</v>
      </c>
      <c r="I1675">
        <v>20089.900000000001</v>
      </c>
      <c r="J1675">
        <v>33.581899999999997</v>
      </c>
    </row>
    <row r="1676" spans="1:10" x14ac:dyDescent="0.25">
      <c r="A1676">
        <v>11</v>
      </c>
      <c r="B1676">
        <v>109.39100000000001</v>
      </c>
      <c r="C1676">
        <v>119.625</v>
      </c>
      <c r="D1676">
        <v>189.06</v>
      </c>
      <c r="E1676">
        <v>10431.5</v>
      </c>
      <c r="F1676">
        <v>10800</v>
      </c>
      <c r="G1676">
        <v>18255.099999999999</v>
      </c>
      <c r="H1676">
        <v>3.3622000000000001</v>
      </c>
      <c r="I1676">
        <v>23673.4</v>
      </c>
      <c r="J1676">
        <v>22.745200000000001</v>
      </c>
    </row>
    <row r="1677" spans="1:10" x14ac:dyDescent="0.25">
      <c r="A1677">
        <v>11</v>
      </c>
      <c r="B1677">
        <v>109.39100000000001</v>
      </c>
      <c r="C1677">
        <v>119.93899999999999</v>
      </c>
      <c r="D1677">
        <v>189.06</v>
      </c>
      <c r="E1677">
        <v>10431.5</v>
      </c>
      <c r="F1677">
        <v>10800</v>
      </c>
      <c r="G1677">
        <v>19955.900000000001</v>
      </c>
      <c r="H1677">
        <v>3.3858299999999999</v>
      </c>
      <c r="I1677">
        <v>23676</v>
      </c>
      <c r="J1677">
        <v>21.784400000000002</v>
      </c>
    </row>
    <row r="1678" spans="1:10" x14ac:dyDescent="0.25">
      <c r="A1678">
        <v>11</v>
      </c>
      <c r="B1678">
        <v>108.446</v>
      </c>
      <c r="C1678">
        <v>119.93899999999999</v>
      </c>
      <c r="D1678">
        <v>190</v>
      </c>
      <c r="E1678">
        <v>10431.5</v>
      </c>
      <c r="F1678">
        <v>10800</v>
      </c>
      <c r="G1678">
        <v>19955.900000000001</v>
      </c>
      <c r="H1678">
        <v>1.1181099999999999</v>
      </c>
      <c r="I1678">
        <v>26427.9</v>
      </c>
      <c r="J1678">
        <v>18.2318</v>
      </c>
    </row>
    <row r="1681" spans="1:10" x14ac:dyDescent="0.25">
      <c r="A1681">
        <v>12</v>
      </c>
      <c r="B1681">
        <v>109.628</v>
      </c>
      <c r="C1681">
        <v>119.93899999999999</v>
      </c>
      <c r="D1681">
        <v>187.18</v>
      </c>
      <c r="E1681">
        <v>7795.28</v>
      </c>
      <c r="F1681">
        <v>11310.2</v>
      </c>
      <c r="G1681">
        <v>22677.200000000001</v>
      </c>
      <c r="H1681">
        <v>1.89764</v>
      </c>
      <c r="I1681">
        <v>22531.3</v>
      </c>
      <c r="J1681">
        <v>23.453099999999999</v>
      </c>
    </row>
    <row r="1682" spans="1:10" x14ac:dyDescent="0.25">
      <c r="A1682">
        <v>12</v>
      </c>
      <c r="B1682">
        <v>108.446</v>
      </c>
      <c r="C1682">
        <v>119.93899999999999</v>
      </c>
      <c r="D1682">
        <v>190</v>
      </c>
      <c r="E1682">
        <v>10091.299999999999</v>
      </c>
      <c r="F1682">
        <v>11310.2</v>
      </c>
      <c r="G1682">
        <v>19955.900000000001</v>
      </c>
      <c r="H1682">
        <v>2.6299199999999998</v>
      </c>
      <c r="I1682">
        <v>24602.6</v>
      </c>
      <c r="J1682">
        <v>20.759599999999999</v>
      </c>
    </row>
    <row r="1683" spans="1:10" x14ac:dyDescent="0.25">
      <c r="A1683">
        <v>12</v>
      </c>
      <c r="B1683">
        <v>109.155</v>
      </c>
      <c r="C1683">
        <v>119.93899999999999</v>
      </c>
      <c r="D1683">
        <v>190</v>
      </c>
      <c r="E1683">
        <v>10091.299999999999</v>
      </c>
      <c r="F1683">
        <v>10800</v>
      </c>
      <c r="G1683">
        <v>25398.400000000001</v>
      </c>
      <c r="H1683">
        <v>1.37795</v>
      </c>
      <c r="I1683">
        <v>25722.5</v>
      </c>
      <c r="J1683">
        <v>19.799600000000002</v>
      </c>
    </row>
    <row r="1684" spans="1:10" x14ac:dyDescent="0.25">
      <c r="A1684">
        <v>12</v>
      </c>
      <c r="B1684">
        <v>108.446</v>
      </c>
      <c r="C1684">
        <v>119.93899999999999</v>
      </c>
      <c r="D1684">
        <v>190</v>
      </c>
      <c r="E1684">
        <v>10431.5</v>
      </c>
      <c r="F1684">
        <v>10800</v>
      </c>
      <c r="G1684">
        <v>19955.900000000001</v>
      </c>
      <c r="H1684">
        <v>1.1181099999999999</v>
      </c>
      <c r="I1684">
        <v>26427.9</v>
      </c>
      <c r="J1684">
        <v>18.2318</v>
      </c>
    </row>
    <row r="1685" spans="1:10" x14ac:dyDescent="0.25">
      <c r="A1685">
        <v>12</v>
      </c>
      <c r="B1685">
        <v>102.777</v>
      </c>
      <c r="C1685">
        <v>123.081</v>
      </c>
      <c r="D1685">
        <v>182.47900000000001</v>
      </c>
      <c r="E1685">
        <v>7200</v>
      </c>
      <c r="F1685">
        <v>10800</v>
      </c>
      <c r="G1685">
        <v>19955.900000000001</v>
      </c>
      <c r="H1685">
        <v>3.7637800000000001</v>
      </c>
      <c r="I1685">
        <v>20089.900000000001</v>
      </c>
      <c r="J1685">
        <v>33.581899999999997</v>
      </c>
    </row>
    <row r="1686" spans="1:10" x14ac:dyDescent="0.25">
      <c r="A1686">
        <v>12</v>
      </c>
      <c r="B1686">
        <v>108.446</v>
      </c>
      <c r="C1686">
        <v>118.369</v>
      </c>
      <c r="D1686">
        <v>189.68700000000001</v>
      </c>
      <c r="E1686">
        <v>10431.5</v>
      </c>
      <c r="F1686">
        <v>10800</v>
      </c>
      <c r="G1686">
        <v>19955.900000000001</v>
      </c>
      <c r="H1686">
        <v>1.1181099999999999</v>
      </c>
      <c r="I1686">
        <v>26820.6</v>
      </c>
      <c r="J1686">
        <v>17.5837</v>
      </c>
    </row>
    <row r="1687" spans="1:10" x14ac:dyDescent="0.25">
      <c r="A1687">
        <v>12</v>
      </c>
      <c r="B1687">
        <v>105.848</v>
      </c>
      <c r="C1687">
        <v>114.913</v>
      </c>
      <c r="D1687">
        <v>189.06</v>
      </c>
      <c r="E1687">
        <v>7710.24</v>
      </c>
      <c r="F1687">
        <v>14881.9</v>
      </c>
      <c r="G1687">
        <v>22677.200000000001</v>
      </c>
      <c r="H1687">
        <v>1.09449</v>
      </c>
      <c r="I1687">
        <v>28153.9</v>
      </c>
      <c r="J1687">
        <v>16.915900000000001</v>
      </c>
    </row>
    <row r="1688" spans="1:10" x14ac:dyDescent="0.25">
      <c r="A1688">
        <v>12</v>
      </c>
      <c r="B1688">
        <v>109.39100000000001</v>
      </c>
      <c r="C1688">
        <v>119.93899999999999</v>
      </c>
      <c r="D1688">
        <v>189.06</v>
      </c>
      <c r="E1688">
        <v>10431.5</v>
      </c>
      <c r="F1688">
        <v>10800</v>
      </c>
      <c r="G1688">
        <v>19955.900000000001</v>
      </c>
      <c r="H1688">
        <v>3.3858299999999999</v>
      </c>
      <c r="I1688">
        <v>23676</v>
      </c>
      <c r="J1688">
        <v>21.784400000000002</v>
      </c>
    </row>
    <row r="1689" spans="1:10" x14ac:dyDescent="0.25">
      <c r="A1689">
        <v>12</v>
      </c>
      <c r="B1689">
        <v>108.919</v>
      </c>
      <c r="C1689">
        <v>119.93899999999999</v>
      </c>
      <c r="D1689">
        <v>189.68700000000001</v>
      </c>
      <c r="E1689">
        <v>7370.08</v>
      </c>
      <c r="F1689">
        <v>11310.2</v>
      </c>
      <c r="G1689">
        <v>19955.900000000001</v>
      </c>
      <c r="H1689">
        <v>3.3858299999999999</v>
      </c>
      <c r="I1689">
        <v>21012.799999999999</v>
      </c>
      <c r="J1689">
        <v>37.593299999999999</v>
      </c>
    </row>
    <row r="1690" spans="1:10" x14ac:dyDescent="0.25">
      <c r="A1690">
        <v>12</v>
      </c>
      <c r="B1690">
        <v>105.139</v>
      </c>
      <c r="C1690">
        <v>144.44499999999999</v>
      </c>
      <c r="D1690">
        <v>190</v>
      </c>
      <c r="E1690">
        <v>7285.04</v>
      </c>
      <c r="F1690">
        <v>10800</v>
      </c>
      <c r="G1690">
        <v>18595.3</v>
      </c>
      <c r="H1690">
        <v>3.2677200000000002</v>
      </c>
      <c r="I1690">
        <v>20394.599999999999</v>
      </c>
      <c r="J1690">
        <v>153.85599999999999</v>
      </c>
    </row>
    <row r="1691" spans="1:10" x14ac:dyDescent="0.25">
      <c r="A1691">
        <v>12</v>
      </c>
      <c r="B1691">
        <v>109.39100000000001</v>
      </c>
      <c r="C1691">
        <v>118.369</v>
      </c>
      <c r="D1691">
        <v>189.68700000000001</v>
      </c>
      <c r="E1691">
        <v>7710.24</v>
      </c>
      <c r="F1691">
        <v>11310.2</v>
      </c>
      <c r="G1691">
        <v>21316.5</v>
      </c>
      <c r="H1691">
        <v>3.4094500000000001</v>
      </c>
      <c r="I1691">
        <v>21259.3</v>
      </c>
      <c r="J1691">
        <v>51.056100000000001</v>
      </c>
    </row>
    <row r="1692" spans="1:10" x14ac:dyDescent="0.25">
      <c r="A1692">
        <v>12</v>
      </c>
      <c r="B1692">
        <v>109.628</v>
      </c>
      <c r="C1692">
        <v>114.598</v>
      </c>
      <c r="D1692">
        <v>189.68700000000001</v>
      </c>
      <c r="E1692">
        <v>7710.24</v>
      </c>
      <c r="F1692">
        <v>14881.9</v>
      </c>
      <c r="G1692">
        <v>22677.200000000001</v>
      </c>
      <c r="H1692">
        <v>1.1181099999999999</v>
      </c>
      <c r="I1692">
        <v>28826.2</v>
      </c>
      <c r="J1692">
        <v>26.432099999999998</v>
      </c>
    </row>
    <row r="1693" spans="1:10" x14ac:dyDescent="0.25">
      <c r="A1693">
        <v>12</v>
      </c>
      <c r="B1693">
        <v>109.864</v>
      </c>
      <c r="C1693">
        <v>119.625</v>
      </c>
      <c r="D1693">
        <v>189.68700000000001</v>
      </c>
      <c r="E1693">
        <v>7370.08</v>
      </c>
      <c r="F1693">
        <v>10800</v>
      </c>
      <c r="G1693">
        <v>18595.3</v>
      </c>
      <c r="H1693">
        <v>2.6063000000000001</v>
      </c>
      <c r="I1693">
        <v>20965.8</v>
      </c>
      <c r="J1693">
        <v>31.6509</v>
      </c>
    </row>
    <row r="1694" spans="1:10" x14ac:dyDescent="0.25">
      <c r="A1694">
        <v>12</v>
      </c>
      <c r="B1694">
        <v>109.39100000000001</v>
      </c>
      <c r="C1694">
        <v>119.625</v>
      </c>
      <c r="D1694">
        <v>189.06</v>
      </c>
      <c r="E1694">
        <v>10431.5</v>
      </c>
      <c r="F1694">
        <v>10800</v>
      </c>
      <c r="G1694">
        <v>18255.099999999999</v>
      </c>
      <c r="H1694">
        <v>3.3622000000000001</v>
      </c>
      <c r="I1694">
        <v>23673.4</v>
      </c>
      <c r="J1694">
        <v>22.745200000000001</v>
      </c>
    </row>
    <row r="1695" spans="1:10" x14ac:dyDescent="0.25">
      <c r="A1695">
        <v>12</v>
      </c>
      <c r="B1695">
        <v>105.848</v>
      </c>
      <c r="C1695">
        <v>114.598</v>
      </c>
      <c r="D1695">
        <v>189.06</v>
      </c>
      <c r="E1695">
        <v>7710.24</v>
      </c>
      <c r="F1695">
        <v>15392.1</v>
      </c>
      <c r="G1695">
        <v>22677.200000000001</v>
      </c>
      <c r="H1695">
        <v>1.09449</v>
      </c>
      <c r="I1695">
        <v>28503.7</v>
      </c>
      <c r="J1695">
        <v>18.190999999999999</v>
      </c>
    </row>
    <row r="1696" spans="1:10" x14ac:dyDescent="0.25">
      <c r="A1696">
        <v>12</v>
      </c>
      <c r="B1696">
        <v>100.179</v>
      </c>
      <c r="C1696">
        <v>114.913</v>
      </c>
      <c r="D1696">
        <v>187.18</v>
      </c>
      <c r="E1696">
        <v>7370.08</v>
      </c>
      <c r="F1696">
        <v>11820.5</v>
      </c>
      <c r="G1696">
        <v>19785.8</v>
      </c>
      <c r="H1696">
        <v>3.3149600000000001</v>
      </c>
      <c r="I1696">
        <v>21706.2</v>
      </c>
      <c r="J1696">
        <v>67.198499999999996</v>
      </c>
    </row>
    <row r="1697" spans="1:10" x14ac:dyDescent="0.25">
      <c r="A1697">
        <v>12</v>
      </c>
      <c r="B1697">
        <v>109.628</v>
      </c>
      <c r="C1697">
        <v>119.93899999999999</v>
      </c>
      <c r="D1697">
        <v>176.524</v>
      </c>
      <c r="E1697">
        <v>7795.28</v>
      </c>
      <c r="F1697">
        <v>11310.2</v>
      </c>
      <c r="G1697">
        <v>21146.5</v>
      </c>
      <c r="H1697">
        <v>1.92126</v>
      </c>
      <c r="I1697">
        <v>22593.599999999999</v>
      </c>
      <c r="J1697">
        <v>26.803899999999999</v>
      </c>
    </row>
    <row r="1698" spans="1:10" x14ac:dyDescent="0.25">
      <c r="A1698">
        <v>12</v>
      </c>
      <c r="B1698">
        <v>102.777</v>
      </c>
      <c r="C1698">
        <v>118.997</v>
      </c>
      <c r="D1698">
        <v>179.03100000000001</v>
      </c>
      <c r="E1698">
        <v>7285.04</v>
      </c>
      <c r="F1698">
        <v>10800</v>
      </c>
      <c r="G1698">
        <v>19955.900000000001</v>
      </c>
      <c r="H1698">
        <v>3.3858299999999999</v>
      </c>
      <c r="I1698">
        <v>20758.400000000001</v>
      </c>
      <c r="J1698">
        <v>70.295500000000004</v>
      </c>
    </row>
    <row r="1699" spans="1:10" x14ac:dyDescent="0.25">
      <c r="A1699">
        <v>12</v>
      </c>
      <c r="B1699">
        <v>108.446</v>
      </c>
      <c r="C1699">
        <v>118.68300000000001</v>
      </c>
      <c r="D1699">
        <v>189.68700000000001</v>
      </c>
      <c r="E1699">
        <v>10431.5</v>
      </c>
      <c r="F1699">
        <v>10800</v>
      </c>
      <c r="G1699">
        <v>19955.900000000001</v>
      </c>
      <c r="H1699">
        <v>1.1181099999999999</v>
      </c>
      <c r="I1699">
        <v>26852.3</v>
      </c>
      <c r="J1699">
        <v>17.710899999999999</v>
      </c>
    </row>
    <row r="1700" spans="1:10" x14ac:dyDescent="0.25">
      <c r="A1700">
        <v>12</v>
      </c>
      <c r="B1700">
        <v>109.628</v>
      </c>
      <c r="C1700">
        <v>119.93899999999999</v>
      </c>
      <c r="D1700">
        <v>177.15100000000001</v>
      </c>
      <c r="E1700">
        <v>7455.12</v>
      </c>
      <c r="F1700">
        <v>11310.2</v>
      </c>
      <c r="G1700">
        <v>20976.400000000001</v>
      </c>
      <c r="H1700">
        <v>3.4094500000000001</v>
      </c>
      <c r="I1700">
        <v>21099</v>
      </c>
      <c r="J1700">
        <v>51.871200000000002</v>
      </c>
    </row>
    <row r="1701" spans="1:10" x14ac:dyDescent="0.25">
      <c r="A1701">
        <v>12</v>
      </c>
      <c r="B1701">
        <v>105.139</v>
      </c>
      <c r="C1701">
        <v>119.625</v>
      </c>
      <c r="D1701">
        <v>190</v>
      </c>
      <c r="E1701">
        <v>10091.299999999999</v>
      </c>
      <c r="F1701">
        <v>14881.9</v>
      </c>
      <c r="G1701">
        <v>19955.900000000001</v>
      </c>
      <c r="H1701">
        <v>2.5826799999999999</v>
      </c>
      <c r="I1701">
        <v>28918.400000000001</v>
      </c>
      <c r="J1701">
        <v>27.090399999999999</v>
      </c>
    </row>
    <row r="1702" spans="1:10" x14ac:dyDescent="0.25">
      <c r="A1702">
        <v>12</v>
      </c>
      <c r="B1702">
        <v>109.39100000000001</v>
      </c>
      <c r="C1702">
        <v>118.68300000000001</v>
      </c>
      <c r="D1702">
        <v>187.49299999999999</v>
      </c>
      <c r="E1702">
        <v>7710.24</v>
      </c>
      <c r="F1702">
        <v>10800</v>
      </c>
      <c r="G1702">
        <v>18595.3</v>
      </c>
      <c r="H1702">
        <v>1.1181099999999999</v>
      </c>
      <c r="I1702">
        <v>23797.9</v>
      </c>
      <c r="J1702">
        <v>32.750399999999999</v>
      </c>
    </row>
    <row r="1703" spans="1:10" x14ac:dyDescent="0.25">
      <c r="A1703">
        <v>12</v>
      </c>
      <c r="B1703">
        <v>104.667</v>
      </c>
      <c r="C1703">
        <v>119.31100000000001</v>
      </c>
      <c r="D1703">
        <v>182.47900000000001</v>
      </c>
      <c r="E1703">
        <v>10091.299999999999</v>
      </c>
      <c r="F1703">
        <v>10800</v>
      </c>
      <c r="G1703">
        <v>19615.7</v>
      </c>
      <c r="H1703">
        <v>3.3858299999999999</v>
      </c>
      <c r="I1703">
        <v>23369.9</v>
      </c>
      <c r="J1703">
        <v>36.5749</v>
      </c>
    </row>
    <row r="1704" spans="1:10" x14ac:dyDescent="0.25">
      <c r="A1704">
        <v>12</v>
      </c>
      <c r="B1704">
        <v>109.155</v>
      </c>
      <c r="C1704">
        <v>119.93899999999999</v>
      </c>
      <c r="D1704">
        <v>189.37299999999999</v>
      </c>
      <c r="E1704">
        <v>7370.08</v>
      </c>
      <c r="F1704">
        <v>11310.2</v>
      </c>
      <c r="G1704">
        <v>22677.200000000001</v>
      </c>
      <c r="H1704">
        <v>1.09449</v>
      </c>
      <c r="I1704">
        <v>24430.6</v>
      </c>
      <c r="J1704">
        <v>35.375700000000002</v>
      </c>
    </row>
    <row r="1705" spans="1:10" x14ac:dyDescent="0.25">
      <c r="A1705">
        <v>12</v>
      </c>
      <c r="B1705">
        <v>108.446</v>
      </c>
      <c r="C1705">
        <v>118.997</v>
      </c>
      <c r="D1705">
        <v>189.68700000000001</v>
      </c>
      <c r="E1705">
        <v>7710.24</v>
      </c>
      <c r="F1705">
        <v>10800</v>
      </c>
      <c r="G1705">
        <v>19955.900000000001</v>
      </c>
      <c r="H1705">
        <v>3.7637800000000001</v>
      </c>
      <c r="I1705">
        <v>20687.400000000001</v>
      </c>
      <c r="J1705">
        <v>48.829900000000002</v>
      </c>
    </row>
    <row r="1706" spans="1:10" x14ac:dyDescent="0.25">
      <c r="A1706">
        <v>12</v>
      </c>
      <c r="B1706">
        <v>108.446</v>
      </c>
      <c r="C1706">
        <v>119.93899999999999</v>
      </c>
      <c r="D1706">
        <v>189.06</v>
      </c>
      <c r="E1706">
        <v>7710.24</v>
      </c>
      <c r="F1706">
        <v>10800</v>
      </c>
      <c r="G1706">
        <v>19955.900000000001</v>
      </c>
      <c r="H1706">
        <v>3.3622000000000001</v>
      </c>
      <c r="I1706">
        <v>20828.5</v>
      </c>
      <c r="J1706">
        <v>37.583399999999997</v>
      </c>
    </row>
    <row r="1707" spans="1:10" x14ac:dyDescent="0.25">
      <c r="A1707">
        <v>12</v>
      </c>
      <c r="B1707">
        <v>102.777</v>
      </c>
      <c r="C1707">
        <v>113.02800000000001</v>
      </c>
      <c r="D1707">
        <v>177.465</v>
      </c>
      <c r="E1707">
        <v>7200</v>
      </c>
      <c r="F1707">
        <v>10800</v>
      </c>
      <c r="G1707">
        <v>19615.7</v>
      </c>
      <c r="H1707">
        <v>3.3858299999999999</v>
      </c>
      <c r="I1707">
        <v>20975.1</v>
      </c>
      <c r="J1707">
        <v>97.2256</v>
      </c>
    </row>
    <row r="1708" spans="1:10" x14ac:dyDescent="0.25">
      <c r="A1708">
        <v>12</v>
      </c>
      <c r="B1708">
        <v>109.39100000000001</v>
      </c>
      <c r="C1708">
        <v>113.97</v>
      </c>
      <c r="D1708">
        <v>189.06</v>
      </c>
      <c r="E1708">
        <v>7710.24</v>
      </c>
      <c r="F1708">
        <v>10800</v>
      </c>
      <c r="G1708">
        <v>18595.3</v>
      </c>
      <c r="H1708">
        <v>3.7637800000000001</v>
      </c>
      <c r="I1708">
        <v>20787.099999999999</v>
      </c>
      <c r="J1708">
        <v>66.666799999999995</v>
      </c>
    </row>
    <row r="1709" spans="1:10" x14ac:dyDescent="0.25">
      <c r="A1709">
        <v>12</v>
      </c>
      <c r="B1709">
        <v>109.39100000000001</v>
      </c>
      <c r="C1709">
        <v>119.625</v>
      </c>
      <c r="D1709">
        <v>189.68700000000001</v>
      </c>
      <c r="E1709">
        <v>7710.24</v>
      </c>
      <c r="F1709">
        <v>10800</v>
      </c>
      <c r="G1709">
        <v>19615.7</v>
      </c>
      <c r="H1709">
        <v>3.7637800000000001</v>
      </c>
      <c r="I1709">
        <v>20694.3</v>
      </c>
      <c r="J1709">
        <v>44.383499999999998</v>
      </c>
    </row>
    <row r="1710" spans="1:10" x14ac:dyDescent="0.25">
      <c r="A1710">
        <v>12</v>
      </c>
      <c r="B1710">
        <v>104.90300000000001</v>
      </c>
      <c r="C1710">
        <v>119.625</v>
      </c>
      <c r="D1710">
        <v>190</v>
      </c>
      <c r="E1710">
        <v>10091.299999999999</v>
      </c>
      <c r="F1710">
        <v>10800</v>
      </c>
      <c r="G1710">
        <v>19955.900000000001</v>
      </c>
      <c r="H1710">
        <v>2.5354299999999999</v>
      </c>
      <c r="I1710">
        <v>23726.799999999999</v>
      </c>
      <c r="J1710">
        <v>37.490099999999998</v>
      </c>
    </row>
    <row r="1711" spans="1:10" x14ac:dyDescent="0.25">
      <c r="A1711">
        <v>12</v>
      </c>
      <c r="B1711">
        <v>108.919</v>
      </c>
      <c r="C1711">
        <v>119.93899999999999</v>
      </c>
      <c r="D1711">
        <v>189.68700000000001</v>
      </c>
      <c r="E1711">
        <v>10091.299999999999</v>
      </c>
      <c r="F1711">
        <v>11310.2</v>
      </c>
      <c r="G1711">
        <v>19785.8</v>
      </c>
      <c r="H1711">
        <v>2.7244100000000002</v>
      </c>
      <c r="I1711">
        <v>24236.1</v>
      </c>
      <c r="J1711">
        <v>29.311</v>
      </c>
    </row>
    <row r="1712" spans="1:10" x14ac:dyDescent="0.25">
      <c r="A1712">
        <v>12</v>
      </c>
      <c r="B1712">
        <v>109.39100000000001</v>
      </c>
      <c r="C1712">
        <v>119.625</v>
      </c>
      <c r="D1712">
        <v>189.37299999999999</v>
      </c>
      <c r="E1712">
        <v>7370.08</v>
      </c>
      <c r="F1712">
        <v>10800</v>
      </c>
      <c r="G1712">
        <v>18595.3</v>
      </c>
      <c r="H1712">
        <v>2.6063000000000001</v>
      </c>
      <c r="I1712">
        <v>20939.5</v>
      </c>
      <c r="J1712">
        <v>33.782400000000003</v>
      </c>
    </row>
    <row r="1713" spans="1:10" x14ac:dyDescent="0.25">
      <c r="A1713">
        <v>12</v>
      </c>
      <c r="B1713">
        <v>109.39100000000001</v>
      </c>
      <c r="C1713">
        <v>114.598</v>
      </c>
      <c r="D1713">
        <v>190</v>
      </c>
      <c r="E1713">
        <v>10431.5</v>
      </c>
      <c r="F1713">
        <v>10800</v>
      </c>
      <c r="G1713">
        <v>19955.900000000001</v>
      </c>
      <c r="H1713">
        <v>3.2913399999999999</v>
      </c>
      <c r="I1713">
        <v>23675.7</v>
      </c>
      <c r="J1713">
        <v>43.577300000000001</v>
      </c>
    </row>
    <row r="1714" spans="1:10" x14ac:dyDescent="0.25">
      <c r="A1714">
        <v>12</v>
      </c>
      <c r="B1714">
        <v>108.446</v>
      </c>
      <c r="C1714">
        <v>123.395</v>
      </c>
      <c r="D1714">
        <v>184.672</v>
      </c>
      <c r="E1714">
        <v>7370.08</v>
      </c>
      <c r="F1714">
        <v>27127.599999999999</v>
      </c>
      <c r="G1714">
        <v>18595.3</v>
      </c>
      <c r="H1714">
        <v>1.09449</v>
      </c>
      <c r="I1714">
        <v>40977.300000000003</v>
      </c>
      <c r="J1714">
        <v>86.1053</v>
      </c>
    </row>
    <row r="1715" spans="1:10" x14ac:dyDescent="0.25">
      <c r="A1715">
        <v>12</v>
      </c>
      <c r="B1715">
        <v>108.446</v>
      </c>
      <c r="C1715">
        <v>119.93899999999999</v>
      </c>
      <c r="D1715">
        <v>190</v>
      </c>
      <c r="E1715">
        <v>10091.299999999999</v>
      </c>
      <c r="F1715">
        <v>11310.2</v>
      </c>
      <c r="G1715">
        <v>19955.900000000001</v>
      </c>
      <c r="H1715">
        <v>2.6299199999999998</v>
      </c>
      <c r="I1715">
        <v>24602.6</v>
      </c>
      <c r="J1715">
        <v>20.759599999999999</v>
      </c>
    </row>
    <row r="1716" spans="1:10" x14ac:dyDescent="0.25">
      <c r="A1716">
        <v>12</v>
      </c>
      <c r="B1716">
        <v>108.446</v>
      </c>
      <c r="C1716">
        <v>119.93899999999999</v>
      </c>
      <c r="D1716">
        <v>190</v>
      </c>
      <c r="E1716">
        <v>7370.08</v>
      </c>
      <c r="F1716">
        <v>12330.7</v>
      </c>
      <c r="G1716">
        <v>19955.900000000001</v>
      </c>
      <c r="H1716">
        <v>2.6299199999999998</v>
      </c>
      <c r="I1716">
        <v>22611.599999999999</v>
      </c>
      <c r="J1716">
        <v>46.612499999999997</v>
      </c>
    </row>
    <row r="1717" spans="1:10" x14ac:dyDescent="0.25">
      <c r="A1717">
        <v>12</v>
      </c>
      <c r="B1717">
        <v>108.446</v>
      </c>
      <c r="C1717">
        <v>119.93899999999999</v>
      </c>
      <c r="D1717">
        <v>189.06</v>
      </c>
      <c r="E1717">
        <v>10431.5</v>
      </c>
      <c r="F1717">
        <v>10800</v>
      </c>
      <c r="G1717">
        <v>18255.099999999999</v>
      </c>
      <c r="H1717">
        <v>2.6299199999999998</v>
      </c>
      <c r="I1717">
        <v>24342.5</v>
      </c>
      <c r="J1717">
        <v>24.718699999999998</v>
      </c>
    </row>
    <row r="1718" spans="1:10" x14ac:dyDescent="0.25">
      <c r="A1718">
        <v>12</v>
      </c>
      <c r="B1718">
        <v>101.83199999999999</v>
      </c>
      <c r="C1718">
        <v>119.625</v>
      </c>
      <c r="D1718">
        <v>189.06</v>
      </c>
      <c r="E1718">
        <v>10431.5</v>
      </c>
      <c r="F1718">
        <v>10800</v>
      </c>
      <c r="G1718">
        <v>18255.099999999999</v>
      </c>
      <c r="H1718">
        <v>3.3622000000000001</v>
      </c>
      <c r="I1718">
        <v>23541.4</v>
      </c>
      <c r="J1718">
        <v>81.170199999999994</v>
      </c>
    </row>
    <row r="1719" spans="1:10" x14ac:dyDescent="0.25">
      <c r="A1719">
        <v>12</v>
      </c>
      <c r="B1719">
        <v>108.919</v>
      </c>
      <c r="C1719">
        <v>118.369</v>
      </c>
      <c r="D1719">
        <v>190</v>
      </c>
      <c r="E1719">
        <v>7370.08</v>
      </c>
      <c r="F1719">
        <v>11310.2</v>
      </c>
      <c r="G1719">
        <v>19615.7</v>
      </c>
      <c r="H1719">
        <v>2.9133900000000001</v>
      </c>
      <c r="I1719">
        <v>21202.6</v>
      </c>
      <c r="J1719">
        <v>42.625100000000003</v>
      </c>
    </row>
    <row r="1720" spans="1:10" x14ac:dyDescent="0.25">
      <c r="A1720">
        <v>12</v>
      </c>
      <c r="B1720">
        <v>105.139</v>
      </c>
      <c r="C1720">
        <v>119.625</v>
      </c>
      <c r="D1720">
        <v>189.06</v>
      </c>
      <c r="E1720">
        <v>7710.24</v>
      </c>
      <c r="F1720">
        <v>14881.9</v>
      </c>
      <c r="G1720">
        <v>22677.200000000001</v>
      </c>
      <c r="H1720">
        <v>3.4094500000000001</v>
      </c>
      <c r="I1720">
        <v>27164.2</v>
      </c>
      <c r="J1720">
        <v>39.489400000000003</v>
      </c>
    </row>
    <row r="1721" spans="1:10" x14ac:dyDescent="0.25">
      <c r="A1721">
        <v>12</v>
      </c>
      <c r="B1721">
        <v>107.502</v>
      </c>
      <c r="C1721">
        <v>119.93899999999999</v>
      </c>
      <c r="D1721">
        <v>189.06</v>
      </c>
      <c r="E1721">
        <v>7710.24</v>
      </c>
      <c r="F1721">
        <v>11310.2</v>
      </c>
      <c r="G1721">
        <v>22677.200000000001</v>
      </c>
      <c r="H1721">
        <v>3.3858299999999999</v>
      </c>
      <c r="I1721">
        <v>21371.4</v>
      </c>
      <c r="J1721">
        <v>39.437199999999997</v>
      </c>
    </row>
    <row r="1722" spans="1:10" x14ac:dyDescent="0.25">
      <c r="A1722">
        <v>12</v>
      </c>
      <c r="B1722">
        <v>108.68300000000001</v>
      </c>
      <c r="C1722">
        <v>118.369</v>
      </c>
      <c r="D1722">
        <v>179.65799999999999</v>
      </c>
      <c r="E1722">
        <v>7710.24</v>
      </c>
      <c r="F1722">
        <v>11310.2</v>
      </c>
      <c r="G1722">
        <v>22677.200000000001</v>
      </c>
      <c r="H1722">
        <v>1.1653500000000001</v>
      </c>
      <c r="I1722">
        <v>24440.1</v>
      </c>
      <c r="J1722">
        <v>26.1523</v>
      </c>
    </row>
    <row r="1723" spans="1:10" x14ac:dyDescent="0.25">
      <c r="A1723">
        <v>12</v>
      </c>
      <c r="B1723">
        <v>109.628</v>
      </c>
      <c r="C1723">
        <v>119.93899999999999</v>
      </c>
      <c r="D1723">
        <v>189.68700000000001</v>
      </c>
      <c r="E1723">
        <v>10516.5</v>
      </c>
      <c r="F1723">
        <v>10800</v>
      </c>
      <c r="G1723">
        <v>22677.200000000001</v>
      </c>
      <c r="H1723">
        <v>1.37795</v>
      </c>
      <c r="I1723">
        <v>25937.8</v>
      </c>
      <c r="J1723">
        <v>29.659099999999999</v>
      </c>
    </row>
    <row r="1724" spans="1:10" x14ac:dyDescent="0.25">
      <c r="A1724">
        <v>12</v>
      </c>
      <c r="B1724">
        <v>108.919</v>
      </c>
      <c r="C1724">
        <v>113.65600000000001</v>
      </c>
      <c r="D1724">
        <v>190</v>
      </c>
      <c r="E1724">
        <v>7370.08</v>
      </c>
      <c r="F1724">
        <v>10800</v>
      </c>
      <c r="G1724">
        <v>19955.900000000001</v>
      </c>
      <c r="H1724">
        <v>1</v>
      </c>
      <c r="I1724">
        <v>24277.599999999999</v>
      </c>
      <c r="J1724">
        <v>72.961200000000005</v>
      </c>
    </row>
    <row r="1725" spans="1:10" x14ac:dyDescent="0.25">
      <c r="A1725">
        <v>12</v>
      </c>
      <c r="B1725">
        <v>108.68300000000001</v>
      </c>
      <c r="C1725">
        <v>119.625</v>
      </c>
      <c r="D1725">
        <v>189.68700000000001</v>
      </c>
      <c r="E1725">
        <v>10431.5</v>
      </c>
      <c r="F1725">
        <v>10800</v>
      </c>
      <c r="G1725">
        <v>25398.400000000001</v>
      </c>
      <c r="H1725">
        <v>1.40157</v>
      </c>
      <c r="I1725">
        <v>25658</v>
      </c>
      <c r="J1725">
        <v>18.511700000000001</v>
      </c>
    </row>
    <row r="1726" spans="1:10" x14ac:dyDescent="0.25">
      <c r="A1726">
        <v>12</v>
      </c>
      <c r="B1726">
        <v>108.446</v>
      </c>
      <c r="C1726">
        <v>119.625</v>
      </c>
      <c r="D1726">
        <v>189.68700000000001</v>
      </c>
      <c r="E1726">
        <v>10516.5</v>
      </c>
      <c r="F1726">
        <v>11310.2</v>
      </c>
      <c r="G1726">
        <v>19955.900000000001</v>
      </c>
      <c r="H1726">
        <v>2.6299199999999998</v>
      </c>
      <c r="I1726">
        <v>24730.400000000001</v>
      </c>
      <c r="J1726">
        <v>23.974499999999999</v>
      </c>
    </row>
    <row r="1727" spans="1:10" x14ac:dyDescent="0.25">
      <c r="A1727">
        <v>12</v>
      </c>
      <c r="B1727">
        <v>107.502</v>
      </c>
      <c r="C1727">
        <v>128.108</v>
      </c>
      <c r="D1727">
        <v>182.47900000000001</v>
      </c>
      <c r="E1727">
        <v>10091.299999999999</v>
      </c>
      <c r="F1727">
        <v>10800</v>
      </c>
      <c r="G1727">
        <v>19955.900000000001</v>
      </c>
      <c r="H1727">
        <v>3.7637800000000001</v>
      </c>
      <c r="I1727">
        <v>23461.200000000001</v>
      </c>
      <c r="J1727">
        <v>118.044</v>
      </c>
    </row>
    <row r="1728" spans="1:10" x14ac:dyDescent="0.25">
      <c r="A1728">
        <v>12</v>
      </c>
      <c r="B1728">
        <v>104.90300000000001</v>
      </c>
      <c r="C1728">
        <v>114.598</v>
      </c>
      <c r="D1728">
        <v>184.35900000000001</v>
      </c>
      <c r="E1728">
        <v>10516.5</v>
      </c>
      <c r="F1728">
        <v>11310.2</v>
      </c>
      <c r="G1728">
        <v>20296.099999999999</v>
      </c>
      <c r="H1728">
        <v>2.79528</v>
      </c>
      <c r="I1728">
        <v>24577.7</v>
      </c>
      <c r="J1728">
        <v>55.257800000000003</v>
      </c>
    </row>
    <row r="1729" spans="1:10" x14ac:dyDescent="0.25">
      <c r="A1729">
        <v>12</v>
      </c>
      <c r="B1729">
        <v>108.446</v>
      </c>
      <c r="C1729">
        <v>118.369</v>
      </c>
      <c r="D1729">
        <v>189.68700000000001</v>
      </c>
      <c r="E1729">
        <v>7710.24</v>
      </c>
      <c r="F1729">
        <v>10800</v>
      </c>
      <c r="G1729">
        <v>19955.900000000001</v>
      </c>
      <c r="H1729">
        <v>1.1181099999999999</v>
      </c>
      <c r="I1729">
        <v>24155.7</v>
      </c>
      <c r="J1729">
        <v>37.203800000000001</v>
      </c>
    </row>
    <row r="1730" spans="1:10" x14ac:dyDescent="0.25">
      <c r="A1730">
        <v>12</v>
      </c>
      <c r="B1730">
        <v>108.68300000000001</v>
      </c>
      <c r="C1730">
        <v>119.93899999999999</v>
      </c>
      <c r="D1730">
        <v>189.68700000000001</v>
      </c>
      <c r="E1730">
        <v>7795.28</v>
      </c>
      <c r="F1730">
        <v>10800</v>
      </c>
      <c r="G1730">
        <v>19955.900000000001</v>
      </c>
      <c r="H1730">
        <v>3.8110200000000001</v>
      </c>
      <c r="I1730">
        <v>20682.2</v>
      </c>
      <c r="J1730">
        <v>43.54</v>
      </c>
    </row>
    <row r="1731" spans="1:10" x14ac:dyDescent="0.25">
      <c r="A1731">
        <v>12</v>
      </c>
      <c r="B1731">
        <v>104.667</v>
      </c>
      <c r="C1731">
        <v>124.652</v>
      </c>
      <c r="D1731">
        <v>189.37299999999999</v>
      </c>
      <c r="E1731">
        <v>7370.08</v>
      </c>
      <c r="F1731">
        <v>15392.1</v>
      </c>
      <c r="G1731">
        <v>21316.5</v>
      </c>
      <c r="H1731">
        <v>1.85039</v>
      </c>
      <c r="I1731">
        <v>27718.2</v>
      </c>
      <c r="J1731">
        <v>87.510099999999994</v>
      </c>
    </row>
    <row r="1732" spans="1:10" x14ac:dyDescent="0.25">
      <c r="A1732">
        <v>12</v>
      </c>
      <c r="B1732">
        <v>107.502</v>
      </c>
      <c r="C1732">
        <v>119.93899999999999</v>
      </c>
      <c r="D1732">
        <v>189.68700000000001</v>
      </c>
      <c r="E1732">
        <v>10091.299999999999</v>
      </c>
      <c r="F1732">
        <v>10800</v>
      </c>
      <c r="G1732">
        <v>19955.900000000001</v>
      </c>
      <c r="H1732">
        <v>3.3858299999999999</v>
      </c>
      <c r="I1732">
        <v>23085.599999999999</v>
      </c>
      <c r="J1732">
        <v>43.760199999999998</v>
      </c>
    </row>
    <row r="1733" spans="1:10" x14ac:dyDescent="0.25">
      <c r="A1733">
        <v>12</v>
      </c>
      <c r="B1733">
        <v>105.848</v>
      </c>
      <c r="C1733">
        <v>119.625</v>
      </c>
      <c r="D1733">
        <v>189.06</v>
      </c>
      <c r="E1733">
        <v>10431.5</v>
      </c>
      <c r="F1733">
        <v>14881.9</v>
      </c>
      <c r="G1733">
        <v>22677.200000000001</v>
      </c>
      <c r="H1733">
        <v>2.6063000000000001</v>
      </c>
      <c r="I1733">
        <v>29536</v>
      </c>
      <c r="J1733">
        <v>28.7151</v>
      </c>
    </row>
    <row r="1734" spans="1:10" x14ac:dyDescent="0.25">
      <c r="A1734">
        <v>12</v>
      </c>
      <c r="B1734">
        <v>108.446</v>
      </c>
      <c r="C1734">
        <v>113.65600000000001</v>
      </c>
      <c r="D1734">
        <v>190</v>
      </c>
      <c r="E1734">
        <v>7455.12</v>
      </c>
      <c r="F1734">
        <v>11310.2</v>
      </c>
      <c r="G1734">
        <v>21316.5</v>
      </c>
      <c r="H1734">
        <v>2.6063000000000001</v>
      </c>
      <c r="I1734">
        <v>21621.1</v>
      </c>
      <c r="J1734">
        <v>60.520200000000003</v>
      </c>
    </row>
    <row r="1735" spans="1:10" x14ac:dyDescent="0.25">
      <c r="A1735">
        <v>12</v>
      </c>
      <c r="B1735">
        <v>104.667</v>
      </c>
      <c r="C1735">
        <v>128.108</v>
      </c>
      <c r="D1735">
        <v>184.98599999999999</v>
      </c>
      <c r="E1735">
        <v>7200</v>
      </c>
      <c r="F1735">
        <v>11310.2</v>
      </c>
      <c r="G1735">
        <v>19955.900000000001</v>
      </c>
      <c r="H1735">
        <v>3.19685</v>
      </c>
      <c r="I1735">
        <v>21301.7</v>
      </c>
      <c r="J1735">
        <v>115.185</v>
      </c>
    </row>
    <row r="1736" spans="1:10" x14ac:dyDescent="0.25">
      <c r="A1736">
        <v>12</v>
      </c>
      <c r="B1736">
        <v>108.446</v>
      </c>
      <c r="C1736">
        <v>119.93899999999999</v>
      </c>
      <c r="D1736">
        <v>164.929</v>
      </c>
      <c r="E1736">
        <v>10176.4</v>
      </c>
      <c r="F1736">
        <v>11310.2</v>
      </c>
      <c r="G1736">
        <v>19615.7</v>
      </c>
      <c r="H1736">
        <v>2.6299199999999998</v>
      </c>
      <c r="I1736">
        <v>26639.1</v>
      </c>
      <c r="J1736">
        <v>26.957999999999998</v>
      </c>
    </row>
    <row r="1737" spans="1:10" x14ac:dyDescent="0.25">
      <c r="A1737">
        <v>12</v>
      </c>
      <c r="B1737">
        <v>108.68300000000001</v>
      </c>
      <c r="C1737">
        <v>113.02800000000001</v>
      </c>
      <c r="D1737">
        <v>186.86600000000001</v>
      </c>
      <c r="E1737">
        <v>7200</v>
      </c>
      <c r="F1737">
        <v>11310.2</v>
      </c>
      <c r="G1737">
        <v>20636.2</v>
      </c>
      <c r="H1737">
        <v>2.25197</v>
      </c>
      <c r="I1737">
        <v>21712.6</v>
      </c>
      <c r="J1737">
        <v>57.514400000000002</v>
      </c>
    </row>
    <row r="1738" spans="1:10" x14ac:dyDescent="0.25">
      <c r="A1738">
        <v>12</v>
      </c>
      <c r="B1738">
        <v>108.446</v>
      </c>
      <c r="C1738">
        <v>119.93899999999999</v>
      </c>
      <c r="D1738">
        <v>189.68700000000001</v>
      </c>
      <c r="E1738">
        <v>10091.299999999999</v>
      </c>
      <c r="F1738">
        <v>10800</v>
      </c>
      <c r="G1738">
        <v>24037.8</v>
      </c>
      <c r="H1738">
        <v>2.1338599999999999</v>
      </c>
      <c r="I1738">
        <v>24143.8</v>
      </c>
      <c r="J1738">
        <v>20.894600000000001</v>
      </c>
    </row>
    <row r="1739" spans="1:10" x14ac:dyDescent="0.25">
      <c r="A1739">
        <v>12</v>
      </c>
      <c r="B1739">
        <v>108.446</v>
      </c>
      <c r="C1739">
        <v>119.93899999999999</v>
      </c>
      <c r="D1739">
        <v>187.49299999999999</v>
      </c>
      <c r="E1739">
        <v>9921.26</v>
      </c>
      <c r="F1739">
        <v>10800</v>
      </c>
      <c r="G1739">
        <v>19615.7</v>
      </c>
      <c r="H1739">
        <v>3.00787</v>
      </c>
      <c r="I1739">
        <v>23241.4</v>
      </c>
      <c r="J1739">
        <v>50.774299999999997</v>
      </c>
    </row>
    <row r="1740" spans="1:10" x14ac:dyDescent="0.25">
      <c r="A1740">
        <v>12</v>
      </c>
      <c r="B1740">
        <v>105.376</v>
      </c>
      <c r="C1740">
        <v>119.625</v>
      </c>
      <c r="D1740">
        <v>189.37299999999999</v>
      </c>
      <c r="E1740">
        <v>7710.24</v>
      </c>
      <c r="F1740">
        <v>14881.9</v>
      </c>
      <c r="G1740">
        <v>25398.400000000001</v>
      </c>
      <c r="H1740">
        <v>1.37795</v>
      </c>
      <c r="I1740">
        <v>29224.799999999999</v>
      </c>
      <c r="J1740">
        <v>31.864699999999999</v>
      </c>
    </row>
    <row r="1741" spans="1:10" x14ac:dyDescent="0.25">
      <c r="A1741">
        <v>12</v>
      </c>
      <c r="B1741">
        <v>109.39100000000001</v>
      </c>
      <c r="C1741">
        <v>129.679</v>
      </c>
      <c r="D1741">
        <v>189.68700000000001</v>
      </c>
      <c r="E1741">
        <v>7370.08</v>
      </c>
      <c r="F1741">
        <v>10800</v>
      </c>
      <c r="G1741">
        <v>22677.200000000001</v>
      </c>
      <c r="H1741">
        <v>4</v>
      </c>
      <c r="I1741">
        <v>20518.400000000001</v>
      </c>
      <c r="J1741">
        <v>125.149</v>
      </c>
    </row>
    <row r="1742" spans="1:10" x14ac:dyDescent="0.25">
      <c r="A1742">
        <v>12</v>
      </c>
      <c r="B1742">
        <v>109.39100000000001</v>
      </c>
      <c r="C1742">
        <v>119.93899999999999</v>
      </c>
      <c r="D1742">
        <v>179.65799999999999</v>
      </c>
      <c r="E1742">
        <v>7795.28</v>
      </c>
      <c r="F1742">
        <v>10800</v>
      </c>
      <c r="G1742">
        <v>18595.3</v>
      </c>
      <c r="H1742">
        <v>2.6299199999999998</v>
      </c>
      <c r="I1742">
        <v>21389.7</v>
      </c>
      <c r="J1742">
        <v>39.993699999999997</v>
      </c>
    </row>
    <row r="1743" spans="1:10" x14ac:dyDescent="0.25">
      <c r="A1743">
        <v>12</v>
      </c>
      <c r="B1743">
        <v>107.029</v>
      </c>
      <c r="C1743">
        <v>114.913</v>
      </c>
      <c r="D1743">
        <v>187.18</v>
      </c>
      <c r="E1743">
        <v>7200</v>
      </c>
      <c r="F1743">
        <v>10800</v>
      </c>
      <c r="G1743">
        <v>19955.900000000001</v>
      </c>
      <c r="H1743">
        <v>3.7401599999999999</v>
      </c>
      <c r="I1743">
        <v>20314.900000000001</v>
      </c>
      <c r="J1743">
        <v>75.525400000000005</v>
      </c>
    </row>
    <row r="1744" spans="1:10" x14ac:dyDescent="0.25">
      <c r="A1744">
        <v>12</v>
      </c>
      <c r="B1744">
        <v>105.848</v>
      </c>
      <c r="C1744">
        <v>119.625</v>
      </c>
      <c r="D1744">
        <v>189.37299999999999</v>
      </c>
      <c r="E1744">
        <v>7795.28</v>
      </c>
      <c r="F1744">
        <v>14881.9</v>
      </c>
      <c r="G1744">
        <v>19615.7</v>
      </c>
      <c r="H1744">
        <v>1.40157</v>
      </c>
      <c r="I1744">
        <v>28272.3</v>
      </c>
      <c r="J1744">
        <v>26.532299999999999</v>
      </c>
    </row>
    <row r="1745" spans="1:10" x14ac:dyDescent="0.25">
      <c r="A1745">
        <v>12</v>
      </c>
      <c r="B1745">
        <v>109.628</v>
      </c>
      <c r="C1745">
        <v>118.369</v>
      </c>
      <c r="D1745">
        <v>189.68700000000001</v>
      </c>
      <c r="E1745">
        <v>7710.24</v>
      </c>
      <c r="F1745">
        <v>11310.2</v>
      </c>
      <c r="G1745">
        <v>19955.900000000001</v>
      </c>
      <c r="H1745">
        <v>1.92126</v>
      </c>
      <c r="I1745">
        <v>22542</v>
      </c>
      <c r="J1745">
        <v>20.9635</v>
      </c>
    </row>
    <row r="1746" spans="1:10" x14ac:dyDescent="0.25">
      <c r="A1746">
        <v>12</v>
      </c>
      <c r="B1746">
        <v>110.1</v>
      </c>
      <c r="C1746">
        <v>118.68300000000001</v>
      </c>
      <c r="D1746">
        <v>177.15100000000001</v>
      </c>
      <c r="E1746">
        <v>7200</v>
      </c>
      <c r="F1746">
        <v>11310.2</v>
      </c>
      <c r="G1746">
        <v>21316.5</v>
      </c>
      <c r="H1746">
        <v>3.3149600000000001</v>
      </c>
      <c r="I1746">
        <v>21116.400000000001</v>
      </c>
      <c r="J1746">
        <v>42.095399999999998</v>
      </c>
    </row>
    <row r="1747" spans="1:10" x14ac:dyDescent="0.25">
      <c r="A1747">
        <v>12</v>
      </c>
      <c r="B1747">
        <v>109.628</v>
      </c>
      <c r="C1747">
        <v>114.598</v>
      </c>
      <c r="D1747">
        <v>179.03100000000001</v>
      </c>
      <c r="E1747">
        <v>10261.4</v>
      </c>
      <c r="F1747">
        <v>10800</v>
      </c>
      <c r="G1747">
        <v>21316.5</v>
      </c>
      <c r="H1747">
        <v>3.3622000000000001</v>
      </c>
      <c r="I1747">
        <v>23604.7</v>
      </c>
      <c r="J1747">
        <v>47.909100000000002</v>
      </c>
    </row>
    <row r="1748" spans="1:10" x14ac:dyDescent="0.25">
      <c r="A1748">
        <v>12</v>
      </c>
      <c r="B1748">
        <v>108.446</v>
      </c>
      <c r="C1748">
        <v>119.93899999999999</v>
      </c>
      <c r="D1748">
        <v>186.553</v>
      </c>
      <c r="E1748">
        <v>15874</v>
      </c>
      <c r="F1748">
        <v>10800</v>
      </c>
      <c r="G1748">
        <v>20976.400000000001</v>
      </c>
      <c r="H1748">
        <v>1.1181099999999999</v>
      </c>
      <c r="I1748">
        <v>34520.400000000001</v>
      </c>
      <c r="J1748">
        <v>47.450699999999998</v>
      </c>
    </row>
    <row r="1749" spans="1:10" x14ac:dyDescent="0.25">
      <c r="A1749">
        <v>12</v>
      </c>
      <c r="B1749">
        <v>110.1</v>
      </c>
      <c r="C1749">
        <v>119.625</v>
      </c>
      <c r="D1749">
        <v>189.68700000000001</v>
      </c>
      <c r="E1749">
        <v>7540.16</v>
      </c>
      <c r="F1749">
        <v>10800</v>
      </c>
      <c r="G1749">
        <v>21316.5</v>
      </c>
      <c r="H1749">
        <v>3.2677200000000002</v>
      </c>
      <c r="I1749">
        <v>20637.8</v>
      </c>
      <c r="J1749">
        <v>39.724800000000002</v>
      </c>
    </row>
    <row r="1750" spans="1:10" x14ac:dyDescent="0.25">
      <c r="A1750">
        <v>12</v>
      </c>
      <c r="B1750">
        <v>108.446</v>
      </c>
      <c r="C1750">
        <v>118.369</v>
      </c>
      <c r="D1750">
        <v>189.68700000000001</v>
      </c>
      <c r="E1750">
        <v>10431.5</v>
      </c>
      <c r="F1750">
        <v>10800</v>
      </c>
      <c r="G1750">
        <v>19955.900000000001</v>
      </c>
      <c r="H1750">
        <v>1.1181099999999999</v>
      </c>
      <c r="I1750">
        <v>26820.6</v>
      </c>
      <c r="J1750">
        <v>17.5837</v>
      </c>
    </row>
    <row r="1751" spans="1:10" x14ac:dyDescent="0.25">
      <c r="A1751">
        <v>12</v>
      </c>
      <c r="B1751">
        <v>105.376</v>
      </c>
      <c r="C1751">
        <v>117.11199999999999</v>
      </c>
      <c r="D1751">
        <v>189.68700000000001</v>
      </c>
      <c r="E1751">
        <v>7710.24</v>
      </c>
      <c r="F1751">
        <v>10800</v>
      </c>
      <c r="G1751">
        <v>22677.200000000001</v>
      </c>
      <c r="H1751">
        <v>3.8818899999999998</v>
      </c>
      <c r="I1751">
        <v>20678.8</v>
      </c>
      <c r="J1751">
        <v>64.924700000000001</v>
      </c>
    </row>
    <row r="1752" spans="1:10" x14ac:dyDescent="0.25">
      <c r="A1752">
        <v>12</v>
      </c>
      <c r="B1752">
        <v>102.777</v>
      </c>
      <c r="C1752">
        <v>122.767</v>
      </c>
      <c r="D1752">
        <v>182.16499999999999</v>
      </c>
      <c r="E1752">
        <v>7200</v>
      </c>
      <c r="F1752">
        <v>10800</v>
      </c>
      <c r="G1752">
        <v>19955.900000000001</v>
      </c>
      <c r="H1752">
        <v>3.2677200000000002</v>
      </c>
      <c r="I1752">
        <v>20334.099999999999</v>
      </c>
      <c r="J1752">
        <v>96.814599999999999</v>
      </c>
    </row>
    <row r="1753" spans="1:10" x14ac:dyDescent="0.25">
      <c r="A1753">
        <v>12</v>
      </c>
      <c r="B1753">
        <v>105.848</v>
      </c>
      <c r="C1753">
        <v>114.913</v>
      </c>
      <c r="D1753">
        <v>182.16499999999999</v>
      </c>
      <c r="E1753">
        <v>7200</v>
      </c>
      <c r="F1753">
        <v>11310.2</v>
      </c>
      <c r="G1753">
        <v>22677.200000000001</v>
      </c>
      <c r="H1753">
        <v>3.4330699999999998</v>
      </c>
      <c r="I1753">
        <v>21127.5</v>
      </c>
      <c r="J1753">
        <v>71.020300000000006</v>
      </c>
    </row>
    <row r="1754" spans="1:10" x14ac:dyDescent="0.25">
      <c r="A1754">
        <v>12</v>
      </c>
      <c r="B1754">
        <v>109.39100000000001</v>
      </c>
      <c r="C1754">
        <v>119.93899999999999</v>
      </c>
      <c r="D1754">
        <v>187.18</v>
      </c>
      <c r="E1754">
        <v>7795.28</v>
      </c>
      <c r="F1754">
        <v>11310.2</v>
      </c>
      <c r="G1754">
        <v>19955.900000000001</v>
      </c>
      <c r="H1754">
        <v>1.1417299999999999</v>
      </c>
      <c r="I1754">
        <v>24179.3</v>
      </c>
      <c r="J1754">
        <v>56.090200000000003</v>
      </c>
    </row>
    <row r="1755" spans="1:10" x14ac:dyDescent="0.25">
      <c r="A1755">
        <v>12</v>
      </c>
      <c r="B1755">
        <v>110.1</v>
      </c>
      <c r="C1755">
        <v>114.598</v>
      </c>
      <c r="D1755">
        <v>190</v>
      </c>
      <c r="E1755">
        <v>7370.08</v>
      </c>
      <c r="F1755">
        <v>10800</v>
      </c>
      <c r="G1755">
        <v>21316.5</v>
      </c>
      <c r="H1755">
        <v>3.7873999999999999</v>
      </c>
      <c r="I1755">
        <v>20396.599999999999</v>
      </c>
      <c r="J1755">
        <v>59.367400000000004</v>
      </c>
    </row>
    <row r="1756" spans="1:10" x14ac:dyDescent="0.25">
      <c r="A1756">
        <v>12</v>
      </c>
      <c r="B1756">
        <v>110.1</v>
      </c>
      <c r="C1756">
        <v>128.422</v>
      </c>
      <c r="D1756">
        <v>189.68700000000001</v>
      </c>
      <c r="E1756">
        <v>7200</v>
      </c>
      <c r="F1756">
        <v>10800</v>
      </c>
      <c r="G1756">
        <v>21316.5</v>
      </c>
      <c r="H1756">
        <v>3.45669</v>
      </c>
      <c r="I1756">
        <v>20381</v>
      </c>
      <c r="J1756">
        <v>118.252</v>
      </c>
    </row>
    <row r="1757" spans="1:10" x14ac:dyDescent="0.25">
      <c r="A1757">
        <v>12</v>
      </c>
      <c r="B1757">
        <v>104.667</v>
      </c>
      <c r="C1757">
        <v>119.93899999999999</v>
      </c>
      <c r="D1757">
        <v>189.06</v>
      </c>
      <c r="E1757">
        <v>10091.299999999999</v>
      </c>
      <c r="F1757">
        <v>10800</v>
      </c>
      <c r="G1757">
        <v>19955.900000000001</v>
      </c>
      <c r="H1757">
        <v>3.5748000000000002</v>
      </c>
      <c r="I1757">
        <v>23534.799999999999</v>
      </c>
      <c r="J1757">
        <v>71.932400000000001</v>
      </c>
    </row>
    <row r="1758" spans="1:10" x14ac:dyDescent="0.25">
      <c r="A1758">
        <v>12</v>
      </c>
      <c r="B1758">
        <v>108.446</v>
      </c>
      <c r="C1758">
        <v>119.93899999999999</v>
      </c>
      <c r="D1758">
        <v>179.97200000000001</v>
      </c>
      <c r="E1758">
        <v>7370.08</v>
      </c>
      <c r="F1758">
        <v>11310.2</v>
      </c>
      <c r="G1758">
        <v>18595.3</v>
      </c>
      <c r="H1758">
        <v>2.6299199999999998</v>
      </c>
      <c r="I1758">
        <v>21646.5</v>
      </c>
      <c r="J1758">
        <v>41.2742</v>
      </c>
    </row>
    <row r="1759" spans="1:10" x14ac:dyDescent="0.25">
      <c r="A1759">
        <v>12</v>
      </c>
      <c r="B1759">
        <v>105.376</v>
      </c>
      <c r="C1759">
        <v>118.369</v>
      </c>
      <c r="D1759">
        <v>189.37299999999999</v>
      </c>
      <c r="E1759">
        <v>7710.24</v>
      </c>
      <c r="F1759">
        <v>10800</v>
      </c>
      <c r="G1759">
        <v>22677.200000000001</v>
      </c>
      <c r="H1759">
        <v>2.6063000000000001</v>
      </c>
      <c r="I1759">
        <v>21261.8</v>
      </c>
      <c r="J1759">
        <v>56.424199999999999</v>
      </c>
    </row>
    <row r="1760" spans="1:10" x14ac:dyDescent="0.25">
      <c r="A1760">
        <v>12</v>
      </c>
      <c r="B1760">
        <v>109.155</v>
      </c>
      <c r="C1760">
        <v>119.93899999999999</v>
      </c>
      <c r="D1760">
        <v>190</v>
      </c>
      <c r="E1760">
        <v>7455.12</v>
      </c>
      <c r="F1760">
        <v>11310.2</v>
      </c>
      <c r="G1760">
        <v>24037.8</v>
      </c>
      <c r="H1760">
        <v>1.4252</v>
      </c>
      <c r="I1760">
        <v>23355.9</v>
      </c>
      <c r="J1760">
        <v>36.129800000000003</v>
      </c>
    </row>
    <row r="1761" spans="1:10" x14ac:dyDescent="0.25">
      <c r="A1761">
        <v>12</v>
      </c>
      <c r="B1761">
        <v>106.557</v>
      </c>
      <c r="C1761">
        <v>117.74</v>
      </c>
      <c r="D1761">
        <v>189.68700000000001</v>
      </c>
      <c r="E1761">
        <v>9921.26</v>
      </c>
      <c r="F1761">
        <v>11820.5</v>
      </c>
      <c r="G1761">
        <v>19955.900000000001</v>
      </c>
      <c r="H1761">
        <v>1.1181099999999999</v>
      </c>
      <c r="I1761">
        <v>27261.9</v>
      </c>
      <c r="J1761">
        <v>21.213999999999999</v>
      </c>
    </row>
    <row r="1762" spans="1:10" x14ac:dyDescent="0.25">
      <c r="A1762">
        <v>12</v>
      </c>
      <c r="B1762">
        <v>105.848</v>
      </c>
      <c r="C1762">
        <v>114.913</v>
      </c>
      <c r="D1762">
        <v>189.06</v>
      </c>
      <c r="E1762">
        <v>10091.299999999999</v>
      </c>
      <c r="F1762">
        <v>11310.2</v>
      </c>
      <c r="G1762">
        <v>19955.900000000001</v>
      </c>
      <c r="H1762">
        <v>1.1181099999999999</v>
      </c>
      <c r="I1762">
        <v>26887.8</v>
      </c>
      <c r="J1762">
        <v>31.2331</v>
      </c>
    </row>
    <row r="1763" spans="1:10" x14ac:dyDescent="0.25">
      <c r="A1763">
        <v>12</v>
      </c>
      <c r="B1763">
        <v>104.667</v>
      </c>
      <c r="C1763">
        <v>114.913</v>
      </c>
      <c r="D1763">
        <v>179.65799999999999</v>
      </c>
      <c r="E1763">
        <v>7455.12</v>
      </c>
      <c r="F1763">
        <v>10800</v>
      </c>
      <c r="G1763">
        <v>18595.3</v>
      </c>
      <c r="H1763">
        <v>3.3622000000000001</v>
      </c>
      <c r="I1763">
        <v>21064.799999999999</v>
      </c>
      <c r="J1763">
        <v>90.397400000000005</v>
      </c>
    </row>
    <row r="1764" spans="1:10" x14ac:dyDescent="0.25">
      <c r="A1764">
        <v>12</v>
      </c>
      <c r="B1764">
        <v>100.887</v>
      </c>
      <c r="C1764">
        <v>119.93899999999999</v>
      </c>
      <c r="D1764">
        <v>190</v>
      </c>
      <c r="E1764">
        <v>10431.5</v>
      </c>
      <c r="F1764">
        <v>11310.2</v>
      </c>
      <c r="G1764">
        <v>19955.900000000001</v>
      </c>
      <c r="H1764">
        <v>2.6299199999999998</v>
      </c>
      <c r="I1764">
        <v>24480.9</v>
      </c>
      <c r="J1764">
        <v>48.131599999999999</v>
      </c>
    </row>
    <row r="1765" spans="1:10" x14ac:dyDescent="0.25">
      <c r="A1765">
        <v>12</v>
      </c>
      <c r="B1765">
        <v>107.738</v>
      </c>
      <c r="C1765">
        <v>118.68300000000001</v>
      </c>
      <c r="D1765">
        <v>189.06</v>
      </c>
      <c r="E1765">
        <v>7795.28</v>
      </c>
      <c r="F1765">
        <v>11310.2</v>
      </c>
      <c r="G1765">
        <v>21316.5</v>
      </c>
      <c r="H1765">
        <v>1.85039</v>
      </c>
      <c r="I1765">
        <v>22643</v>
      </c>
      <c r="J1765">
        <v>35.6539</v>
      </c>
    </row>
    <row r="1766" spans="1:10" x14ac:dyDescent="0.25">
      <c r="A1766">
        <v>12</v>
      </c>
      <c r="B1766">
        <v>104.667</v>
      </c>
      <c r="C1766">
        <v>119.93899999999999</v>
      </c>
      <c r="D1766">
        <v>190</v>
      </c>
      <c r="E1766">
        <v>7370.08</v>
      </c>
      <c r="F1766">
        <v>10800</v>
      </c>
      <c r="G1766">
        <v>19785.8</v>
      </c>
      <c r="H1766">
        <v>3.7873999999999999</v>
      </c>
      <c r="I1766">
        <v>20227.099999999999</v>
      </c>
      <c r="J1766">
        <v>43.055900000000001</v>
      </c>
    </row>
    <row r="1767" spans="1:10" x14ac:dyDescent="0.25">
      <c r="A1767">
        <v>12</v>
      </c>
      <c r="B1767">
        <v>108.68300000000001</v>
      </c>
      <c r="C1767">
        <v>119.625</v>
      </c>
      <c r="D1767">
        <v>189.68700000000001</v>
      </c>
      <c r="E1767">
        <v>7710.24</v>
      </c>
      <c r="F1767">
        <v>15392.1</v>
      </c>
      <c r="G1767">
        <v>22677.200000000001</v>
      </c>
      <c r="H1767">
        <v>2.6063000000000001</v>
      </c>
      <c r="I1767">
        <v>27364.3</v>
      </c>
      <c r="J1767">
        <v>26.0258</v>
      </c>
    </row>
    <row r="1768" spans="1:10" x14ac:dyDescent="0.25">
      <c r="A1768">
        <v>12</v>
      </c>
      <c r="B1768">
        <v>108.68300000000001</v>
      </c>
      <c r="C1768">
        <v>119.93899999999999</v>
      </c>
      <c r="D1768">
        <v>189.68700000000001</v>
      </c>
      <c r="E1768">
        <v>10091.299999999999</v>
      </c>
      <c r="F1768">
        <v>10800</v>
      </c>
      <c r="G1768">
        <v>25398.400000000001</v>
      </c>
      <c r="H1768">
        <v>2.9842499999999998</v>
      </c>
      <c r="I1768">
        <v>23399.7</v>
      </c>
      <c r="J1768">
        <v>50.652799999999999</v>
      </c>
    </row>
    <row r="1769" spans="1:10" x14ac:dyDescent="0.25">
      <c r="A1769">
        <v>12</v>
      </c>
      <c r="B1769">
        <v>108.446</v>
      </c>
      <c r="C1769">
        <v>118.68300000000001</v>
      </c>
      <c r="D1769">
        <v>190</v>
      </c>
      <c r="E1769">
        <v>7370.08</v>
      </c>
      <c r="F1769">
        <v>11310.2</v>
      </c>
      <c r="G1769">
        <v>19955.900000000001</v>
      </c>
      <c r="H1769">
        <v>1.1181099999999999</v>
      </c>
      <c r="I1769">
        <v>23933.9</v>
      </c>
      <c r="J1769">
        <v>33.571399999999997</v>
      </c>
    </row>
    <row r="1770" spans="1:10" x14ac:dyDescent="0.25">
      <c r="A1770">
        <v>12</v>
      </c>
      <c r="B1770">
        <v>109.864</v>
      </c>
      <c r="C1770">
        <v>119.93899999999999</v>
      </c>
      <c r="D1770">
        <v>190</v>
      </c>
      <c r="E1770">
        <v>10091.299999999999</v>
      </c>
      <c r="F1770">
        <v>10800</v>
      </c>
      <c r="G1770">
        <v>19615.7</v>
      </c>
      <c r="H1770">
        <v>3.7637800000000001</v>
      </c>
      <c r="I1770">
        <v>23202.3</v>
      </c>
      <c r="J1770">
        <v>29.836300000000001</v>
      </c>
    </row>
    <row r="1771" spans="1:10" x14ac:dyDescent="0.25">
      <c r="A1771">
        <v>12</v>
      </c>
      <c r="B1771">
        <v>108.446</v>
      </c>
      <c r="C1771">
        <v>119.93899999999999</v>
      </c>
      <c r="D1771">
        <v>189.06</v>
      </c>
      <c r="E1771">
        <v>10431.5</v>
      </c>
      <c r="F1771">
        <v>10800</v>
      </c>
      <c r="G1771">
        <v>18595.3</v>
      </c>
      <c r="H1771">
        <v>2.6299199999999998</v>
      </c>
      <c r="I1771">
        <v>24342.5</v>
      </c>
      <c r="J1771">
        <v>24.718699999999998</v>
      </c>
    </row>
    <row r="1772" spans="1:10" x14ac:dyDescent="0.25">
      <c r="A1772">
        <v>12</v>
      </c>
      <c r="B1772">
        <v>109.39100000000001</v>
      </c>
      <c r="C1772">
        <v>123.395</v>
      </c>
      <c r="D1772">
        <v>189.68700000000001</v>
      </c>
      <c r="E1772">
        <v>10431.5</v>
      </c>
      <c r="F1772">
        <v>10800</v>
      </c>
      <c r="G1772">
        <v>19955.900000000001</v>
      </c>
      <c r="H1772">
        <v>1.1181099999999999</v>
      </c>
      <c r="I1772">
        <v>27519.3</v>
      </c>
      <c r="J1772">
        <v>21.207599999999999</v>
      </c>
    </row>
    <row r="1773" spans="1:10" x14ac:dyDescent="0.25">
      <c r="A1773">
        <v>12</v>
      </c>
      <c r="B1773">
        <v>108.446</v>
      </c>
      <c r="C1773">
        <v>119.625</v>
      </c>
      <c r="D1773">
        <v>189.68700000000001</v>
      </c>
      <c r="E1773">
        <v>7455.12</v>
      </c>
      <c r="F1773">
        <v>11310.2</v>
      </c>
      <c r="G1773">
        <v>22677.200000000001</v>
      </c>
      <c r="H1773">
        <v>2.4645700000000001</v>
      </c>
      <c r="I1773">
        <v>21552.799999999999</v>
      </c>
      <c r="J1773">
        <v>29.246200000000002</v>
      </c>
    </row>
    <row r="1774" spans="1:10" x14ac:dyDescent="0.25">
      <c r="A1774">
        <v>12</v>
      </c>
      <c r="B1774">
        <v>93.328299999999999</v>
      </c>
      <c r="C1774">
        <v>123.395</v>
      </c>
      <c r="D1774">
        <v>184.04599999999999</v>
      </c>
      <c r="E1774">
        <v>10431.5</v>
      </c>
      <c r="F1774">
        <v>10800</v>
      </c>
      <c r="G1774">
        <v>20976.400000000001</v>
      </c>
      <c r="H1774">
        <v>1.85039</v>
      </c>
      <c r="I1774">
        <v>24744.9</v>
      </c>
      <c r="J1774">
        <v>95.792900000000003</v>
      </c>
    </row>
    <row r="1775" spans="1:10" x14ac:dyDescent="0.25">
      <c r="A1775">
        <v>12</v>
      </c>
      <c r="B1775">
        <v>104.90300000000001</v>
      </c>
      <c r="C1775">
        <v>114.913</v>
      </c>
      <c r="D1775">
        <v>189.06</v>
      </c>
      <c r="E1775">
        <v>10431.5</v>
      </c>
      <c r="F1775">
        <v>14881.9</v>
      </c>
      <c r="G1775">
        <v>22677.200000000001</v>
      </c>
      <c r="H1775">
        <v>1.1181099999999999</v>
      </c>
      <c r="I1775">
        <v>30571.1</v>
      </c>
      <c r="J1775">
        <v>25.343399999999999</v>
      </c>
    </row>
    <row r="1776" spans="1:10" x14ac:dyDescent="0.25">
      <c r="A1776">
        <v>12</v>
      </c>
      <c r="B1776">
        <v>109.39100000000001</v>
      </c>
      <c r="C1776">
        <v>119.93899999999999</v>
      </c>
      <c r="D1776">
        <v>179.65799999999999</v>
      </c>
      <c r="E1776">
        <v>7370.08</v>
      </c>
      <c r="F1776">
        <v>11310.2</v>
      </c>
      <c r="G1776">
        <v>21316.5</v>
      </c>
      <c r="H1776">
        <v>2.4409399999999999</v>
      </c>
      <c r="I1776">
        <v>21575</v>
      </c>
      <c r="J1776">
        <v>33.496499999999997</v>
      </c>
    </row>
    <row r="1777" spans="1:10" x14ac:dyDescent="0.25">
      <c r="A1777">
        <v>12</v>
      </c>
      <c r="B1777">
        <v>105.376</v>
      </c>
      <c r="C1777">
        <v>119.625</v>
      </c>
      <c r="D1777">
        <v>190</v>
      </c>
      <c r="E1777">
        <v>10431.5</v>
      </c>
      <c r="F1777">
        <v>15392.1</v>
      </c>
      <c r="G1777">
        <v>22677.200000000001</v>
      </c>
      <c r="H1777">
        <v>1</v>
      </c>
      <c r="I1777">
        <v>33590.6</v>
      </c>
      <c r="J1777">
        <v>28.310199999999998</v>
      </c>
    </row>
    <row r="1778" spans="1:10" x14ac:dyDescent="0.25">
      <c r="A1778">
        <v>12</v>
      </c>
      <c r="B1778">
        <v>107.502</v>
      </c>
      <c r="C1778">
        <v>118.68300000000001</v>
      </c>
      <c r="D1778">
        <v>177.15100000000001</v>
      </c>
      <c r="E1778">
        <v>7795.28</v>
      </c>
      <c r="F1778">
        <v>12330.7</v>
      </c>
      <c r="G1778">
        <v>21316.5</v>
      </c>
      <c r="H1778">
        <v>1.87402</v>
      </c>
      <c r="I1778">
        <v>23618.2</v>
      </c>
      <c r="J1778">
        <v>27.235900000000001</v>
      </c>
    </row>
    <row r="1779" spans="1:10" x14ac:dyDescent="0.25">
      <c r="A1779">
        <v>12</v>
      </c>
      <c r="B1779">
        <v>108.68300000000001</v>
      </c>
      <c r="C1779">
        <v>119.93899999999999</v>
      </c>
      <c r="D1779">
        <v>167.43600000000001</v>
      </c>
      <c r="E1779">
        <v>10516.5</v>
      </c>
      <c r="F1779">
        <v>11310.2</v>
      </c>
      <c r="G1779">
        <v>19615.7</v>
      </c>
      <c r="H1779">
        <v>2.6771699999999998</v>
      </c>
      <c r="I1779">
        <v>25820</v>
      </c>
      <c r="J1779">
        <v>22.648499999999999</v>
      </c>
    </row>
    <row r="1780" spans="1:10" x14ac:dyDescent="0.25">
      <c r="A1780">
        <v>12</v>
      </c>
      <c r="B1780">
        <v>109.39100000000001</v>
      </c>
      <c r="C1780">
        <v>119.93899999999999</v>
      </c>
      <c r="D1780">
        <v>189.06</v>
      </c>
      <c r="E1780">
        <v>10431.5</v>
      </c>
      <c r="F1780">
        <v>14881.9</v>
      </c>
      <c r="G1780">
        <v>22677.200000000001</v>
      </c>
      <c r="H1780">
        <v>1.1181099999999999</v>
      </c>
      <c r="I1780">
        <v>32729.9</v>
      </c>
      <c r="J1780">
        <v>19.575099999999999</v>
      </c>
    </row>
    <row r="1781" spans="1:10" x14ac:dyDescent="0.25">
      <c r="A1781">
        <v>12</v>
      </c>
      <c r="B1781">
        <v>108.446</v>
      </c>
      <c r="C1781">
        <v>119.93899999999999</v>
      </c>
      <c r="D1781">
        <v>189.68700000000001</v>
      </c>
      <c r="E1781">
        <v>10091.299999999999</v>
      </c>
      <c r="F1781">
        <v>10800</v>
      </c>
      <c r="G1781">
        <v>24037.8</v>
      </c>
      <c r="H1781">
        <v>2.1338599999999999</v>
      </c>
      <c r="I1781">
        <v>24143.8</v>
      </c>
      <c r="J1781">
        <v>20.894600000000001</v>
      </c>
    </row>
    <row r="1782" spans="1:10" x14ac:dyDescent="0.25">
      <c r="A1782">
        <v>12</v>
      </c>
      <c r="B1782">
        <v>102.777</v>
      </c>
      <c r="C1782">
        <v>123.081</v>
      </c>
      <c r="D1782">
        <v>182.47900000000001</v>
      </c>
      <c r="E1782">
        <v>7200</v>
      </c>
      <c r="F1782">
        <v>10800</v>
      </c>
      <c r="G1782">
        <v>19955.900000000001</v>
      </c>
      <c r="H1782">
        <v>3.7637800000000001</v>
      </c>
      <c r="I1782">
        <v>20089.900000000001</v>
      </c>
      <c r="J1782">
        <v>33.581899999999997</v>
      </c>
    </row>
    <row r="1783" spans="1:10" x14ac:dyDescent="0.25">
      <c r="A1783">
        <v>12</v>
      </c>
      <c r="B1783">
        <v>105.848</v>
      </c>
      <c r="C1783">
        <v>114.913</v>
      </c>
      <c r="D1783">
        <v>189.06</v>
      </c>
      <c r="E1783">
        <v>7710.24</v>
      </c>
      <c r="F1783">
        <v>14881.9</v>
      </c>
      <c r="G1783">
        <v>22677.200000000001</v>
      </c>
      <c r="H1783">
        <v>1.09449</v>
      </c>
      <c r="I1783">
        <v>28153.9</v>
      </c>
      <c r="J1783">
        <v>16.915900000000001</v>
      </c>
    </row>
    <row r="1784" spans="1:10" x14ac:dyDescent="0.25">
      <c r="A1784">
        <v>12</v>
      </c>
      <c r="B1784">
        <v>105.848</v>
      </c>
      <c r="C1784">
        <v>114.913</v>
      </c>
      <c r="D1784">
        <v>189.06</v>
      </c>
      <c r="E1784">
        <v>7710.24</v>
      </c>
      <c r="F1784">
        <v>14881.9</v>
      </c>
      <c r="G1784">
        <v>22677.200000000001</v>
      </c>
      <c r="H1784">
        <v>1.09449</v>
      </c>
      <c r="I1784">
        <v>28153.9</v>
      </c>
      <c r="J1784">
        <v>16.915900000000001</v>
      </c>
    </row>
    <row r="1785" spans="1:10" x14ac:dyDescent="0.25">
      <c r="A1785">
        <v>12</v>
      </c>
      <c r="B1785">
        <v>102.777</v>
      </c>
      <c r="C1785">
        <v>123.081</v>
      </c>
      <c r="D1785">
        <v>182.47900000000001</v>
      </c>
      <c r="E1785">
        <v>7200</v>
      </c>
      <c r="F1785">
        <v>10800</v>
      </c>
      <c r="G1785">
        <v>19955.900000000001</v>
      </c>
      <c r="H1785">
        <v>3.7637800000000001</v>
      </c>
      <c r="I1785">
        <v>20089.900000000001</v>
      </c>
      <c r="J1785">
        <v>33.581899999999997</v>
      </c>
    </row>
    <row r="1786" spans="1:10" x14ac:dyDescent="0.25">
      <c r="A1786">
        <v>12</v>
      </c>
      <c r="B1786">
        <v>109.628</v>
      </c>
      <c r="C1786">
        <v>119.93899999999999</v>
      </c>
      <c r="D1786">
        <v>187.18</v>
      </c>
      <c r="E1786">
        <v>7795.28</v>
      </c>
      <c r="F1786">
        <v>11310.2</v>
      </c>
      <c r="G1786">
        <v>22677.200000000001</v>
      </c>
      <c r="H1786">
        <v>1.89764</v>
      </c>
      <c r="I1786">
        <v>22531.3</v>
      </c>
      <c r="J1786">
        <v>23.453099999999999</v>
      </c>
    </row>
    <row r="1787" spans="1:10" x14ac:dyDescent="0.25">
      <c r="A1787">
        <v>12</v>
      </c>
      <c r="B1787">
        <v>102.777</v>
      </c>
      <c r="C1787">
        <v>123.081</v>
      </c>
      <c r="D1787">
        <v>182.47900000000001</v>
      </c>
      <c r="E1787">
        <v>7200</v>
      </c>
      <c r="F1787">
        <v>10800</v>
      </c>
      <c r="G1787">
        <v>19955.900000000001</v>
      </c>
      <c r="H1787">
        <v>3.7637800000000001</v>
      </c>
      <c r="I1787">
        <v>20089.900000000001</v>
      </c>
      <c r="J1787">
        <v>33.581899999999997</v>
      </c>
    </row>
    <row r="1788" spans="1:10" x14ac:dyDescent="0.25">
      <c r="A1788">
        <v>12</v>
      </c>
      <c r="B1788">
        <v>109.628</v>
      </c>
      <c r="C1788">
        <v>119.93899999999999</v>
      </c>
      <c r="D1788">
        <v>187.18</v>
      </c>
      <c r="E1788">
        <v>7795.28</v>
      </c>
      <c r="F1788">
        <v>11310.2</v>
      </c>
      <c r="G1788">
        <v>22677.200000000001</v>
      </c>
      <c r="H1788">
        <v>1.89764</v>
      </c>
      <c r="I1788">
        <v>22531.3</v>
      </c>
      <c r="J1788">
        <v>23.453099999999999</v>
      </c>
    </row>
    <row r="1789" spans="1:10" x14ac:dyDescent="0.25">
      <c r="A1789">
        <v>12</v>
      </c>
      <c r="B1789">
        <v>105.848</v>
      </c>
      <c r="C1789">
        <v>114.913</v>
      </c>
      <c r="D1789">
        <v>189.06</v>
      </c>
      <c r="E1789">
        <v>7710.24</v>
      </c>
      <c r="F1789">
        <v>14881.9</v>
      </c>
      <c r="G1789">
        <v>22677.200000000001</v>
      </c>
      <c r="H1789">
        <v>1.09449</v>
      </c>
      <c r="I1789">
        <v>28153.9</v>
      </c>
      <c r="J1789">
        <v>16.915900000000001</v>
      </c>
    </row>
    <row r="1790" spans="1:10" x14ac:dyDescent="0.25">
      <c r="A1790">
        <v>12</v>
      </c>
      <c r="B1790">
        <v>102.777</v>
      </c>
      <c r="C1790">
        <v>123.081</v>
      </c>
      <c r="D1790">
        <v>182.47900000000001</v>
      </c>
      <c r="E1790">
        <v>7200</v>
      </c>
      <c r="F1790">
        <v>10800</v>
      </c>
      <c r="G1790">
        <v>19955.900000000001</v>
      </c>
      <c r="H1790">
        <v>3.7637800000000001</v>
      </c>
      <c r="I1790">
        <v>20089.900000000001</v>
      </c>
      <c r="J1790">
        <v>33.581899999999997</v>
      </c>
    </row>
    <row r="1791" spans="1:10" x14ac:dyDescent="0.25">
      <c r="A1791">
        <v>12</v>
      </c>
      <c r="B1791">
        <v>105.848</v>
      </c>
      <c r="C1791">
        <v>114.913</v>
      </c>
      <c r="D1791">
        <v>189.06</v>
      </c>
      <c r="E1791">
        <v>7710.24</v>
      </c>
      <c r="F1791">
        <v>14881.9</v>
      </c>
      <c r="G1791">
        <v>22677.200000000001</v>
      </c>
      <c r="H1791">
        <v>1.09449</v>
      </c>
      <c r="I1791">
        <v>28153.9</v>
      </c>
      <c r="J1791">
        <v>16.915900000000001</v>
      </c>
    </row>
    <row r="1792" spans="1:10" x14ac:dyDescent="0.25">
      <c r="A1792">
        <v>12</v>
      </c>
      <c r="B1792">
        <v>109.628</v>
      </c>
      <c r="C1792">
        <v>119.93899999999999</v>
      </c>
      <c r="D1792">
        <v>187.18</v>
      </c>
      <c r="E1792">
        <v>7795.28</v>
      </c>
      <c r="F1792">
        <v>11310.2</v>
      </c>
      <c r="G1792">
        <v>22677.200000000001</v>
      </c>
      <c r="H1792">
        <v>1.89764</v>
      </c>
      <c r="I1792">
        <v>22531.3</v>
      </c>
      <c r="J1792">
        <v>23.453099999999999</v>
      </c>
    </row>
    <row r="1793" spans="1:10" x14ac:dyDescent="0.25">
      <c r="A1793">
        <v>12</v>
      </c>
      <c r="B1793">
        <v>102.777</v>
      </c>
      <c r="C1793">
        <v>123.081</v>
      </c>
      <c r="D1793">
        <v>182.47900000000001</v>
      </c>
      <c r="E1793">
        <v>7200</v>
      </c>
      <c r="F1793">
        <v>10800</v>
      </c>
      <c r="G1793">
        <v>19955.900000000001</v>
      </c>
      <c r="H1793">
        <v>3.7637800000000001</v>
      </c>
      <c r="I1793">
        <v>20089.900000000001</v>
      </c>
      <c r="J1793">
        <v>33.581899999999997</v>
      </c>
    </row>
    <row r="1794" spans="1:10" x14ac:dyDescent="0.25">
      <c r="A1794">
        <v>12</v>
      </c>
      <c r="B1794">
        <v>105.848</v>
      </c>
      <c r="C1794">
        <v>114.913</v>
      </c>
      <c r="D1794">
        <v>189.06</v>
      </c>
      <c r="E1794">
        <v>7710.24</v>
      </c>
      <c r="F1794">
        <v>14881.9</v>
      </c>
      <c r="G1794">
        <v>22677.200000000001</v>
      </c>
      <c r="H1794">
        <v>1.09449</v>
      </c>
      <c r="I1794">
        <v>28153.9</v>
      </c>
      <c r="J1794">
        <v>16.915900000000001</v>
      </c>
    </row>
    <row r="1795" spans="1:10" x14ac:dyDescent="0.25">
      <c r="A1795">
        <v>12</v>
      </c>
      <c r="B1795">
        <v>109.628</v>
      </c>
      <c r="C1795">
        <v>119.93899999999999</v>
      </c>
      <c r="D1795">
        <v>187.18</v>
      </c>
      <c r="E1795">
        <v>7795.28</v>
      </c>
      <c r="F1795">
        <v>11310.2</v>
      </c>
      <c r="G1795">
        <v>22677.200000000001</v>
      </c>
      <c r="H1795">
        <v>1.89764</v>
      </c>
      <c r="I1795">
        <v>22531.3</v>
      </c>
      <c r="J1795">
        <v>23.453099999999999</v>
      </c>
    </row>
    <row r="1796" spans="1:10" x14ac:dyDescent="0.25">
      <c r="A1796">
        <v>12</v>
      </c>
      <c r="B1796">
        <v>102.777</v>
      </c>
      <c r="C1796">
        <v>123.081</v>
      </c>
      <c r="D1796">
        <v>182.47900000000001</v>
      </c>
      <c r="E1796">
        <v>7200</v>
      </c>
      <c r="F1796">
        <v>10800</v>
      </c>
      <c r="G1796">
        <v>19955.900000000001</v>
      </c>
      <c r="H1796">
        <v>3.7637800000000001</v>
      </c>
      <c r="I1796">
        <v>20089.900000000001</v>
      </c>
      <c r="J1796">
        <v>33.581899999999997</v>
      </c>
    </row>
    <row r="1797" spans="1:10" x14ac:dyDescent="0.25">
      <c r="A1797">
        <v>12</v>
      </c>
      <c r="B1797">
        <v>102.777</v>
      </c>
      <c r="C1797">
        <v>123.081</v>
      </c>
      <c r="D1797">
        <v>182.47900000000001</v>
      </c>
      <c r="E1797">
        <v>7200</v>
      </c>
      <c r="F1797">
        <v>10800</v>
      </c>
      <c r="G1797">
        <v>19955.900000000001</v>
      </c>
      <c r="H1797">
        <v>3.7637800000000001</v>
      </c>
      <c r="I1797">
        <v>20089.900000000001</v>
      </c>
      <c r="J1797">
        <v>33.581899999999997</v>
      </c>
    </row>
    <row r="1798" spans="1:10" x14ac:dyDescent="0.25">
      <c r="A1798">
        <v>12</v>
      </c>
      <c r="B1798">
        <v>109.628</v>
      </c>
      <c r="C1798">
        <v>119.93899999999999</v>
      </c>
      <c r="D1798">
        <v>187.18</v>
      </c>
      <c r="E1798">
        <v>7795.28</v>
      </c>
      <c r="F1798">
        <v>11310.2</v>
      </c>
      <c r="G1798">
        <v>22677.200000000001</v>
      </c>
      <c r="H1798">
        <v>1.89764</v>
      </c>
      <c r="I1798">
        <v>22531.3</v>
      </c>
      <c r="J1798">
        <v>23.453099999999999</v>
      </c>
    </row>
    <row r="1799" spans="1:10" x14ac:dyDescent="0.25">
      <c r="A1799">
        <v>12</v>
      </c>
      <c r="B1799">
        <v>102.777</v>
      </c>
      <c r="C1799">
        <v>123.081</v>
      </c>
      <c r="D1799">
        <v>182.47900000000001</v>
      </c>
      <c r="E1799">
        <v>7200</v>
      </c>
      <c r="F1799">
        <v>10800</v>
      </c>
      <c r="G1799">
        <v>19955.900000000001</v>
      </c>
      <c r="H1799">
        <v>3.7637800000000001</v>
      </c>
      <c r="I1799">
        <v>20089.900000000001</v>
      </c>
      <c r="J1799">
        <v>33.581899999999997</v>
      </c>
    </row>
    <row r="1800" spans="1:10" x14ac:dyDescent="0.25">
      <c r="A1800">
        <v>12</v>
      </c>
      <c r="B1800">
        <v>102.777</v>
      </c>
      <c r="C1800">
        <v>123.081</v>
      </c>
      <c r="D1800">
        <v>182.47900000000001</v>
      </c>
      <c r="E1800">
        <v>7200</v>
      </c>
      <c r="F1800">
        <v>10800</v>
      </c>
      <c r="G1800">
        <v>19955.900000000001</v>
      </c>
      <c r="H1800">
        <v>3.7637800000000001</v>
      </c>
      <c r="I1800">
        <v>20089.900000000001</v>
      </c>
      <c r="J1800">
        <v>33.581899999999997</v>
      </c>
    </row>
    <row r="1801" spans="1:10" x14ac:dyDescent="0.25">
      <c r="A1801">
        <v>12</v>
      </c>
      <c r="B1801">
        <v>108.446</v>
      </c>
      <c r="C1801">
        <v>118.369</v>
      </c>
      <c r="D1801">
        <v>189.68700000000001</v>
      </c>
      <c r="E1801">
        <v>10431.5</v>
      </c>
      <c r="F1801">
        <v>10800</v>
      </c>
      <c r="G1801">
        <v>19955.900000000001</v>
      </c>
      <c r="H1801">
        <v>1.1181099999999999</v>
      </c>
      <c r="I1801">
        <v>26820.6</v>
      </c>
      <c r="J1801">
        <v>17.5837</v>
      </c>
    </row>
    <row r="1802" spans="1:10" x14ac:dyDescent="0.25">
      <c r="A1802">
        <v>12</v>
      </c>
      <c r="B1802">
        <v>108.68300000000001</v>
      </c>
      <c r="C1802">
        <v>119.625</v>
      </c>
      <c r="D1802">
        <v>189.68700000000001</v>
      </c>
      <c r="E1802">
        <v>10431.5</v>
      </c>
      <c r="F1802">
        <v>10800</v>
      </c>
      <c r="G1802">
        <v>25398.400000000001</v>
      </c>
      <c r="H1802">
        <v>1.40157</v>
      </c>
      <c r="I1802">
        <v>25658</v>
      </c>
      <c r="J1802">
        <v>18.511700000000001</v>
      </c>
    </row>
    <row r="1803" spans="1:10" x14ac:dyDescent="0.25">
      <c r="A1803">
        <v>12</v>
      </c>
      <c r="B1803">
        <v>108.446</v>
      </c>
      <c r="C1803">
        <v>119.625</v>
      </c>
      <c r="D1803">
        <v>189.68700000000001</v>
      </c>
      <c r="E1803">
        <v>7455.12</v>
      </c>
      <c r="F1803">
        <v>11310.2</v>
      </c>
      <c r="G1803">
        <v>22677.200000000001</v>
      </c>
      <c r="H1803">
        <v>2.4645700000000001</v>
      </c>
      <c r="I1803">
        <v>21552.799999999999</v>
      </c>
      <c r="J1803">
        <v>29.246200000000002</v>
      </c>
    </row>
    <row r="1804" spans="1:10" x14ac:dyDescent="0.25">
      <c r="A1804">
        <v>12</v>
      </c>
      <c r="B1804">
        <v>109.628</v>
      </c>
      <c r="C1804">
        <v>119.93899999999999</v>
      </c>
      <c r="D1804">
        <v>187.18</v>
      </c>
      <c r="E1804">
        <v>7795.28</v>
      </c>
      <c r="F1804">
        <v>11310.2</v>
      </c>
      <c r="G1804">
        <v>22677.200000000001</v>
      </c>
      <c r="H1804">
        <v>1.89764</v>
      </c>
      <c r="I1804">
        <v>22531.3</v>
      </c>
      <c r="J1804">
        <v>23.453099999999999</v>
      </c>
    </row>
    <row r="1805" spans="1:10" x14ac:dyDescent="0.25">
      <c r="A1805">
        <v>12</v>
      </c>
      <c r="B1805">
        <v>106.79300000000001</v>
      </c>
      <c r="C1805">
        <v>124.024</v>
      </c>
      <c r="D1805">
        <v>184.04599999999999</v>
      </c>
      <c r="E1805">
        <v>10516.5</v>
      </c>
      <c r="F1805">
        <v>19984.3</v>
      </c>
      <c r="G1805">
        <v>20636.2</v>
      </c>
      <c r="H1805">
        <v>2.25197</v>
      </c>
      <c r="I1805">
        <v>36430.5</v>
      </c>
      <c r="J1805">
        <v>16.778199999999998</v>
      </c>
    </row>
    <row r="1806" spans="1:10" x14ac:dyDescent="0.25">
      <c r="A1806">
        <v>12</v>
      </c>
      <c r="B1806">
        <v>102.777</v>
      </c>
      <c r="C1806">
        <v>123.081</v>
      </c>
      <c r="D1806">
        <v>182.47900000000001</v>
      </c>
      <c r="E1806">
        <v>7200</v>
      </c>
      <c r="F1806">
        <v>10800</v>
      </c>
      <c r="G1806">
        <v>19955.900000000001</v>
      </c>
      <c r="H1806">
        <v>3.7637800000000001</v>
      </c>
      <c r="I1806">
        <v>20089.900000000001</v>
      </c>
      <c r="J1806">
        <v>33.581899999999997</v>
      </c>
    </row>
    <row r="1807" spans="1:10" x14ac:dyDescent="0.25">
      <c r="A1807">
        <v>12</v>
      </c>
      <c r="B1807">
        <v>108.446</v>
      </c>
      <c r="C1807">
        <v>119.625</v>
      </c>
      <c r="D1807">
        <v>189.68700000000001</v>
      </c>
      <c r="E1807">
        <v>7455.12</v>
      </c>
      <c r="F1807">
        <v>11310.2</v>
      </c>
      <c r="G1807">
        <v>22677.200000000001</v>
      </c>
      <c r="H1807">
        <v>2.4645700000000001</v>
      </c>
      <c r="I1807">
        <v>21552.799999999999</v>
      </c>
      <c r="J1807">
        <v>29.246200000000002</v>
      </c>
    </row>
    <row r="1808" spans="1:10" x14ac:dyDescent="0.25">
      <c r="A1808">
        <v>12</v>
      </c>
      <c r="B1808">
        <v>108.446</v>
      </c>
      <c r="C1808">
        <v>118.369</v>
      </c>
      <c r="D1808">
        <v>189.68700000000001</v>
      </c>
      <c r="E1808">
        <v>10431.5</v>
      </c>
      <c r="F1808">
        <v>10800</v>
      </c>
      <c r="G1808">
        <v>19955.900000000001</v>
      </c>
      <c r="H1808">
        <v>1.1181099999999999</v>
      </c>
      <c r="I1808">
        <v>26820.6</v>
      </c>
      <c r="J1808">
        <v>17.5837</v>
      </c>
    </row>
    <row r="1809" spans="1:10" x14ac:dyDescent="0.25">
      <c r="A1809">
        <v>12</v>
      </c>
      <c r="B1809">
        <v>108.446</v>
      </c>
      <c r="C1809">
        <v>118.369</v>
      </c>
      <c r="D1809">
        <v>189.68700000000001</v>
      </c>
      <c r="E1809">
        <v>10431.5</v>
      </c>
      <c r="F1809">
        <v>10800</v>
      </c>
      <c r="G1809">
        <v>19955.900000000001</v>
      </c>
      <c r="H1809">
        <v>1.1181099999999999</v>
      </c>
      <c r="I1809">
        <v>26820.6</v>
      </c>
      <c r="J1809">
        <v>17.5837</v>
      </c>
    </row>
    <row r="1810" spans="1:10" x14ac:dyDescent="0.25">
      <c r="A1810">
        <v>12</v>
      </c>
      <c r="B1810">
        <v>109.628</v>
      </c>
      <c r="C1810">
        <v>119.93899999999999</v>
      </c>
      <c r="D1810">
        <v>187.18</v>
      </c>
      <c r="E1810">
        <v>7795.28</v>
      </c>
      <c r="F1810">
        <v>11310.2</v>
      </c>
      <c r="G1810">
        <v>22677.200000000001</v>
      </c>
      <c r="H1810">
        <v>1.89764</v>
      </c>
      <c r="I1810">
        <v>22531.3</v>
      </c>
      <c r="J1810">
        <v>23.453099999999999</v>
      </c>
    </row>
    <row r="1811" spans="1:10" x14ac:dyDescent="0.25">
      <c r="A1811">
        <v>12</v>
      </c>
      <c r="B1811">
        <v>102.777</v>
      </c>
      <c r="C1811">
        <v>123.081</v>
      </c>
      <c r="D1811">
        <v>182.47900000000001</v>
      </c>
      <c r="E1811">
        <v>7200</v>
      </c>
      <c r="F1811">
        <v>10800</v>
      </c>
      <c r="G1811">
        <v>19955.900000000001</v>
      </c>
      <c r="H1811">
        <v>3.7637800000000001</v>
      </c>
      <c r="I1811">
        <v>20089.900000000001</v>
      </c>
      <c r="J1811">
        <v>33.581899999999997</v>
      </c>
    </row>
    <row r="1812" spans="1:10" x14ac:dyDescent="0.25">
      <c r="A1812">
        <v>12</v>
      </c>
      <c r="B1812">
        <v>102.777</v>
      </c>
      <c r="C1812">
        <v>123.081</v>
      </c>
      <c r="D1812">
        <v>182.47900000000001</v>
      </c>
      <c r="E1812">
        <v>7200</v>
      </c>
      <c r="F1812">
        <v>10800</v>
      </c>
      <c r="G1812">
        <v>19955.900000000001</v>
      </c>
      <c r="H1812">
        <v>3.7637800000000001</v>
      </c>
      <c r="I1812">
        <v>20089.900000000001</v>
      </c>
      <c r="J1812">
        <v>33.581899999999997</v>
      </c>
    </row>
    <row r="1813" spans="1:10" x14ac:dyDescent="0.25">
      <c r="A1813">
        <v>12</v>
      </c>
      <c r="B1813">
        <v>109.628</v>
      </c>
      <c r="C1813">
        <v>119.93899999999999</v>
      </c>
      <c r="D1813">
        <v>187.18</v>
      </c>
      <c r="E1813">
        <v>7795.28</v>
      </c>
      <c r="F1813">
        <v>11310.2</v>
      </c>
      <c r="G1813">
        <v>22677.200000000001</v>
      </c>
      <c r="H1813">
        <v>1.89764</v>
      </c>
      <c r="I1813">
        <v>22531.3</v>
      </c>
      <c r="J1813">
        <v>23.453099999999999</v>
      </c>
    </row>
    <row r="1814" spans="1:10" x14ac:dyDescent="0.25">
      <c r="A1814">
        <v>12</v>
      </c>
      <c r="B1814">
        <v>108.446</v>
      </c>
      <c r="C1814">
        <v>119.93899999999999</v>
      </c>
      <c r="D1814">
        <v>190</v>
      </c>
      <c r="E1814">
        <v>10091.299999999999</v>
      </c>
      <c r="F1814">
        <v>11310.2</v>
      </c>
      <c r="G1814">
        <v>19955.900000000001</v>
      </c>
      <c r="H1814">
        <v>2.6299199999999998</v>
      </c>
      <c r="I1814">
        <v>24602.6</v>
      </c>
      <c r="J1814">
        <v>20.759599999999999</v>
      </c>
    </row>
    <row r="1815" spans="1:10" x14ac:dyDescent="0.25">
      <c r="A1815">
        <v>12</v>
      </c>
      <c r="B1815">
        <v>102.777</v>
      </c>
      <c r="C1815">
        <v>123.081</v>
      </c>
      <c r="D1815">
        <v>182.47900000000001</v>
      </c>
      <c r="E1815">
        <v>7200</v>
      </c>
      <c r="F1815">
        <v>10800</v>
      </c>
      <c r="G1815">
        <v>19955.900000000001</v>
      </c>
      <c r="H1815">
        <v>3.7637800000000001</v>
      </c>
      <c r="I1815">
        <v>20089.900000000001</v>
      </c>
      <c r="J1815">
        <v>33.581899999999997</v>
      </c>
    </row>
    <row r="1816" spans="1:10" x14ac:dyDescent="0.25">
      <c r="A1816">
        <v>12</v>
      </c>
      <c r="B1816">
        <v>109.628</v>
      </c>
      <c r="C1816">
        <v>118.369</v>
      </c>
      <c r="D1816">
        <v>189.68700000000001</v>
      </c>
      <c r="E1816">
        <v>7710.24</v>
      </c>
      <c r="F1816">
        <v>11310.2</v>
      </c>
      <c r="G1816">
        <v>19955.900000000001</v>
      </c>
      <c r="H1816">
        <v>1.92126</v>
      </c>
      <c r="I1816">
        <v>22542</v>
      </c>
      <c r="J1816">
        <v>20.9635</v>
      </c>
    </row>
    <row r="1817" spans="1:10" x14ac:dyDescent="0.25">
      <c r="A1817">
        <v>12</v>
      </c>
      <c r="B1817">
        <v>109.628</v>
      </c>
      <c r="C1817">
        <v>118.369</v>
      </c>
      <c r="D1817">
        <v>189.68700000000001</v>
      </c>
      <c r="E1817">
        <v>7710.24</v>
      </c>
      <c r="F1817">
        <v>11310.2</v>
      </c>
      <c r="G1817">
        <v>19955.900000000001</v>
      </c>
      <c r="H1817">
        <v>1.92126</v>
      </c>
      <c r="I1817">
        <v>22542</v>
      </c>
      <c r="J1817">
        <v>20.9635</v>
      </c>
    </row>
    <row r="1818" spans="1:10" x14ac:dyDescent="0.25">
      <c r="A1818">
        <v>12</v>
      </c>
      <c r="B1818">
        <v>108.446</v>
      </c>
      <c r="C1818">
        <v>119.93899999999999</v>
      </c>
      <c r="D1818">
        <v>190</v>
      </c>
      <c r="E1818">
        <v>10431.5</v>
      </c>
      <c r="F1818">
        <v>10800</v>
      </c>
      <c r="G1818">
        <v>19955.900000000001</v>
      </c>
      <c r="H1818">
        <v>1.1181099999999999</v>
      </c>
      <c r="I1818">
        <v>26427.9</v>
      </c>
      <c r="J1818">
        <v>18.2318</v>
      </c>
    </row>
    <row r="1819" spans="1:10" x14ac:dyDescent="0.25">
      <c r="A1819">
        <v>12</v>
      </c>
      <c r="B1819">
        <v>109.864</v>
      </c>
      <c r="C1819">
        <v>119.625</v>
      </c>
      <c r="D1819">
        <v>189.68700000000001</v>
      </c>
      <c r="E1819">
        <v>7370.08</v>
      </c>
      <c r="F1819">
        <v>10800</v>
      </c>
      <c r="G1819">
        <v>18595.3</v>
      </c>
      <c r="H1819">
        <v>2.6063000000000001</v>
      </c>
      <c r="I1819">
        <v>20965.8</v>
      </c>
      <c r="J1819">
        <v>31.6509</v>
      </c>
    </row>
    <row r="1820" spans="1:10" x14ac:dyDescent="0.25">
      <c r="A1820">
        <v>12</v>
      </c>
      <c r="B1820">
        <v>108.446</v>
      </c>
      <c r="C1820">
        <v>119.93899999999999</v>
      </c>
      <c r="D1820">
        <v>189.68700000000001</v>
      </c>
      <c r="E1820">
        <v>10091.299999999999</v>
      </c>
      <c r="F1820">
        <v>10800</v>
      </c>
      <c r="G1820">
        <v>24037.8</v>
      </c>
      <c r="H1820">
        <v>2.1338599999999999</v>
      </c>
      <c r="I1820">
        <v>24143.8</v>
      </c>
      <c r="J1820">
        <v>20.894600000000001</v>
      </c>
    </row>
    <row r="1821" spans="1:10" x14ac:dyDescent="0.25">
      <c r="A1821">
        <v>13</v>
      </c>
      <c r="B1821">
        <v>108.446</v>
      </c>
      <c r="C1821">
        <v>119.625</v>
      </c>
      <c r="D1821">
        <v>189.68700000000001</v>
      </c>
      <c r="E1821">
        <v>7455.12</v>
      </c>
      <c r="F1821">
        <v>11310.2</v>
      </c>
      <c r="G1821">
        <v>22677.200000000001</v>
      </c>
      <c r="H1821">
        <v>2.4645700000000001</v>
      </c>
      <c r="I1821">
        <v>21552.799999999999</v>
      </c>
      <c r="J1821">
        <v>29.246200000000002</v>
      </c>
    </row>
    <row r="1822" spans="1:10" x14ac:dyDescent="0.25">
      <c r="A1822">
        <v>13</v>
      </c>
      <c r="B1822">
        <v>109.864</v>
      </c>
      <c r="C1822">
        <v>119.625</v>
      </c>
      <c r="D1822">
        <v>189.68700000000001</v>
      </c>
      <c r="E1822">
        <v>7370.08</v>
      </c>
      <c r="F1822">
        <v>10800</v>
      </c>
      <c r="G1822">
        <v>18595.3</v>
      </c>
      <c r="H1822">
        <v>2.6063000000000001</v>
      </c>
      <c r="I1822">
        <v>20965.8</v>
      </c>
      <c r="J1822">
        <v>31.6509</v>
      </c>
    </row>
    <row r="1823" spans="1:10" x14ac:dyDescent="0.25">
      <c r="A1823">
        <v>13</v>
      </c>
      <c r="B1823">
        <v>108.68300000000001</v>
      </c>
      <c r="C1823">
        <v>119.625</v>
      </c>
      <c r="D1823">
        <v>189.68700000000001</v>
      </c>
      <c r="E1823">
        <v>10431.5</v>
      </c>
      <c r="F1823">
        <v>10800</v>
      </c>
      <c r="G1823">
        <v>25398.400000000001</v>
      </c>
      <c r="H1823">
        <v>1.40157</v>
      </c>
      <c r="I1823">
        <v>25658</v>
      </c>
      <c r="J1823">
        <v>18.511700000000001</v>
      </c>
    </row>
    <row r="1824" spans="1:10" x14ac:dyDescent="0.25">
      <c r="A1824">
        <v>13</v>
      </c>
      <c r="B1824">
        <v>109.628</v>
      </c>
      <c r="C1824">
        <v>118.369</v>
      </c>
      <c r="D1824">
        <v>189.68700000000001</v>
      </c>
      <c r="E1824">
        <v>7710.24</v>
      </c>
      <c r="F1824">
        <v>11310.2</v>
      </c>
      <c r="G1824">
        <v>19955.900000000001</v>
      </c>
      <c r="H1824">
        <v>1.92126</v>
      </c>
      <c r="I1824">
        <v>22542</v>
      </c>
      <c r="J1824">
        <v>20.9635</v>
      </c>
    </row>
    <row r="1825" spans="1:10" x14ac:dyDescent="0.25">
      <c r="A1825">
        <v>13</v>
      </c>
      <c r="B1825">
        <v>108.446</v>
      </c>
      <c r="C1825">
        <v>119.93899999999999</v>
      </c>
      <c r="D1825">
        <v>189.68700000000001</v>
      </c>
      <c r="E1825">
        <v>10091.299999999999</v>
      </c>
      <c r="F1825">
        <v>10800</v>
      </c>
      <c r="G1825">
        <v>24037.8</v>
      </c>
      <c r="H1825">
        <v>2.1338599999999999</v>
      </c>
      <c r="I1825">
        <v>24143.8</v>
      </c>
      <c r="J1825">
        <v>20.894600000000001</v>
      </c>
    </row>
    <row r="1826" spans="1:10" x14ac:dyDescent="0.25">
      <c r="A1826">
        <v>13</v>
      </c>
      <c r="B1826">
        <v>109.628</v>
      </c>
      <c r="C1826">
        <v>119.93899999999999</v>
      </c>
      <c r="D1826">
        <v>187.18</v>
      </c>
      <c r="E1826">
        <v>7795.28</v>
      </c>
      <c r="F1826">
        <v>11310.2</v>
      </c>
      <c r="G1826">
        <v>22677.200000000001</v>
      </c>
      <c r="H1826">
        <v>1.89764</v>
      </c>
      <c r="I1826">
        <v>22531.3</v>
      </c>
      <c r="J1826">
        <v>23.453099999999999</v>
      </c>
    </row>
    <row r="1827" spans="1:10" x14ac:dyDescent="0.25">
      <c r="A1827">
        <v>13</v>
      </c>
      <c r="B1827">
        <v>102.777</v>
      </c>
      <c r="C1827">
        <v>123.081</v>
      </c>
      <c r="D1827">
        <v>182.47900000000001</v>
      </c>
      <c r="E1827">
        <v>7200</v>
      </c>
      <c r="F1827">
        <v>10800</v>
      </c>
      <c r="G1827">
        <v>19955.900000000001</v>
      </c>
      <c r="H1827">
        <v>3.7637800000000001</v>
      </c>
      <c r="I1827">
        <v>20089.900000000001</v>
      </c>
      <c r="J1827">
        <v>33.581899999999997</v>
      </c>
    </row>
    <row r="1828" spans="1:10" x14ac:dyDescent="0.25">
      <c r="A1828">
        <v>13</v>
      </c>
      <c r="B1828">
        <v>108.446</v>
      </c>
      <c r="C1828">
        <v>119.93899999999999</v>
      </c>
      <c r="D1828">
        <v>189.06</v>
      </c>
      <c r="E1828">
        <v>7710.24</v>
      </c>
      <c r="F1828">
        <v>10800</v>
      </c>
      <c r="G1828">
        <v>19955.900000000001</v>
      </c>
      <c r="H1828">
        <v>3.3622000000000001</v>
      </c>
      <c r="I1828">
        <v>20828.5</v>
      </c>
      <c r="J1828">
        <v>37.583399999999997</v>
      </c>
    </row>
    <row r="1829" spans="1:10" x14ac:dyDescent="0.25">
      <c r="A1829">
        <v>13</v>
      </c>
      <c r="B1829">
        <v>103.958</v>
      </c>
      <c r="C1829">
        <v>114.598</v>
      </c>
      <c r="D1829">
        <v>189.06</v>
      </c>
      <c r="E1829">
        <v>7710.24</v>
      </c>
      <c r="F1829">
        <v>11310.2</v>
      </c>
      <c r="G1829">
        <v>21316.5</v>
      </c>
      <c r="H1829">
        <v>1.85039</v>
      </c>
      <c r="I1829">
        <v>22817.8</v>
      </c>
      <c r="J1829">
        <v>54.395699999999998</v>
      </c>
    </row>
    <row r="1830" spans="1:10" x14ac:dyDescent="0.25">
      <c r="A1830">
        <v>13</v>
      </c>
      <c r="B1830">
        <v>109.864</v>
      </c>
      <c r="C1830">
        <v>119.625</v>
      </c>
      <c r="D1830">
        <v>189.68700000000001</v>
      </c>
      <c r="E1830">
        <v>7370.08</v>
      </c>
      <c r="F1830">
        <v>10800</v>
      </c>
      <c r="G1830">
        <v>18595.3</v>
      </c>
      <c r="H1830">
        <v>3.7873999999999999</v>
      </c>
      <c r="I1830">
        <v>20337</v>
      </c>
      <c r="J1830">
        <v>50.274000000000001</v>
      </c>
    </row>
    <row r="1831" spans="1:10" x14ac:dyDescent="0.25">
      <c r="A1831">
        <v>13</v>
      </c>
      <c r="B1831">
        <v>109.628</v>
      </c>
      <c r="C1831">
        <v>114.913</v>
      </c>
      <c r="D1831">
        <v>189.06</v>
      </c>
      <c r="E1831">
        <v>7710.24</v>
      </c>
      <c r="F1831">
        <v>14881.9</v>
      </c>
      <c r="G1831">
        <v>18255.099999999999</v>
      </c>
      <c r="H1831">
        <v>1.85039</v>
      </c>
      <c r="I1831">
        <v>26999</v>
      </c>
      <c r="J1831">
        <v>34.3401</v>
      </c>
    </row>
    <row r="1832" spans="1:10" x14ac:dyDescent="0.25">
      <c r="A1832">
        <v>13</v>
      </c>
      <c r="B1832">
        <v>108.446</v>
      </c>
      <c r="C1832">
        <v>119.31100000000001</v>
      </c>
      <c r="D1832">
        <v>189.06</v>
      </c>
      <c r="E1832">
        <v>7710.24</v>
      </c>
      <c r="F1832">
        <v>10800</v>
      </c>
      <c r="G1832">
        <v>19955.900000000001</v>
      </c>
      <c r="H1832">
        <v>3.3858299999999999</v>
      </c>
      <c r="I1832">
        <v>20775</v>
      </c>
      <c r="J1832">
        <v>41.869900000000001</v>
      </c>
    </row>
    <row r="1833" spans="1:10" x14ac:dyDescent="0.25">
      <c r="A1833">
        <v>13</v>
      </c>
      <c r="B1833">
        <v>108.446</v>
      </c>
      <c r="C1833">
        <v>118.369</v>
      </c>
      <c r="D1833">
        <v>189.06</v>
      </c>
      <c r="E1833">
        <v>7710.24</v>
      </c>
      <c r="F1833">
        <v>10800</v>
      </c>
      <c r="G1833">
        <v>19615.7</v>
      </c>
      <c r="H1833">
        <v>3.3622000000000001</v>
      </c>
      <c r="I1833">
        <v>20875.3</v>
      </c>
      <c r="J1833">
        <v>46.876800000000003</v>
      </c>
    </row>
    <row r="1834" spans="1:10" x14ac:dyDescent="0.25">
      <c r="A1834">
        <v>13</v>
      </c>
      <c r="B1834">
        <v>109.628</v>
      </c>
      <c r="C1834">
        <v>124.652</v>
      </c>
      <c r="D1834">
        <v>189.06</v>
      </c>
      <c r="E1834">
        <v>7370.08</v>
      </c>
      <c r="F1834">
        <v>10800</v>
      </c>
      <c r="G1834">
        <v>28119.7</v>
      </c>
      <c r="H1834">
        <v>2.8425199999999999</v>
      </c>
      <c r="I1834">
        <v>22335</v>
      </c>
      <c r="J1834">
        <v>31.985800000000001</v>
      </c>
    </row>
    <row r="1835" spans="1:10" x14ac:dyDescent="0.25">
      <c r="A1835">
        <v>13</v>
      </c>
      <c r="B1835">
        <v>109.864</v>
      </c>
      <c r="C1835">
        <v>119.93899999999999</v>
      </c>
      <c r="D1835">
        <v>189.68700000000001</v>
      </c>
      <c r="E1835">
        <v>7795.28</v>
      </c>
      <c r="F1835">
        <v>10800</v>
      </c>
      <c r="G1835">
        <v>18595.3</v>
      </c>
      <c r="H1835">
        <v>2.6063000000000001</v>
      </c>
      <c r="I1835">
        <v>21303.9</v>
      </c>
      <c r="J1835">
        <v>33.149299999999997</v>
      </c>
    </row>
    <row r="1836" spans="1:10" x14ac:dyDescent="0.25">
      <c r="A1836">
        <v>13</v>
      </c>
      <c r="B1836">
        <v>110.1</v>
      </c>
      <c r="C1836">
        <v>118.369</v>
      </c>
      <c r="D1836">
        <v>184.672</v>
      </c>
      <c r="E1836">
        <v>10091.299999999999</v>
      </c>
      <c r="F1836">
        <v>10800</v>
      </c>
      <c r="G1836">
        <v>19955.900000000001</v>
      </c>
      <c r="H1836">
        <v>2.25197</v>
      </c>
      <c r="I1836">
        <v>24038.2</v>
      </c>
      <c r="J1836">
        <v>22.3706</v>
      </c>
    </row>
    <row r="1837" spans="1:10" x14ac:dyDescent="0.25">
      <c r="A1837">
        <v>13</v>
      </c>
      <c r="B1837">
        <v>108.446</v>
      </c>
      <c r="C1837">
        <v>118.369</v>
      </c>
      <c r="D1837">
        <v>190</v>
      </c>
      <c r="E1837">
        <v>10431.5</v>
      </c>
      <c r="F1837">
        <v>10800</v>
      </c>
      <c r="G1837">
        <v>19615.7</v>
      </c>
      <c r="H1837">
        <v>1.1181099999999999</v>
      </c>
      <c r="I1837">
        <v>26815.1</v>
      </c>
      <c r="J1837">
        <v>17.5837</v>
      </c>
    </row>
    <row r="1838" spans="1:10" x14ac:dyDescent="0.25">
      <c r="A1838">
        <v>13</v>
      </c>
      <c r="B1838">
        <v>108.446</v>
      </c>
      <c r="C1838">
        <v>119.93899999999999</v>
      </c>
      <c r="D1838">
        <v>189.68700000000001</v>
      </c>
      <c r="E1838">
        <v>7710.24</v>
      </c>
      <c r="F1838">
        <v>10800</v>
      </c>
      <c r="G1838">
        <v>19955.900000000001</v>
      </c>
      <c r="H1838">
        <v>3.7873999999999999</v>
      </c>
      <c r="I1838">
        <v>20579.3</v>
      </c>
      <c r="J1838">
        <v>42.484999999999999</v>
      </c>
    </row>
    <row r="1839" spans="1:10" x14ac:dyDescent="0.25">
      <c r="A1839">
        <v>13</v>
      </c>
      <c r="B1839">
        <v>108.446</v>
      </c>
      <c r="C1839">
        <v>119.31100000000001</v>
      </c>
      <c r="D1839">
        <v>189.68700000000001</v>
      </c>
      <c r="E1839">
        <v>10431.5</v>
      </c>
      <c r="F1839">
        <v>10800</v>
      </c>
      <c r="G1839">
        <v>19955.900000000001</v>
      </c>
      <c r="H1839">
        <v>3.00787</v>
      </c>
      <c r="I1839">
        <v>23777.9</v>
      </c>
      <c r="J1839">
        <v>44.372399999999999</v>
      </c>
    </row>
    <row r="1840" spans="1:10" x14ac:dyDescent="0.25">
      <c r="A1840">
        <v>13</v>
      </c>
      <c r="B1840">
        <v>108.919</v>
      </c>
      <c r="C1840">
        <v>118.369</v>
      </c>
      <c r="D1840">
        <v>189.68700000000001</v>
      </c>
      <c r="E1840">
        <v>7370.08</v>
      </c>
      <c r="F1840">
        <v>10800</v>
      </c>
      <c r="G1840">
        <v>21146.5</v>
      </c>
      <c r="H1840">
        <v>3.8346499999999999</v>
      </c>
      <c r="I1840">
        <v>20272.5</v>
      </c>
      <c r="J1840">
        <v>46.862099999999998</v>
      </c>
    </row>
    <row r="1841" spans="1:10" x14ac:dyDescent="0.25">
      <c r="A1841">
        <v>13</v>
      </c>
      <c r="B1841">
        <v>109.864</v>
      </c>
      <c r="C1841">
        <v>119.625</v>
      </c>
      <c r="D1841">
        <v>189.68700000000001</v>
      </c>
      <c r="E1841">
        <v>7370.08</v>
      </c>
      <c r="F1841">
        <v>10800</v>
      </c>
      <c r="G1841">
        <v>18595.3</v>
      </c>
      <c r="H1841">
        <v>3.3622000000000001</v>
      </c>
      <c r="I1841">
        <v>20419.5</v>
      </c>
      <c r="J1841">
        <v>48.611800000000002</v>
      </c>
    </row>
    <row r="1842" spans="1:10" x14ac:dyDescent="0.25">
      <c r="A1842">
        <v>13</v>
      </c>
      <c r="B1842">
        <v>110.1</v>
      </c>
      <c r="C1842">
        <v>119.93899999999999</v>
      </c>
      <c r="D1842">
        <v>189.06</v>
      </c>
      <c r="E1842">
        <v>10431.5</v>
      </c>
      <c r="F1842">
        <v>10800</v>
      </c>
      <c r="G1842">
        <v>21316.5</v>
      </c>
      <c r="H1842">
        <v>3.2677200000000002</v>
      </c>
      <c r="I1842">
        <v>24227.8</v>
      </c>
      <c r="J1842">
        <v>23.100999999999999</v>
      </c>
    </row>
    <row r="1843" spans="1:10" x14ac:dyDescent="0.25">
      <c r="A1843">
        <v>13</v>
      </c>
      <c r="B1843">
        <v>105.61199999999999</v>
      </c>
      <c r="C1843">
        <v>113.65600000000001</v>
      </c>
      <c r="D1843">
        <v>181.53899999999999</v>
      </c>
      <c r="E1843">
        <v>10431.5</v>
      </c>
      <c r="F1843">
        <v>10800</v>
      </c>
      <c r="G1843">
        <v>19955.900000000001</v>
      </c>
      <c r="H1843">
        <v>3.7637800000000001</v>
      </c>
      <c r="I1843">
        <v>23664.9</v>
      </c>
      <c r="J1843">
        <v>70.691000000000003</v>
      </c>
    </row>
    <row r="1844" spans="1:10" x14ac:dyDescent="0.25">
      <c r="A1844">
        <v>13</v>
      </c>
      <c r="B1844">
        <v>109.39100000000001</v>
      </c>
      <c r="C1844">
        <v>119.93899999999999</v>
      </c>
      <c r="D1844">
        <v>187.18</v>
      </c>
      <c r="E1844">
        <v>7200</v>
      </c>
      <c r="F1844">
        <v>11310.2</v>
      </c>
      <c r="G1844">
        <v>22677.200000000001</v>
      </c>
      <c r="H1844">
        <v>2.5826799999999999</v>
      </c>
      <c r="I1844">
        <v>21370.7</v>
      </c>
      <c r="J1844">
        <v>36.482199999999999</v>
      </c>
    </row>
    <row r="1845" spans="1:10" x14ac:dyDescent="0.25">
      <c r="A1845">
        <v>13</v>
      </c>
      <c r="B1845">
        <v>101.83199999999999</v>
      </c>
      <c r="C1845">
        <v>118.68300000000001</v>
      </c>
      <c r="D1845">
        <v>176.524</v>
      </c>
      <c r="E1845">
        <v>7795.28</v>
      </c>
      <c r="F1845">
        <v>12330.7</v>
      </c>
      <c r="G1845">
        <v>21316.5</v>
      </c>
      <c r="H1845">
        <v>1.92126</v>
      </c>
      <c r="I1845">
        <v>23872.1</v>
      </c>
      <c r="J1845">
        <v>36.6995</v>
      </c>
    </row>
    <row r="1846" spans="1:10" x14ac:dyDescent="0.25">
      <c r="A1846">
        <v>13</v>
      </c>
      <c r="B1846">
        <v>104.667</v>
      </c>
      <c r="C1846">
        <v>129.679</v>
      </c>
      <c r="D1846">
        <v>190</v>
      </c>
      <c r="E1846">
        <v>7370.08</v>
      </c>
      <c r="F1846">
        <v>10800</v>
      </c>
      <c r="G1846">
        <v>18595.3</v>
      </c>
      <c r="H1846">
        <v>3.2677200000000002</v>
      </c>
      <c r="I1846">
        <v>20701.3</v>
      </c>
      <c r="J1846">
        <v>120.624</v>
      </c>
    </row>
    <row r="1847" spans="1:10" x14ac:dyDescent="0.25">
      <c r="A1847">
        <v>13</v>
      </c>
      <c r="B1847">
        <v>104.667</v>
      </c>
      <c r="C1847">
        <v>119.93899999999999</v>
      </c>
      <c r="D1847">
        <v>189.68700000000001</v>
      </c>
      <c r="E1847">
        <v>7370.08</v>
      </c>
      <c r="F1847">
        <v>10800</v>
      </c>
      <c r="G1847">
        <v>18595.3</v>
      </c>
      <c r="H1847">
        <v>2.2755899999999998</v>
      </c>
      <c r="I1847">
        <v>21201.200000000001</v>
      </c>
      <c r="J1847">
        <v>27.366700000000002</v>
      </c>
    </row>
    <row r="1848" spans="1:10" x14ac:dyDescent="0.25">
      <c r="A1848">
        <v>13</v>
      </c>
      <c r="B1848">
        <v>109.39100000000001</v>
      </c>
      <c r="C1848">
        <v>118.369</v>
      </c>
      <c r="D1848">
        <v>189.68700000000001</v>
      </c>
      <c r="E1848">
        <v>7710.24</v>
      </c>
      <c r="F1848">
        <v>11310.2</v>
      </c>
      <c r="G1848">
        <v>19955.900000000001</v>
      </c>
      <c r="H1848">
        <v>1.1181099999999999</v>
      </c>
      <c r="I1848">
        <v>24739.8</v>
      </c>
      <c r="J1848">
        <v>30.7972</v>
      </c>
    </row>
    <row r="1849" spans="1:10" x14ac:dyDescent="0.25">
      <c r="A1849">
        <v>13</v>
      </c>
      <c r="B1849">
        <v>109.155</v>
      </c>
      <c r="C1849">
        <v>119.625</v>
      </c>
      <c r="D1849">
        <v>189.68700000000001</v>
      </c>
      <c r="E1849">
        <v>10091.299999999999</v>
      </c>
      <c r="F1849">
        <v>10800</v>
      </c>
      <c r="G1849">
        <v>18595.3</v>
      </c>
      <c r="H1849">
        <v>2.1338599999999999</v>
      </c>
      <c r="I1849">
        <v>24155.4</v>
      </c>
      <c r="J1849">
        <v>21.9008</v>
      </c>
    </row>
    <row r="1850" spans="1:10" x14ac:dyDescent="0.25">
      <c r="A1850">
        <v>13</v>
      </c>
      <c r="B1850">
        <v>109.864</v>
      </c>
      <c r="C1850">
        <v>119.625</v>
      </c>
      <c r="D1850">
        <v>189.68700000000001</v>
      </c>
      <c r="E1850">
        <v>10091.299999999999</v>
      </c>
      <c r="F1850">
        <v>14881.9</v>
      </c>
      <c r="G1850">
        <v>21316.5</v>
      </c>
      <c r="H1850">
        <v>2.6063000000000001</v>
      </c>
      <c r="I1850">
        <v>29415.9</v>
      </c>
      <c r="J1850">
        <v>28.524799999999999</v>
      </c>
    </row>
    <row r="1851" spans="1:10" x14ac:dyDescent="0.25">
      <c r="A1851">
        <v>13</v>
      </c>
      <c r="B1851">
        <v>108.446</v>
      </c>
      <c r="C1851">
        <v>119.625</v>
      </c>
      <c r="D1851">
        <v>189.68700000000001</v>
      </c>
      <c r="E1851">
        <v>10431.5</v>
      </c>
      <c r="F1851">
        <v>10800</v>
      </c>
      <c r="G1851">
        <v>19955.900000000001</v>
      </c>
      <c r="H1851">
        <v>1.1181099999999999</v>
      </c>
      <c r="I1851">
        <v>26419.3</v>
      </c>
      <c r="J1851">
        <v>18.099799999999998</v>
      </c>
    </row>
    <row r="1852" spans="1:10" x14ac:dyDescent="0.25">
      <c r="A1852">
        <v>13</v>
      </c>
      <c r="B1852">
        <v>108.446</v>
      </c>
      <c r="C1852">
        <v>119.93899999999999</v>
      </c>
      <c r="D1852">
        <v>190</v>
      </c>
      <c r="E1852">
        <v>7455.12</v>
      </c>
      <c r="F1852">
        <v>11310.2</v>
      </c>
      <c r="G1852">
        <v>22677.200000000001</v>
      </c>
      <c r="H1852">
        <v>1.89764</v>
      </c>
      <c r="I1852">
        <v>22469.7</v>
      </c>
      <c r="J1852">
        <v>60.742100000000001</v>
      </c>
    </row>
    <row r="1853" spans="1:10" x14ac:dyDescent="0.25">
      <c r="A1853">
        <v>13</v>
      </c>
      <c r="B1853">
        <v>109.39100000000001</v>
      </c>
      <c r="C1853">
        <v>129.679</v>
      </c>
      <c r="D1853">
        <v>179.65799999999999</v>
      </c>
      <c r="E1853">
        <v>7370.08</v>
      </c>
      <c r="F1853">
        <v>10800</v>
      </c>
      <c r="G1853">
        <v>22677.200000000001</v>
      </c>
      <c r="H1853">
        <v>4</v>
      </c>
      <c r="I1853">
        <v>20935.400000000001</v>
      </c>
      <c r="J1853">
        <v>125.149</v>
      </c>
    </row>
    <row r="1854" spans="1:10" x14ac:dyDescent="0.25">
      <c r="A1854">
        <v>13</v>
      </c>
      <c r="B1854">
        <v>109.39100000000001</v>
      </c>
      <c r="C1854">
        <v>119.93899999999999</v>
      </c>
      <c r="D1854">
        <v>189.68700000000001</v>
      </c>
      <c r="E1854">
        <v>7795.28</v>
      </c>
      <c r="F1854">
        <v>11310.2</v>
      </c>
      <c r="G1854">
        <v>22677.200000000001</v>
      </c>
      <c r="H1854">
        <v>1.85039</v>
      </c>
      <c r="I1854">
        <v>22797.200000000001</v>
      </c>
      <c r="J1854">
        <v>63.430500000000002</v>
      </c>
    </row>
    <row r="1855" spans="1:10" x14ac:dyDescent="0.25">
      <c r="A1855">
        <v>13</v>
      </c>
      <c r="B1855">
        <v>108.446</v>
      </c>
      <c r="C1855">
        <v>119.93899999999999</v>
      </c>
      <c r="D1855">
        <v>189.06</v>
      </c>
      <c r="E1855">
        <v>10431.5</v>
      </c>
      <c r="F1855">
        <v>10800</v>
      </c>
      <c r="G1855">
        <v>18595.3</v>
      </c>
      <c r="H1855">
        <v>2.1338599999999999</v>
      </c>
      <c r="I1855">
        <v>24841.599999999999</v>
      </c>
      <c r="J1855">
        <v>20.894600000000001</v>
      </c>
    </row>
    <row r="1856" spans="1:10" x14ac:dyDescent="0.25">
      <c r="A1856">
        <v>13</v>
      </c>
      <c r="B1856">
        <v>109.39100000000001</v>
      </c>
      <c r="C1856">
        <v>119.93899999999999</v>
      </c>
      <c r="D1856">
        <v>189.68700000000001</v>
      </c>
      <c r="E1856">
        <v>7200</v>
      </c>
      <c r="F1856">
        <v>14881.9</v>
      </c>
      <c r="G1856">
        <v>26759.1</v>
      </c>
      <c r="H1856">
        <v>1.85039</v>
      </c>
      <c r="I1856">
        <v>26990.3</v>
      </c>
      <c r="J1856">
        <v>28.244700000000002</v>
      </c>
    </row>
    <row r="1857" spans="1:10" x14ac:dyDescent="0.25">
      <c r="A1857">
        <v>13</v>
      </c>
      <c r="B1857">
        <v>110.1</v>
      </c>
      <c r="C1857">
        <v>129.679</v>
      </c>
      <c r="D1857">
        <v>189.68700000000001</v>
      </c>
      <c r="E1857">
        <v>7540.16</v>
      </c>
      <c r="F1857">
        <v>10800</v>
      </c>
      <c r="G1857">
        <v>21316.5</v>
      </c>
      <c r="H1857">
        <v>3.45669</v>
      </c>
      <c r="I1857">
        <v>21058.9</v>
      </c>
      <c r="J1857">
        <v>121.423</v>
      </c>
    </row>
    <row r="1858" spans="1:10" x14ac:dyDescent="0.25">
      <c r="A1858">
        <v>13</v>
      </c>
      <c r="B1858">
        <v>102.777</v>
      </c>
      <c r="C1858">
        <v>119.31100000000001</v>
      </c>
      <c r="D1858">
        <v>190</v>
      </c>
      <c r="E1858">
        <v>7200</v>
      </c>
      <c r="F1858">
        <v>10800</v>
      </c>
      <c r="G1858">
        <v>19785.8</v>
      </c>
      <c r="H1858">
        <v>3.7873999999999999</v>
      </c>
      <c r="I1858">
        <v>20197.900000000001</v>
      </c>
      <c r="J1858">
        <v>37.162700000000001</v>
      </c>
    </row>
    <row r="1859" spans="1:10" x14ac:dyDescent="0.25">
      <c r="A1859">
        <v>13</v>
      </c>
      <c r="B1859">
        <v>108.21</v>
      </c>
      <c r="C1859">
        <v>114.598</v>
      </c>
      <c r="D1859">
        <v>179.97200000000001</v>
      </c>
      <c r="E1859">
        <v>7710.24</v>
      </c>
      <c r="F1859">
        <v>10800</v>
      </c>
      <c r="G1859">
        <v>21316.5</v>
      </c>
      <c r="H1859">
        <v>3.7873999999999999</v>
      </c>
      <c r="I1859">
        <v>20998.1</v>
      </c>
      <c r="J1859">
        <v>74.028499999999994</v>
      </c>
    </row>
    <row r="1860" spans="1:10" x14ac:dyDescent="0.25">
      <c r="A1860">
        <v>13</v>
      </c>
      <c r="B1860">
        <v>110.1</v>
      </c>
      <c r="C1860">
        <v>114.598</v>
      </c>
      <c r="D1860">
        <v>189.06</v>
      </c>
      <c r="E1860">
        <v>7710.24</v>
      </c>
      <c r="F1860">
        <v>14881.9</v>
      </c>
      <c r="G1860">
        <v>22677.200000000001</v>
      </c>
      <c r="H1860">
        <v>3.0314999999999999</v>
      </c>
      <c r="I1860">
        <v>26052.9</v>
      </c>
      <c r="J1860">
        <v>25.428100000000001</v>
      </c>
    </row>
    <row r="1861" spans="1:10" x14ac:dyDescent="0.25">
      <c r="A1861">
        <v>13</v>
      </c>
      <c r="B1861">
        <v>104.667</v>
      </c>
      <c r="C1861">
        <v>119.93899999999999</v>
      </c>
      <c r="D1861">
        <v>190</v>
      </c>
      <c r="E1861">
        <v>10091.299999999999</v>
      </c>
      <c r="F1861">
        <v>10800</v>
      </c>
      <c r="G1861">
        <v>18595.3</v>
      </c>
      <c r="H1861">
        <v>3.0314999999999999</v>
      </c>
      <c r="I1861">
        <v>24894.6</v>
      </c>
      <c r="J1861">
        <v>40.720700000000001</v>
      </c>
    </row>
    <row r="1862" spans="1:10" x14ac:dyDescent="0.25">
      <c r="A1862">
        <v>13</v>
      </c>
      <c r="B1862">
        <v>109.39100000000001</v>
      </c>
      <c r="C1862">
        <v>119.625</v>
      </c>
      <c r="D1862">
        <v>189.06</v>
      </c>
      <c r="E1862">
        <v>7710.24</v>
      </c>
      <c r="F1862">
        <v>10800</v>
      </c>
      <c r="G1862">
        <v>18595.3</v>
      </c>
      <c r="H1862">
        <v>3.3622000000000001</v>
      </c>
      <c r="I1862">
        <v>20778.8</v>
      </c>
      <c r="J1862">
        <v>46.197200000000002</v>
      </c>
    </row>
    <row r="1863" spans="1:10" x14ac:dyDescent="0.25">
      <c r="A1863">
        <v>13</v>
      </c>
      <c r="B1863">
        <v>109.155</v>
      </c>
      <c r="C1863">
        <v>119.93899999999999</v>
      </c>
      <c r="D1863">
        <v>190</v>
      </c>
      <c r="E1863">
        <v>7370.08</v>
      </c>
      <c r="F1863">
        <v>10800</v>
      </c>
      <c r="G1863">
        <v>24037.8</v>
      </c>
      <c r="H1863">
        <v>1.37795</v>
      </c>
      <c r="I1863">
        <v>22739.1</v>
      </c>
      <c r="J1863">
        <v>36.6539</v>
      </c>
    </row>
    <row r="1864" spans="1:10" x14ac:dyDescent="0.25">
      <c r="A1864">
        <v>13</v>
      </c>
      <c r="B1864">
        <v>103.486</v>
      </c>
      <c r="C1864">
        <v>121.824</v>
      </c>
      <c r="D1864">
        <v>189.68700000000001</v>
      </c>
      <c r="E1864">
        <v>7710.24</v>
      </c>
      <c r="F1864">
        <v>10800</v>
      </c>
      <c r="G1864">
        <v>19955.900000000001</v>
      </c>
      <c r="H1864">
        <v>3.8110200000000001</v>
      </c>
      <c r="I1864">
        <v>20595.099999999999</v>
      </c>
      <c r="J1864">
        <v>92.266300000000001</v>
      </c>
    </row>
    <row r="1865" spans="1:10" x14ac:dyDescent="0.25">
      <c r="A1865">
        <v>13</v>
      </c>
      <c r="B1865">
        <v>108.446</v>
      </c>
      <c r="C1865">
        <v>118.997</v>
      </c>
      <c r="D1865">
        <v>189.68700000000001</v>
      </c>
      <c r="E1865">
        <v>7795.28</v>
      </c>
      <c r="F1865">
        <v>11310.2</v>
      </c>
      <c r="G1865">
        <v>22677.200000000001</v>
      </c>
      <c r="H1865">
        <v>2.2755899999999998</v>
      </c>
      <c r="I1865">
        <v>22263.3</v>
      </c>
      <c r="J1865">
        <v>40.545900000000003</v>
      </c>
    </row>
    <row r="1866" spans="1:10" x14ac:dyDescent="0.25">
      <c r="A1866">
        <v>13</v>
      </c>
      <c r="B1866">
        <v>108.446</v>
      </c>
      <c r="C1866">
        <v>119.93899999999999</v>
      </c>
      <c r="D1866">
        <v>189.06</v>
      </c>
      <c r="E1866">
        <v>7710.24</v>
      </c>
      <c r="F1866">
        <v>10800</v>
      </c>
      <c r="G1866">
        <v>19955.900000000001</v>
      </c>
      <c r="H1866">
        <v>1.85039</v>
      </c>
      <c r="I1866">
        <v>21980.5</v>
      </c>
      <c r="J1866">
        <v>35.802999999999997</v>
      </c>
    </row>
    <row r="1867" spans="1:10" x14ac:dyDescent="0.25">
      <c r="A1867">
        <v>13</v>
      </c>
      <c r="B1867">
        <v>108.919</v>
      </c>
      <c r="C1867">
        <v>119.93899999999999</v>
      </c>
      <c r="D1867">
        <v>189.68700000000001</v>
      </c>
      <c r="E1867">
        <v>7370.08</v>
      </c>
      <c r="F1867">
        <v>10800</v>
      </c>
      <c r="G1867">
        <v>24037.8</v>
      </c>
      <c r="H1867">
        <v>1</v>
      </c>
      <c r="I1867">
        <v>24211.1</v>
      </c>
      <c r="J1867">
        <v>31.247299999999999</v>
      </c>
    </row>
    <row r="1868" spans="1:10" x14ac:dyDescent="0.25">
      <c r="A1868">
        <v>13</v>
      </c>
      <c r="B1868">
        <v>108.68300000000001</v>
      </c>
      <c r="C1868">
        <v>119.625</v>
      </c>
      <c r="D1868">
        <v>189.68700000000001</v>
      </c>
      <c r="E1868">
        <v>7370.08</v>
      </c>
      <c r="F1868">
        <v>10800</v>
      </c>
      <c r="G1868">
        <v>28119.7</v>
      </c>
      <c r="H1868">
        <v>1.6850400000000001</v>
      </c>
      <c r="I1868">
        <v>22013.9</v>
      </c>
      <c r="J1868">
        <v>37.374099999999999</v>
      </c>
    </row>
    <row r="1869" spans="1:10" x14ac:dyDescent="0.25">
      <c r="A1869">
        <v>13</v>
      </c>
      <c r="B1869">
        <v>109.628</v>
      </c>
      <c r="C1869">
        <v>119.625</v>
      </c>
      <c r="D1869">
        <v>189.68700000000001</v>
      </c>
      <c r="E1869">
        <v>7710.24</v>
      </c>
      <c r="F1869">
        <v>11310.2</v>
      </c>
      <c r="G1869">
        <v>22337</v>
      </c>
      <c r="H1869">
        <v>3.7401599999999999</v>
      </c>
      <c r="I1869">
        <v>21219.4</v>
      </c>
      <c r="J1869">
        <v>50.587600000000002</v>
      </c>
    </row>
    <row r="1870" spans="1:10" x14ac:dyDescent="0.25">
      <c r="A1870">
        <v>13</v>
      </c>
      <c r="B1870">
        <v>109.864</v>
      </c>
      <c r="C1870">
        <v>119.93899999999999</v>
      </c>
      <c r="D1870">
        <v>189.06</v>
      </c>
      <c r="E1870">
        <v>7370.08</v>
      </c>
      <c r="F1870">
        <v>10800</v>
      </c>
      <c r="G1870">
        <v>18595.3</v>
      </c>
      <c r="H1870">
        <v>3.3622000000000001</v>
      </c>
      <c r="I1870">
        <v>20438.599999999999</v>
      </c>
      <c r="J1870">
        <v>49.213900000000002</v>
      </c>
    </row>
    <row r="1871" spans="1:10" x14ac:dyDescent="0.25">
      <c r="A1871">
        <v>13</v>
      </c>
      <c r="B1871">
        <v>109.39100000000001</v>
      </c>
      <c r="C1871">
        <v>118.369</v>
      </c>
      <c r="D1871">
        <v>189.06</v>
      </c>
      <c r="E1871">
        <v>7710.24</v>
      </c>
      <c r="F1871">
        <v>11310.2</v>
      </c>
      <c r="G1871">
        <v>19615.7</v>
      </c>
      <c r="H1871">
        <v>1.85039</v>
      </c>
      <c r="I1871">
        <v>22570</v>
      </c>
      <c r="J1871">
        <v>39.759599999999999</v>
      </c>
    </row>
    <row r="1872" spans="1:10" x14ac:dyDescent="0.25">
      <c r="A1872">
        <v>13</v>
      </c>
      <c r="B1872">
        <v>108.446</v>
      </c>
      <c r="C1872">
        <v>119.93899999999999</v>
      </c>
      <c r="D1872">
        <v>189.68700000000001</v>
      </c>
      <c r="E1872">
        <v>10176.4</v>
      </c>
      <c r="F1872">
        <v>10800</v>
      </c>
      <c r="G1872">
        <v>18595.3</v>
      </c>
      <c r="H1872">
        <v>2.2283499999999998</v>
      </c>
      <c r="I1872">
        <v>23946.2</v>
      </c>
      <c r="J1872">
        <v>21.807099999999998</v>
      </c>
    </row>
    <row r="1873" spans="1:10" x14ac:dyDescent="0.25">
      <c r="A1873">
        <v>13</v>
      </c>
      <c r="B1873">
        <v>109.39100000000001</v>
      </c>
      <c r="C1873">
        <v>112.71299999999999</v>
      </c>
      <c r="D1873">
        <v>189.68700000000001</v>
      </c>
      <c r="E1873">
        <v>7200</v>
      </c>
      <c r="F1873">
        <v>10800</v>
      </c>
      <c r="G1873">
        <v>21316.5</v>
      </c>
      <c r="H1873">
        <v>3.7873999999999999</v>
      </c>
      <c r="I1873">
        <v>20248.7</v>
      </c>
      <c r="J1873">
        <v>78.727999999999994</v>
      </c>
    </row>
    <row r="1874" spans="1:10" x14ac:dyDescent="0.25">
      <c r="A1874">
        <v>13</v>
      </c>
      <c r="B1874">
        <v>108.446</v>
      </c>
      <c r="C1874">
        <v>119.31100000000001</v>
      </c>
      <c r="D1874">
        <v>189.68700000000001</v>
      </c>
      <c r="E1874">
        <v>10431.5</v>
      </c>
      <c r="F1874">
        <v>10800</v>
      </c>
      <c r="G1874">
        <v>19955.900000000001</v>
      </c>
      <c r="H1874">
        <v>3.4330699999999998</v>
      </c>
      <c r="I1874">
        <v>23429.200000000001</v>
      </c>
      <c r="J1874">
        <v>57.691400000000002</v>
      </c>
    </row>
    <row r="1875" spans="1:10" x14ac:dyDescent="0.25">
      <c r="A1875">
        <v>13</v>
      </c>
      <c r="B1875">
        <v>108.446</v>
      </c>
      <c r="C1875">
        <v>119.625</v>
      </c>
      <c r="D1875">
        <v>189.68700000000001</v>
      </c>
      <c r="E1875">
        <v>9070.8700000000008</v>
      </c>
      <c r="F1875">
        <v>10800</v>
      </c>
      <c r="G1875">
        <v>19955.900000000001</v>
      </c>
      <c r="H1875">
        <v>1.4960599999999999</v>
      </c>
      <c r="I1875">
        <v>24098.3</v>
      </c>
      <c r="J1875">
        <v>19.2303</v>
      </c>
    </row>
    <row r="1876" spans="1:10" x14ac:dyDescent="0.25">
      <c r="A1876">
        <v>13</v>
      </c>
      <c r="B1876">
        <v>108.446</v>
      </c>
      <c r="C1876">
        <v>119.93899999999999</v>
      </c>
      <c r="D1876">
        <v>189.68700000000001</v>
      </c>
      <c r="E1876">
        <v>7795.28</v>
      </c>
      <c r="F1876">
        <v>11310.2</v>
      </c>
      <c r="G1876">
        <v>22677.200000000001</v>
      </c>
      <c r="H1876">
        <v>2.2283499999999998</v>
      </c>
      <c r="I1876">
        <v>22297.599999999999</v>
      </c>
      <c r="J1876">
        <v>38.213500000000003</v>
      </c>
    </row>
    <row r="1877" spans="1:10" x14ac:dyDescent="0.25">
      <c r="A1877">
        <v>13</v>
      </c>
      <c r="B1877">
        <v>108.68300000000001</v>
      </c>
      <c r="C1877">
        <v>119.93899999999999</v>
      </c>
      <c r="D1877">
        <v>189.68700000000001</v>
      </c>
      <c r="E1877">
        <v>10091.299999999999</v>
      </c>
      <c r="F1877">
        <v>18963.8</v>
      </c>
      <c r="G1877">
        <v>24037.8</v>
      </c>
      <c r="H1877">
        <v>1.40157</v>
      </c>
      <c r="I1877">
        <v>35163.1</v>
      </c>
      <c r="J1877">
        <v>20.260400000000001</v>
      </c>
    </row>
    <row r="1878" spans="1:10" x14ac:dyDescent="0.25">
      <c r="A1878">
        <v>13</v>
      </c>
      <c r="B1878">
        <v>104.667</v>
      </c>
      <c r="C1878">
        <v>118.369</v>
      </c>
      <c r="D1878">
        <v>190</v>
      </c>
      <c r="E1878">
        <v>7540.16</v>
      </c>
      <c r="F1878">
        <v>10800</v>
      </c>
      <c r="G1878">
        <v>19955.900000000001</v>
      </c>
      <c r="H1878">
        <v>2.25197</v>
      </c>
      <c r="I1878">
        <v>21477.9</v>
      </c>
      <c r="J1878">
        <v>47.311599999999999</v>
      </c>
    </row>
    <row r="1879" spans="1:10" x14ac:dyDescent="0.25">
      <c r="A1879">
        <v>13</v>
      </c>
      <c r="B1879">
        <v>109.628</v>
      </c>
      <c r="C1879">
        <v>119.93899999999999</v>
      </c>
      <c r="D1879">
        <v>189.68700000000001</v>
      </c>
      <c r="E1879">
        <v>10516.5</v>
      </c>
      <c r="F1879">
        <v>11310.2</v>
      </c>
      <c r="G1879">
        <v>22677.200000000001</v>
      </c>
      <c r="H1879">
        <v>3.4094500000000001</v>
      </c>
      <c r="I1879">
        <v>25024.7</v>
      </c>
      <c r="J1879">
        <v>32.723399999999998</v>
      </c>
    </row>
    <row r="1880" spans="1:10" x14ac:dyDescent="0.25">
      <c r="A1880">
        <v>13</v>
      </c>
      <c r="B1880">
        <v>107.029</v>
      </c>
      <c r="C1880">
        <v>114.913</v>
      </c>
      <c r="D1880">
        <v>189.68700000000001</v>
      </c>
      <c r="E1880">
        <v>7370.08</v>
      </c>
      <c r="F1880">
        <v>11310.2</v>
      </c>
      <c r="G1880">
        <v>19955.900000000001</v>
      </c>
      <c r="H1880">
        <v>2.9842499999999998</v>
      </c>
      <c r="I1880">
        <v>21324.799999999999</v>
      </c>
      <c r="J1880">
        <v>59.137</v>
      </c>
    </row>
    <row r="1881" spans="1:10" x14ac:dyDescent="0.25">
      <c r="A1881">
        <v>13</v>
      </c>
      <c r="B1881">
        <v>109.155</v>
      </c>
      <c r="C1881">
        <v>128.422</v>
      </c>
      <c r="D1881">
        <v>189.68700000000001</v>
      </c>
      <c r="E1881">
        <v>7370.08</v>
      </c>
      <c r="F1881">
        <v>10800</v>
      </c>
      <c r="G1881">
        <v>22507.1</v>
      </c>
      <c r="H1881">
        <v>3.3149600000000001</v>
      </c>
      <c r="I1881">
        <v>20692</v>
      </c>
      <c r="J1881">
        <v>28.869900000000001</v>
      </c>
    </row>
    <row r="1882" spans="1:10" x14ac:dyDescent="0.25">
      <c r="A1882">
        <v>13</v>
      </c>
      <c r="B1882">
        <v>103.72199999999999</v>
      </c>
      <c r="C1882">
        <v>123.395</v>
      </c>
      <c r="D1882">
        <v>187.18</v>
      </c>
      <c r="E1882">
        <v>7200</v>
      </c>
      <c r="F1882">
        <v>11310.2</v>
      </c>
      <c r="G1882">
        <v>19955.900000000001</v>
      </c>
      <c r="H1882">
        <v>3.64567</v>
      </c>
      <c r="I1882">
        <v>21232.799999999999</v>
      </c>
      <c r="J1882">
        <v>45.875799999999998</v>
      </c>
    </row>
    <row r="1883" spans="1:10" x14ac:dyDescent="0.25">
      <c r="A1883">
        <v>13</v>
      </c>
      <c r="B1883">
        <v>109.39100000000001</v>
      </c>
      <c r="C1883">
        <v>119.93899999999999</v>
      </c>
      <c r="D1883">
        <v>189.37299999999999</v>
      </c>
      <c r="E1883">
        <v>7710.24</v>
      </c>
      <c r="F1883">
        <v>10800</v>
      </c>
      <c r="G1883">
        <v>21316.5</v>
      </c>
      <c r="H1883">
        <v>1.1417299999999999</v>
      </c>
      <c r="I1883">
        <v>24070.3</v>
      </c>
      <c r="J1883">
        <v>34.042299999999997</v>
      </c>
    </row>
    <row r="1884" spans="1:10" x14ac:dyDescent="0.25">
      <c r="A1884">
        <v>13</v>
      </c>
      <c r="B1884">
        <v>108.68300000000001</v>
      </c>
      <c r="C1884">
        <v>118.369</v>
      </c>
      <c r="D1884">
        <v>187.18</v>
      </c>
      <c r="E1884">
        <v>15959.1</v>
      </c>
      <c r="F1884">
        <v>11310.2</v>
      </c>
      <c r="G1884">
        <v>19955.900000000001</v>
      </c>
      <c r="H1884">
        <v>1.85039</v>
      </c>
      <c r="I1884">
        <v>32348.3</v>
      </c>
      <c r="J1884">
        <v>22.822399999999998</v>
      </c>
    </row>
    <row r="1885" spans="1:10" x14ac:dyDescent="0.25">
      <c r="A1885">
        <v>13</v>
      </c>
      <c r="B1885">
        <v>107.029</v>
      </c>
      <c r="C1885">
        <v>114.28400000000001</v>
      </c>
      <c r="D1885">
        <v>182.16499999999999</v>
      </c>
      <c r="E1885">
        <v>7370.08</v>
      </c>
      <c r="F1885">
        <v>10800</v>
      </c>
      <c r="G1885">
        <v>19955.900000000001</v>
      </c>
      <c r="H1885">
        <v>3.7637800000000001</v>
      </c>
      <c r="I1885">
        <v>20623.099999999999</v>
      </c>
      <c r="J1885">
        <v>90.691100000000006</v>
      </c>
    </row>
    <row r="1886" spans="1:10" x14ac:dyDescent="0.25">
      <c r="A1886">
        <v>13</v>
      </c>
      <c r="B1886">
        <v>109.628</v>
      </c>
      <c r="C1886">
        <v>129.679</v>
      </c>
      <c r="D1886">
        <v>189.68700000000001</v>
      </c>
      <c r="E1886">
        <v>7710.24</v>
      </c>
      <c r="F1886">
        <v>10800</v>
      </c>
      <c r="G1886">
        <v>22677.200000000001</v>
      </c>
      <c r="H1886">
        <v>3.4330699999999998</v>
      </c>
      <c r="I1886">
        <v>21153.599999999999</v>
      </c>
      <c r="J1886">
        <v>121.39400000000001</v>
      </c>
    </row>
    <row r="1887" spans="1:10" x14ac:dyDescent="0.25">
      <c r="A1887">
        <v>13</v>
      </c>
      <c r="B1887">
        <v>109.39100000000001</v>
      </c>
      <c r="C1887">
        <v>119.93899999999999</v>
      </c>
      <c r="D1887">
        <v>189.06</v>
      </c>
      <c r="E1887">
        <v>7710.24</v>
      </c>
      <c r="F1887">
        <v>14881.9</v>
      </c>
      <c r="G1887">
        <v>22677.200000000001</v>
      </c>
      <c r="H1887">
        <v>1.09449</v>
      </c>
      <c r="I1887">
        <v>30009.9</v>
      </c>
      <c r="J1887">
        <v>27.888400000000001</v>
      </c>
    </row>
    <row r="1888" spans="1:10" x14ac:dyDescent="0.25">
      <c r="A1888">
        <v>13</v>
      </c>
      <c r="B1888">
        <v>108.446</v>
      </c>
      <c r="C1888">
        <v>114.913</v>
      </c>
      <c r="D1888">
        <v>187.18</v>
      </c>
      <c r="E1888">
        <v>9921.26</v>
      </c>
      <c r="F1888">
        <v>11310.2</v>
      </c>
      <c r="G1888">
        <v>19955.900000000001</v>
      </c>
      <c r="H1888">
        <v>3.00787</v>
      </c>
      <c r="I1888">
        <v>23771.9</v>
      </c>
      <c r="J1888">
        <v>39.548299999999998</v>
      </c>
    </row>
    <row r="1889" spans="1:10" x14ac:dyDescent="0.25">
      <c r="A1889">
        <v>13</v>
      </c>
      <c r="B1889">
        <v>104.90300000000001</v>
      </c>
      <c r="C1889">
        <v>114.598</v>
      </c>
      <c r="D1889">
        <v>189.68700000000001</v>
      </c>
      <c r="E1889">
        <v>10431.5</v>
      </c>
      <c r="F1889">
        <v>14881.9</v>
      </c>
      <c r="G1889">
        <v>22677.200000000001</v>
      </c>
      <c r="H1889">
        <v>1.40157</v>
      </c>
      <c r="I1889">
        <v>30561.9</v>
      </c>
      <c r="J1889">
        <v>30.787400000000002</v>
      </c>
    </row>
    <row r="1890" spans="1:10" x14ac:dyDescent="0.25">
      <c r="A1890">
        <v>13</v>
      </c>
      <c r="B1890">
        <v>109.39100000000001</v>
      </c>
      <c r="C1890">
        <v>119.625</v>
      </c>
      <c r="D1890">
        <v>189.06</v>
      </c>
      <c r="E1890">
        <v>7710.24</v>
      </c>
      <c r="F1890">
        <v>10800</v>
      </c>
      <c r="G1890">
        <v>19615.7</v>
      </c>
      <c r="H1890">
        <v>3.3622000000000001</v>
      </c>
      <c r="I1890">
        <v>20778.8</v>
      </c>
      <c r="J1890">
        <v>46.197200000000002</v>
      </c>
    </row>
    <row r="1891" spans="1:10" x14ac:dyDescent="0.25">
      <c r="A1891">
        <v>13</v>
      </c>
      <c r="B1891">
        <v>109.628</v>
      </c>
      <c r="C1891">
        <v>118.369</v>
      </c>
      <c r="D1891">
        <v>179.65799999999999</v>
      </c>
      <c r="E1891">
        <v>7710.24</v>
      </c>
      <c r="F1891">
        <v>12330.7</v>
      </c>
      <c r="G1891">
        <v>19955.900000000001</v>
      </c>
      <c r="H1891">
        <v>1.92126</v>
      </c>
      <c r="I1891">
        <v>23531.7</v>
      </c>
      <c r="J1891">
        <v>24.047499999999999</v>
      </c>
    </row>
    <row r="1892" spans="1:10" x14ac:dyDescent="0.25">
      <c r="A1892">
        <v>13</v>
      </c>
      <c r="B1892">
        <v>106.557</v>
      </c>
      <c r="C1892">
        <v>124.024</v>
      </c>
      <c r="D1892">
        <v>190</v>
      </c>
      <c r="E1892">
        <v>7370.08</v>
      </c>
      <c r="F1892">
        <v>10800</v>
      </c>
      <c r="G1892">
        <v>22677.200000000001</v>
      </c>
      <c r="H1892">
        <v>3.8110200000000001</v>
      </c>
      <c r="I1892">
        <v>20293.900000000001</v>
      </c>
      <c r="J1892">
        <v>63.648699999999998</v>
      </c>
    </row>
    <row r="1893" spans="1:10" x14ac:dyDescent="0.25">
      <c r="A1893">
        <v>13</v>
      </c>
      <c r="B1893">
        <v>109.628</v>
      </c>
      <c r="C1893">
        <v>119.93899999999999</v>
      </c>
      <c r="D1893">
        <v>189.68700000000001</v>
      </c>
      <c r="E1893">
        <v>7795.28</v>
      </c>
      <c r="F1893">
        <v>11310.2</v>
      </c>
      <c r="G1893">
        <v>22677.200000000001</v>
      </c>
      <c r="H1893">
        <v>2.2755899999999998</v>
      </c>
      <c r="I1893">
        <v>22110</v>
      </c>
      <c r="J1893">
        <v>63.782600000000002</v>
      </c>
    </row>
    <row r="1894" spans="1:10" x14ac:dyDescent="0.25">
      <c r="A1894">
        <v>13</v>
      </c>
      <c r="B1894">
        <v>110.1</v>
      </c>
      <c r="C1894">
        <v>119.625</v>
      </c>
      <c r="D1894">
        <v>189.68700000000001</v>
      </c>
      <c r="E1894">
        <v>7795.28</v>
      </c>
      <c r="F1894">
        <v>11310.2</v>
      </c>
      <c r="G1894">
        <v>22677.200000000001</v>
      </c>
      <c r="H1894">
        <v>1.85039</v>
      </c>
      <c r="I1894">
        <v>22540.9</v>
      </c>
      <c r="J1894">
        <v>62.464700000000001</v>
      </c>
    </row>
    <row r="1895" spans="1:10" x14ac:dyDescent="0.25">
      <c r="A1895">
        <v>13</v>
      </c>
      <c r="B1895">
        <v>102.777</v>
      </c>
      <c r="C1895">
        <v>121.824</v>
      </c>
      <c r="D1895">
        <v>181.53899999999999</v>
      </c>
      <c r="E1895">
        <v>7540.16</v>
      </c>
      <c r="F1895">
        <v>10800</v>
      </c>
      <c r="G1895">
        <v>18595.3</v>
      </c>
      <c r="H1895">
        <v>3.7637800000000001</v>
      </c>
      <c r="I1895">
        <v>20655.2</v>
      </c>
      <c r="J1895">
        <v>84.608800000000002</v>
      </c>
    </row>
    <row r="1896" spans="1:10" x14ac:dyDescent="0.25">
      <c r="A1896">
        <v>13</v>
      </c>
      <c r="B1896">
        <v>108.446</v>
      </c>
      <c r="C1896">
        <v>119.93899999999999</v>
      </c>
      <c r="D1896">
        <v>189.68700000000001</v>
      </c>
      <c r="E1896">
        <v>7370.08</v>
      </c>
      <c r="F1896">
        <v>11310.2</v>
      </c>
      <c r="G1896">
        <v>25398.400000000001</v>
      </c>
      <c r="H1896">
        <v>2.3700800000000002</v>
      </c>
      <c r="I1896">
        <v>21603.200000000001</v>
      </c>
      <c r="J1896">
        <v>29.356400000000001</v>
      </c>
    </row>
    <row r="1897" spans="1:10" x14ac:dyDescent="0.25">
      <c r="A1897">
        <v>13</v>
      </c>
      <c r="B1897">
        <v>109.155</v>
      </c>
      <c r="C1897">
        <v>118.369</v>
      </c>
      <c r="D1897">
        <v>189.68700000000001</v>
      </c>
      <c r="E1897">
        <v>10091.299999999999</v>
      </c>
      <c r="F1897">
        <v>10800</v>
      </c>
      <c r="G1897">
        <v>19955.900000000001</v>
      </c>
      <c r="H1897">
        <v>1.40157</v>
      </c>
      <c r="I1897">
        <v>25253.200000000001</v>
      </c>
      <c r="J1897">
        <v>18.960899999999999</v>
      </c>
    </row>
    <row r="1898" spans="1:10" x14ac:dyDescent="0.25">
      <c r="A1898">
        <v>13</v>
      </c>
      <c r="B1898">
        <v>109.155</v>
      </c>
      <c r="C1898">
        <v>140.04599999999999</v>
      </c>
      <c r="D1898">
        <v>190</v>
      </c>
      <c r="E1898">
        <v>10091.299999999999</v>
      </c>
      <c r="F1898">
        <v>10800</v>
      </c>
      <c r="G1898">
        <v>19955.900000000001</v>
      </c>
      <c r="H1898">
        <v>1.09449</v>
      </c>
      <c r="I1898">
        <v>27299.3</v>
      </c>
      <c r="J1898">
        <v>135.29900000000001</v>
      </c>
    </row>
    <row r="1899" spans="1:10" x14ac:dyDescent="0.25">
      <c r="A1899">
        <v>13</v>
      </c>
      <c r="B1899">
        <v>109.628</v>
      </c>
      <c r="C1899">
        <v>119.625</v>
      </c>
      <c r="D1899">
        <v>189.06</v>
      </c>
      <c r="E1899">
        <v>7710.24</v>
      </c>
      <c r="F1899">
        <v>10800</v>
      </c>
      <c r="G1899">
        <v>18595.3</v>
      </c>
      <c r="H1899">
        <v>1.89764</v>
      </c>
      <c r="I1899">
        <v>22033.3</v>
      </c>
      <c r="J1899">
        <v>44.8108</v>
      </c>
    </row>
    <row r="1900" spans="1:10" x14ac:dyDescent="0.25">
      <c r="A1900">
        <v>13</v>
      </c>
      <c r="B1900">
        <v>105.848</v>
      </c>
      <c r="C1900">
        <v>118.68300000000001</v>
      </c>
      <c r="D1900">
        <v>189.06</v>
      </c>
      <c r="E1900">
        <v>9070.8700000000008</v>
      </c>
      <c r="F1900">
        <v>11310.2</v>
      </c>
      <c r="G1900">
        <v>19955.900000000001</v>
      </c>
      <c r="H1900">
        <v>1.09449</v>
      </c>
      <c r="I1900">
        <v>26067.200000000001</v>
      </c>
      <c r="J1900">
        <v>38.208799999999997</v>
      </c>
    </row>
    <row r="1901" spans="1:10" x14ac:dyDescent="0.25">
      <c r="A1901">
        <v>13</v>
      </c>
      <c r="B1901">
        <v>109.628</v>
      </c>
      <c r="C1901">
        <v>114.913</v>
      </c>
      <c r="D1901">
        <v>190</v>
      </c>
      <c r="E1901">
        <v>7370.08</v>
      </c>
      <c r="F1901">
        <v>10800</v>
      </c>
      <c r="G1901">
        <v>18595.3</v>
      </c>
      <c r="H1901">
        <v>3.00787</v>
      </c>
      <c r="I1901">
        <v>20738.900000000001</v>
      </c>
      <c r="J1901">
        <v>63.673299999999998</v>
      </c>
    </row>
    <row r="1902" spans="1:10" x14ac:dyDescent="0.25">
      <c r="A1902">
        <v>13</v>
      </c>
      <c r="B1902">
        <v>108.446</v>
      </c>
      <c r="C1902">
        <v>119.625</v>
      </c>
      <c r="D1902">
        <v>189.68700000000001</v>
      </c>
      <c r="E1902">
        <v>7370.08</v>
      </c>
      <c r="F1902">
        <v>10800</v>
      </c>
      <c r="G1902">
        <v>19955.900000000001</v>
      </c>
      <c r="H1902">
        <v>2.6063000000000001</v>
      </c>
      <c r="I1902">
        <v>20894.3</v>
      </c>
      <c r="J1902">
        <v>37.453200000000002</v>
      </c>
    </row>
    <row r="1903" spans="1:10" x14ac:dyDescent="0.25">
      <c r="A1903">
        <v>13</v>
      </c>
      <c r="B1903">
        <v>108.68300000000001</v>
      </c>
      <c r="C1903">
        <v>119.625</v>
      </c>
      <c r="D1903">
        <v>190</v>
      </c>
      <c r="E1903">
        <v>7370.08</v>
      </c>
      <c r="F1903">
        <v>11310.2</v>
      </c>
      <c r="G1903">
        <v>19955.900000000001</v>
      </c>
      <c r="H1903">
        <v>2.9606300000000001</v>
      </c>
      <c r="I1903">
        <v>21219.1</v>
      </c>
      <c r="J1903">
        <v>33.978999999999999</v>
      </c>
    </row>
    <row r="1904" spans="1:10" x14ac:dyDescent="0.25">
      <c r="A1904">
        <v>13</v>
      </c>
      <c r="B1904">
        <v>109.864</v>
      </c>
      <c r="C1904">
        <v>119.625</v>
      </c>
      <c r="D1904">
        <v>189.68700000000001</v>
      </c>
      <c r="E1904">
        <v>7370.08</v>
      </c>
      <c r="F1904">
        <v>11310.2</v>
      </c>
      <c r="G1904">
        <v>19955.900000000001</v>
      </c>
      <c r="H1904">
        <v>2.6299199999999998</v>
      </c>
      <c r="I1904">
        <v>21407</v>
      </c>
      <c r="J1904">
        <v>40.865299999999998</v>
      </c>
    </row>
    <row r="1905" spans="1:10" x14ac:dyDescent="0.25">
      <c r="A1905">
        <v>13</v>
      </c>
      <c r="B1905">
        <v>102.777</v>
      </c>
      <c r="C1905">
        <v>113.342</v>
      </c>
      <c r="D1905">
        <v>187.18</v>
      </c>
      <c r="E1905">
        <v>7200</v>
      </c>
      <c r="F1905">
        <v>18963.8</v>
      </c>
      <c r="G1905">
        <v>19955.900000000001</v>
      </c>
      <c r="H1905">
        <v>3.7401599999999999</v>
      </c>
      <c r="I1905">
        <v>29077.8</v>
      </c>
      <c r="J1905">
        <v>30.479299999999999</v>
      </c>
    </row>
    <row r="1906" spans="1:10" x14ac:dyDescent="0.25">
      <c r="A1906">
        <v>13</v>
      </c>
      <c r="B1906">
        <v>109.39100000000001</v>
      </c>
      <c r="C1906">
        <v>118.68300000000001</v>
      </c>
      <c r="D1906">
        <v>190</v>
      </c>
      <c r="E1906">
        <v>7710.24</v>
      </c>
      <c r="F1906">
        <v>11310.2</v>
      </c>
      <c r="G1906">
        <v>18255.099999999999</v>
      </c>
      <c r="H1906">
        <v>2.6299199999999998</v>
      </c>
      <c r="I1906">
        <v>21774.5</v>
      </c>
      <c r="J1906">
        <v>44.981000000000002</v>
      </c>
    </row>
    <row r="1907" spans="1:10" x14ac:dyDescent="0.25">
      <c r="A1907">
        <v>13</v>
      </c>
      <c r="B1907">
        <v>108.919</v>
      </c>
      <c r="C1907">
        <v>119.625</v>
      </c>
      <c r="D1907">
        <v>190</v>
      </c>
      <c r="E1907">
        <v>7370.08</v>
      </c>
      <c r="F1907">
        <v>10800</v>
      </c>
      <c r="G1907">
        <v>19955.900000000001</v>
      </c>
      <c r="H1907">
        <v>2.6299199999999998</v>
      </c>
      <c r="I1907">
        <v>20864.3</v>
      </c>
      <c r="J1907">
        <v>38.7849</v>
      </c>
    </row>
    <row r="1908" spans="1:10" x14ac:dyDescent="0.25">
      <c r="A1908">
        <v>13</v>
      </c>
      <c r="B1908">
        <v>108.919</v>
      </c>
      <c r="C1908">
        <v>119.93899999999999</v>
      </c>
      <c r="D1908">
        <v>179.65799999999999</v>
      </c>
      <c r="E1908">
        <v>7710.24</v>
      </c>
      <c r="F1908">
        <v>10800</v>
      </c>
      <c r="G1908">
        <v>18595.3</v>
      </c>
      <c r="H1908">
        <v>2.6063000000000001</v>
      </c>
      <c r="I1908">
        <v>21481</v>
      </c>
      <c r="J1908">
        <v>41.868499999999997</v>
      </c>
    </row>
    <row r="1909" spans="1:10" x14ac:dyDescent="0.25">
      <c r="A1909">
        <v>13</v>
      </c>
      <c r="B1909">
        <v>109.628</v>
      </c>
      <c r="C1909">
        <v>119.625</v>
      </c>
      <c r="D1909">
        <v>189.37299999999999</v>
      </c>
      <c r="E1909">
        <v>7370.08</v>
      </c>
      <c r="F1909">
        <v>10800</v>
      </c>
      <c r="G1909">
        <v>21146.5</v>
      </c>
      <c r="H1909">
        <v>1.09449</v>
      </c>
      <c r="I1909">
        <v>23720</v>
      </c>
      <c r="J1909">
        <v>41.583799999999997</v>
      </c>
    </row>
    <row r="1910" spans="1:10" x14ac:dyDescent="0.25">
      <c r="A1910">
        <v>13</v>
      </c>
      <c r="B1910">
        <v>105.376</v>
      </c>
      <c r="C1910">
        <v>112.08499999999999</v>
      </c>
      <c r="D1910">
        <v>189.68700000000001</v>
      </c>
      <c r="E1910">
        <v>7370.08</v>
      </c>
      <c r="F1910">
        <v>10800</v>
      </c>
      <c r="G1910">
        <v>19955.900000000001</v>
      </c>
      <c r="H1910">
        <v>3.64567</v>
      </c>
      <c r="I1910">
        <v>20567.400000000001</v>
      </c>
      <c r="J1910">
        <v>89.578900000000004</v>
      </c>
    </row>
    <row r="1911" spans="1:10" x14ac:dyDescent="0.25">
      <c r="A1911">
        <v>13</v>
      </c>
      <c r="B1911">
        <v>109.39100000000001</v>
      </c>
      <c r="C1911">
        <v>119.93899999999999</v>
      </c>
      <c r="D1911">
        <v>189.68700000000001</v>
      </c>
      <c r="E1911">
        <v>7710.24</v>
      </c>
      <c r="F1911">
        <v>10800</v>
      </c>
      <c r="G1911">
        <v>18595.3</v>
      </c>
      <c r="H1911">
        <v>3.3622000000000001</v>
      </c>
      <c r="I1911">
        <v>20791.5</v>
      </c>
      <c r="J1911">
        <v>47.403100000000002</v>
      </c>
    </row>
    <row r="1912" spans="1:10" x14ac:dyDescent="0.25">
      <c r="A1912">
        <v>13</v>
      </c>
      <c r="B1912">
        <v>109.39100000000001</v>
      </c>
      <c r="C1912">
        <v>119.93899999999999</v>
      </c>
      <c r="D1912">
        <v>189.37299999999999</v>
      </c>
      <c r="E1912">
        <v>10431.5</v>
      </c>
      <c r="F1912">
        <v>14881.9</v>
      </c>
      <c r="G1912">
        <v>25398.400000000001</v>
      </c>
      <c r="H1912">
        <v>1.1181099999999999</v>
      </c>
      <c r="I1912">
        <v>32715.200000000001</v>
      </c>
      <c r="J1912">
        <v>19.575099999999999</v>
      </c>
    </row>
    <row r="1913" spans="1:10" x14ac:dyDescent="0.25">
      <c r="A1913">
        <v>13</v>
      </c>
      <c r="B1913">
        <v>108.446</v>
      </c>
      <c r="C1913">
        <v>119.93899999999999</v>
      </c>
      <c r="D1913">
        <v>190</v>
      </c>
      <c r="E1913">
        <v>7370.08</v>
      </c>
      <c r="F1913">
        <v>11310.2</v>
      </c>
      <c r="G1913">
        <v>19955.900000000001</v>
      </c>
      <c r="H1913">
        <v>3.3858299999999999</v>
      </c>
      <c r="I1913">
        <v>20893.3</v>
      </c>
      <c r="J1913">
        <v>33.893099999999997</v>
      </c>
    </row>
    <row r="1914" spans="1:10" x14ac:dyDescent="0.25">
      <c r="A1914">
        <v>13</v>
      </c>
      <c r="B1914">
        <v>108.68300000000001</v>
      </c>
      <c r="C1914">
        <v>119.93899999999999</v>
      </c>
      <c r="D1914">
        <v>169.63</v>
      </c>
      <c r="E1914">
        <v>10431.5</v>
      </c>
      <c r="F1914">
        <v>11310.2</v>
      </c>
      <c r="G1914">
        <v>19955.900000000001</v>
      </c>
      <c r="H1914">
        <v>1.1181099999999999</v>
      </c>
      <c r="I1914">
        <v>28222</v>
      </c>
      <c r="J1914">
        <v>18.557200000000002</v>
      </c>
    </row>
    <row r="1915" spans="1:10" x14ac:dyDescent="0.25">
      <c r="A1915">
        <v>13</v>
      </c>
      <c r="B1915">
        <v>108.446</v>
      </c>
      <c r="C1915">
        <v>119.93899999999999</v>
      </c>
      <c r="D1915">
        <v>189.06</v>
      </c>
      <c r="E1915">
        <v>10431.5</v>
      </c>
      <c r="F1915">
        <v>10800</v>
      </c>
      <c r="G1915">
        <v>19955.900000000001</v>
      </c>
      <c r="H1915">
        <v>2.6299199999999998</v>
      </c>
      <c r="I1915">
        <v>24342.5</v>
      </c>
      <c r="J1915">
        <v>24.718699999999998</v>
      </c>
    </row>
    <row r="1916" spans="1:10" x14ac:dyDescent="0.25">
      <c r="A1916">
        <v>13</v>
      </c>
      <c r="B1916">
        <v>109.864</v>
      </c>
      <c r="C1916">
        <v>119.625</v>
      </c>
      <c r="D1916">
        <v>189.68700000000001</v>
      </c>
      <c r="E1916">
        <v>7370.08</v>
      </c>
      <c r="F1916">
        <v>10800</v>
      </c>
      <c r="G1916">
        <v>10431.5</v>
      </c>
      <c r="H1916">
        <v>2.5118100000000001</v>
      </c>
      <c r="I1916">
        <v>20993.1</v>
      </c>
      <c r="J1916">
        <v>28.6403</v>
      </c>
    </row>
    <row r="1917" spans="1:10" x14ac:dyDescent="0.25">
      <c r="A1917">
        <v>13</v>
      </c>
      <c r="B1917">
        <v>109.864</v>
      </c>
      <c r="C1917">
        <v>129.679</v>
      </c>
      <c r="D1917">
        <v>189.68700000000001</v>
      </c>
      <c r="E1917">
        <v>7200</v>
      </c>
      <c r="F1917">
        <v>14881.9</v>
      </c>
      <c r="G1917">
        <v>18595.3</v>
      </c>
      <c r="H1917">
        <v>2.79528</v>
      </c>
      <c r="I1917">
        <v>25103</v>
      </c>
      <c r="J1917">
        <v>112.262</v>
      </c>
    </row>
    <row r="1918" spans="1:10" x14ac:dyDescent="0.25">
      <c r="A1918">
        <v>13</v>
      </c>
      <c r="B1918">
        <v>108.68300000000001</v>
      </c>
      <c r="C1918">
        <v>119.625</v>
      </c>
      <c r="D1918">
        <v>189.68700000000001</v>
      </c>
      <c r="E1918">
        <v>10176.4</v>
      </c>
      <c r="F1918">
        <v>10800</v>
      </c>
      <c r="G1918">
        <v>19955.900000000001</v>
      </c>
      <c r="H1918">
        <v>2.4881899999999999</v>
      </c>
      <c r="I1918">
        <v>23753.9</v>
      </c>
      <c r="J1918">
        <v>40.973999999999997</v>
      </c>
    </row>
    <row r="1919" spans="1:10" x14ac:dyDescent="0.25">
      <c r="A1919">
        <v>13</v>
      </c>
      <c r="B1919">
        <v>108.446</v>
      </c>
      <c r="C1919">
        <v>118.369</v>
      </c>
      <c r="D1919">
        <v>190</v>
      </c>
      <c r="E1919">
        <v>7710.24</v>
      </c>
      <c r="F1919">
        <v>10800</v>
      </c>
      <c r="G1919">
        <v>19955.900000000001</v>
      </c>
      <c r="H1919">
        <v>1.87402</v>
      </c>
      <c r="I1919">
        <v>21994.7</v>
      </c>
      <c r="J1919">
        <v>27.296500000000002</v>
      </c>
    </row>
    <row r="1920" spans="1:10" x14ac:dyDescent="0.25">
      <c r="A1920">
        <v>13</v>
      </c>
      <c r="B1920">
        <v>109.628</v>
      </c>
      <c r="C1920">
        <v>119.93899999999999</v>
      </c>
      <c r="D1920">
        <v>177.15100000000001</v>
      </c>
      <c r="E1920">
        <v>7795.28</v>
      </c>
      <c r="F1920">
        <v>10800</v>
      </c>
      <c r="G1920">
        <v>21146.5</v>
      </c>
      <c r="H1920">
        <v>3.8110200000000001</v>
      </c>
      <c r="I1920">
        <v>20901.2</v>
      </c>
      <c r="J1920">
        <v>48.393300000000004</v>
      </c>
    </row>
    <row r="1921" spans="1:10" x14ac:dyDescent="0.25">
      <c r="A1921">
        <v>13</v>
      </c>
      <c r="B1921">
        <v>109.155</v>
      </c>
      <c r="C1921">
        <v>118.369</v>
      </c>
      <c r="D1921">
        <v>189.68700000000001</v>
      </c>
      <c r="E1921">
        <v>10091.299999999999</v>
      </c>
      <c r="F1921">
        <v>10800</v>
      </c>
      <c r="G1921">
        <v>19955.900000000001</v>
      </c>
      <c r="H1921">
        <v>1.40157</v>
      </c>
      <c r="I1921">
        <v>25253.200000000001</v>
      </c>
      <c r="J1921">
        <v>18.960899999999999</v>
      </c>
    </row>
    <row r="1922" spans="1:10" x14ac:dyDescent="0.25">
      <c r="A1922">
        <v>13</v>
      </c>
      <c r="B1922">
        <v>109.864</v>
      </c>
      <c r="C1922">
        <v>119.625</v>
      </c>
      <c r="D1922">
        <v>189.68700000000001</v>
      </c>
      <c r="E1922">
        <v>7370.08</v>
      </c>
      <c r="F1922">
        <v>10800</v>
      </c>
      <c r="G1922">
        <v>10431.5</v>
      </c>
      <c r="H1922">
        <v>2.5118100000000001</v>
      </c>
      <c r="I1922">
        <v>20993.1</v>
      </c>
      <c r="J1922">
        <v>28.6403</v>
      </c>
    </row>
    <row r="1923" spans="1:10" x14ac:dyDescent="0.25">
      <c r="A1923">
        <v>13</v>
      </c>
      <c r="B1923">
        <v>108.446</v>
      </c>
      <c r="C1923">
        <v>118.369</v>
      </c>
      <c r="D1923">
        <v>190</v>
      </c>
      <c r="E1923">
        <v>7710.24</v>
      </c>
      <c r="F1923">
        <v>10800</v>
      </c>
      <c r="G1923">
        <v>19955.900000000001</v>
      </c>
      <c r="H1923">
        <v>1.87402</v>
      </c>
      <c r="I1923">
        <v>21994.7</v>
      </c>
      <c r="J1923">
        <v>27.296500000000002</v>
      </c>
    </row>
    <row r="1924" spans="1:10" x14ac:dyDescent="0.25">
      <c r="A1924">
        <v>13</v>
      </c>
      <c r="B1924">
        <v>105.848</v>
      </c>
      <c r="C1924">
        <v>114.913</v>
      </c>
      <c r="D1924">
        <v>189.06</v>
      </c>
      <c r="E1924">
        <v>7710.24</v>
      </c>
      <c r="F1924">
        <v>14881.9</v>
      </c>
      <c r="G1924">
        <v>22677.200000000001</v>
      </c>
      <c r="H1924">
        <v>1.09449</v>
      </c>
      <c r="I1924">
        <v>28153.9</v>
      </c>
      <c r="J1924">
        <v>16.915900000000001</v>
      </c>
    </row>
    <row r="1925" spans="1:10" x14ac:dyDescent="0.25">
      <c r="A1925">
        <v>13</v>
      </c>
      <c r="B1925">
        <v>102.777</v>
      </c>
      <c r="C1925">
        <v>123.081</v>
      </c>
      <c r="D1925">
        <v>182.47900000000001</v>
      </c>
      <c r="E1925">
        <v>7200</v>
      </c>
      <c r="F1925">
        <v>10800</v>
      </c>
      <c r="G1925">
        <v>19955.900000000001</v>
      </c>
      <c r="H1925">
        <v>3.7637800000000001</v>
      </c>
      <c r="I1925">
        <v>20089.900000000001</v>
      </c>
      <c r="J1925">
        <v>33.581899999999997</v>
      </c>
    </row>
    <row r="1926" spans="1:10" x14ac:dyDescent="0.25">
      <c r="A1926">
        <v>13</v>
      </c>
      <c r="B1926">
        <v>109.628</v>
      </c>
      <c r="C1926">
        <v>119.93899999999999</v>
      </c>
      <c r="D1926">
        <v>187.18</v>
      </c>
      <c r="E1926">
        <v>7795.28</v>
      </c>
      <c r="F1926">
        <v>11310.2</v>
      </c>
      <c r="G1926">
        <v>22677.200000000001</v>
      </c>
      <c r="H1926">
        <v>1.89764</v>
      </c>
      <c r="I1926">
        <v>22531.3</v>
      </c>
      <c r="J1926">
        <v>23.453099999999999</v>
      </c>
    </row>
    <row r="1927" spans="1:10" x14ac:dyDescent="0.25">
      <c r="A1927">
        <v>13</v>
      </c>
      <c r="B1927">
        <v>102.777</v>
      </c>
      <c r="C1927">
        <v>123.081</v>
      </c>
      <c r="D1927">
        <v>182.47900000000001</v>
      </c>
      <c r="E1927">
        <v>7200</v>
      </c>
      <c r="F1927">
        <v>10800</v>
      </c>
      <c r="G1927">
        <v>19955.900000000001</v>
      </c>
      <c r="H1927">
        <v>3.7637800000000001</v>
      </c>
      <c r="I1927">
        <v>20089.900000000001</v>
      </c>
      <c r="J1927">
        <v>33.581899999999997</v>
      </c>
    </row>
    <row r="1928" spans="1:10" x14ac:dyDescent="0.25">
      <c r="A1928">
        <v>13</v>
      </c>
      <c r="B1928">
        <v>109.628</v>
      </c>
      <c r="C1928">
        <v>119.93899999999999</v>
      </c>
      <c r="D1928">
        <v>187.18</v>
      </c>
      <c r="E1928">
        <v>7795.28</v>
      </c>
      <c r="F1928">
        <v>11310.2</v>
      </c>
      <c r="G1928">
        <v>22677.200000000001</v>
      </c>
      <c r="H1928">
        <v>1.89764</v>
      </c>
      <c r="I1928">
        <v>22531.3</v>
      </c>
      <c r="J1928">
        <v>23.453099999999999</v>
      </c>
    </row>
    <row r="1929" spans="1:10" x14ac:dyDescent="0.25">
      <c r="A1929">
        <v>13</v>
      </c>
      <c r="B1929">
        <v>105.848</v>
      </c>
      <c r="C1929">
        <v>114.913</v>
      </c>
      <c r="D1929">
        <v>189.06</v>
      </c>
      <c r="E1929">
        <v>7710.24</v>
      </c>
      <c r="F1929">
        <v>14881.9</v>
      </c>
      <c r="G1929">
        <v>22677.200000000001</v>
      </c>
      <c r="H1929">
        <v>1.09449</v>
      </c>
      <c r="I1929">
        <v>28153.9</v>
      </c>
      <c r="J1929">
        <v>16.915900000000001</v>
      </c>
    </row>
    <row r="1930" spans="1:10" x14ac:dyDescent="0.25">
      <c r="A1930">
        <v>13</v>
      </c>
      <c r="B1930">
        <v>102.777</v>
      </c>
      <c r="C1930">
        <v>123.081</v>
      </c>
      <c r="D1930">
        <v>182.47900000000001</v>
      </c>
      <c r="E1930">
        <v>7200</v>
      </c>
      <c r="F1930">
        <v>10800</v>
      </c>
      <c r="G1930">
        <v>19955.900000000001</v>
      </c>
      <c r="H1930">
        <v>3.7637800000000001</v>
      </c>
      <c r="I1930">
        <v>20089.900000000001</v>
      </c>
      <c r="J1930">
        <v>33.581899999999997</v>
      </c>
    </row>
    <row r="1931" spans="1:10" x14ac:dyDescent="0.25">
      <c r="A1931">
        <v>13</v>
      </c>
      <c r="B1931">
        <v>105.848</v>
      </c>
      <c r="C1931">
        <v>114.913</v>
      </c>
      <c r="D1931">
        <v>189.06</v>
      </c>
      <c r="E1931">
        <v>7710.24</v>
      </c>
      <c r="F1931">
        <v>14881.9</v>
      </c>
      <c r="G1931">
        <v>22677.200000000001</v>
      </c>
      <c r="H1931">
        <v>1.09449</v>
      </c>
      <c r="I1931">
        <v>28153.9</v>
      </c>
      <c r="J1931">
        <v>16.915900000000001</v>
      </c>
    </row>
    <row r="1932" spans="1:10" x14ac:dyDescent="0.25">
      <c r="A1932">
        <v>13</v>
      </c>
      <c r="B1932">
        <v>109.628</v>
      </c>
      <c r="C1932">
        <v>119.93899999999999</v>
      </c>
      <c r="D1932">
        <v>187.18</v>
      </c>
      <c r="E1932">
        <v>7795.28</v>
      </c>
      <c r="F1932">
        <v>11310.2</v>
      </c>
      <c r="G1932">
        <v>22677.200000000001</v>
      </c>
      <c r="H1932">
        <v>1.89764</v>
      </c>
      <c r="I1932">
        <v>22531.3</v>
      </c>
      <c r="J1932">
        <v>23.453099999999999</v>
      </c>
    </row>
    <row r="1933" spans="1:10" x14ac:dyDescent="0.25">
      <c r="A1933">
        <v>13</v>
      </c>
      <c r="B1933">
        <v>102.777</v>
      </c>
      <c r="C1933">
        <v>123.081</v>
      </c>
      <c r="D1933">
        <v>182.47900000000001</v>
      </c>
      <c r="E1933">
        <v>7200</v>
      </c>
      <c r="F1933">
        <v>10800</v>
      </c>
      <c r="G1933">
        <v>19955.900000000001</v>
      </c>
      <c r="H1933">
        <v>3.7637800000000001</v>
      </c>
      <c r="I1933">
        <v>20089.900000000001</v>
      </c>
      <c r="J1933">
        <v>33.581899999999997</v>
      </c>
    </row>
    <row r="1934" spans="1:10" x14ac:dyDescent="0.25">
      <c r="A1934">
        <v>13</v>
      </c>
      <c r="B1934">
        <v>105.848</v>
      </c>
      <c r="C1934">
        <v>114.913</v>
      </c>
      <c r="D1934">
        <v>189.06</v>
      </c>
      <c r="E1934">
        <v>7710.24</v>
      </c>
      <c r="F1934">
        <v>14881.9</v>
      </c>
      <c r="G1934">
        <v>22677.200000000001</v>
      </c>
      <c r="H1934">
        <v>1.09449</v>
      </c>
      <c r="I1934">
        <v>28153.9</v>
      </c>
      <c r="J1934">
        <v>16.915900000000001</v>
      </c>
    </row>
    <row r="1935" spans="1:10" x14ac:dyDescent="0.25">
      <c r="A1935">
        <v>13</v>
      </c>
      <c r="B1935">
        <v>109.628</v>
      </c>
      <c r="C1935">
        <v>119.93899999999999</v>
      </c>
      <c r="D1935">
        <v>187.18</v>
      </c>
      <c r="E1935">
        <v>7795.28</v>
      </c>
      <c r="F1935">
        <v>11310.2</v>
      </c>
      <c r="G1935">
        <v>22677.200000000001</v>
      </c>
      <c r="H1935">
        <v>1.89764</v>
      </c>
      <c r="I1935">
        <v>22531.3</v>
      </c>
      <c r="J1935">
        <v>23.453099999999999</v>
      </c>
    </row>
    <row r="1936" spans="1:10" x14ac:dyDescent="0.25">
      <c r="A1936">
        <v>13</v>
      </c>
      <c r="B1936">
        <v>102.777</v>
      </c>
      <c r="C1936">
        <v>123.081</v>
      </c>
      <c r="D1936">
        <v>182.47900000000001</v>
      </c>
      <c r="E1936">
        <v>7200</v>
      </c>
      <c r="F1936">
        <v>10800</v>
      </c>
      <c r="G1936">
        <v>19955.900000000001</v>
      </c>
      <c r="H1936">
        <v>3.7637800000000001</v>
      </c>
      <c r="I1936">
        <v>20089.900000000001</v>
      </c>
      <c r="J1936">
        <v>33.581899999999997</v>
      </c>
    </row>
    <row r="1937" spans="1:10" x14ac:dyDescent="0.25">
      <c r="A1937">
        <v>13</v>
      </c>
      <c r="B1937">
        <v>102.777</v>
      </c>
      <c r="C1937">
        <v>123.081</v>
      </c>
      <c r="D1937">
        <v>182.47900000000001</v>
      </c>
      <c r="E1937">
        <v>7200</v>
      </c>
      <c r="F1937">
        <v>10800</v>
      </c>
      <c r="G1937">
        <v>19955.900000000001</v>
      </c>
      <c r="H1937">
        <v>3.7637800000000001</v>
      </c>
      <c r="I1937">
        <v>20089.900000000001</v>
      </c>
      <c r="J1937">
        <v>33.581899999999997</v>
      </c>
    </row>
    <row r="1938" spans="1:10" x14ac:dyDescent="0.25">
      <c r="A1938">
        <v>13</v>
      </c>
      <c r="B1938">
        <v>109.628</v>
      </c>
      <c r="C1938">
        <v>119.93899999999999</v>
      </c>
      <c r="D1938">
        <v>187.18</v>
      </c>
      <c r="E1938">
        <v>7795.28</v>
      </c>
      <c r="F1938">
        <v>11310.2</v>
      </c>
      <c r="G1938">
        <v>22677.200000000001</v>
      </c>
      <c r="H1938">
        <v>1.89764</v>
      </c>
      <c r="I1938">
        <v>22531.3</v>
      </c>
      <c r="J1938">
        <v>23.453099999999999</v>
      </c>
    </row>
    <row r="1939" spans="1:10" x14ac:dyDescent="0.25">
      <c r="A1939">
        <v>13</v>
      </c>
      <c r="B1939">
        <v>102.777</v>
      </c>
      <c r="C1939">
        <v>123.081</v>
      </c>
      <c r="D1939">
        <v>182.47900000000001</v>
      </c>
      <c r="E1939">
        <v>7200</v>
      </c>
      <c r="F1939">
        <v>10800</v>
      </c>
      <c r="G1939">
        <v>19955.900000000001</v>
      </c>
      <c r="H1939">
        <v>3.7637800000000001</v>
      </c>
      <c r="I1939">
        <v>20089.900000000001</v>
      </c>
      <c r="J1939">
        <v>33.581899999999997</v>
      </c>
    </row>
    <row r="1940" spans="1:10" x14ac:dyDescent="0.25">
      <c r="A1940">
        <v>13</v>
      </c>
      <c r="B1940">
        <v>102.777</v>
      </c>
      <c r="C1940">
        <v>123.081</v>
      </c>
      <c r="D1940">
        <v>182.47900000000001</v>
      </c>
      <c r="E1940">
        <v>7200</v>
      </c>
      <c r="F1940">
        <v>10800</v>
      </c>
      <c r="G1940">
        <v>19955.900000000001</v>
      </c>
      <c r="H1940">
        <v>3.7637800000000001</v>
      </c>
      <c r="I1940">
        <v>20089.900000000001</v>
      </c>
      <c r="J1940">
        <v>33.581899999999997</v>
      </c>
    </row>
    <row r="1941" spans="1:10" x14ac:dyDescent="0.25">
      <c r="A1941">
        <v>13</v>
      </c>
      <c r="B1941">
        <v>108.446</v>
      </c>
      <c r="C1941">
        <v>118.369</v>
      </c>
      <c r="D1941">
        <v>190</v>
      </c>
      <c r="E1941">
        <v>10431.5</v>
      </c>
      <c r="F1941">
        <v>10800</v>
      </c>
      <c r="G1941">
        <v>19615.7</v>
      </c>
      <c r="H1941">
        <v>1.1181099999999999</v>
      </c>
      <c r="I1941">
        <v>26815.1</v>
      </c>
      <c r="J1941">
        <v>17.5837</v>
      </c>
    </row>
    <row r="1942" spans="1:10" x14ac:dyDescent="0.25">
      <c r="A1942">
        <v>13</v>
      </c>
      <c r="B1942">
        <v>108.68300000000001</v>
      </c>
      <c r="C1942">
        <v>119.625</v>
      </c>
      <c r="D1942">
        <v>189.68700000000001</v>
      </c>
      <c r="E1942">
        <v>10431.5</v>
      </c>
      <c r="F1942">
        <v>10800</v>
      </c>
      <c r="G1942">
        <v>25398.400000000001</v>
      </c>
      <c r="H1942">
        <v>1.40157</v>
      </c>
      <c r="I1942">
        <v>25658</v>
      </c>
      <c r="J1942">
        <v>18.511700000000001</v>
      </c>
    </row>
    <row r="1943" spans="1:10" x14ac:dyDescent="0.25">
      <c r="A1943">
        <v>13</v>
      </c>
      <c r="B1943">
        <v>104.667</v>
      </c>
      <c r="C1943">
        <v>119.93899999999999</v>
      </c>
      <c r="D1943">
        <v>189.68700000000001</v>
      </c>
      <c r="E1943">
        <v>7370.08</v>
      </c>
      <c r="F1943">
        <v>10800</v>
      </c>
      <c r="G1943">
        <v>18595.3</v>
      </c>
      <c r="H1943">
        <v>2.2755899999999998</v>
      </c>
      <c r="I1943">
        <v>21201.200000000001</v>
      </c>
      <c r="J1943">
        <v>27.366700000000002</v>
      </c>
    </row>
    <row r="1944" spans="1:10" x14ac:dyDescent="0.25">
      <c r="A1944">
        <v>13</v>
      </c>
      <c r="B1944">
        <v>109.628</v>
      </c>
      <c r="C1944">
        <v>119.93899999999999</v>
      </c>
      <c r="D1944">
        <v>187.18</v>
      </c>
      <c r="E1944">
        <v>7795.28</v>
      </c>
      <c r="F1944">
        <v>11310.2</v>
      </c>
      <c r="G1944">
        <v>22677.200000000001</v>
      </c>
      <c r="H1944">
        <v>1.89764</v>
      </c>
      <c r="I1944">
        <v>22531.3</v>
      </c>
      <c r="J1944">
        <v>23.453099999999999</v>
      </c>
    </row>
    <row r="1945" spans="1:10" x14ac:dyDescent="0.25">
      <c r="A1945">
        <v>13</v>
      </c>
      <c r="B1945">
        <v>106.79300000000001</v>
      </c>
      <c r="C1945">
        <v>124.024</v>
      </c>
      <c r="D1945">
        <v>184.04599999999999</v>
      </c>
      <c r="E1945">
        <v>10516.5</v>
      </c>
      <c r="F1945">
        <v>19984.3</v>
      </c>
      <c r="G1945">
        <v>20636.2</v>
      </c>
      <c r="H1945">
        <v>2.25197</v>
      </c>
      <c r="I1945">
        <v>36430.5</v>
      </c>
      <c r="J1945">
        <v>16.778199999999998</v>
      </c>
    </row>
    <row r="1946" spans="1:10" x14ac:dyDescent="0.25">
      <c r="A1946">
        <v>13</v>
      </c>
      <c r="B1946">
        <v>102.777</v>
      </c>
      <c r="C1946">
        <v>123.081</v>
      </c>
      <c r="D1946">
        <v>182.47900000000001</v>
      </c>
      <c r="E1946">
        <v>7200</v>
      </c>
      <c r="F1946">
        <v>10800</v>
      </c>
      <c r="G1946">
        <v>19955.900000000001</v>
      </c>
      <c r="H1946">
        <v>3.7637800000000001</v>
      </c>
      <c r="I1946">
        <v>20089.900000000001</v>
      </c>
      <c r="J1946">
        <v>33.581899999999997</v>
      </c>
    </row>
    <row r="1947" spans="1:10" x14ac:dyDescent="0.25">
      <c r="A1947">
        <v>13</v>
      </c>
      <c r="B1947">
        <v>104.667</v>
      </c>
      <c r="C1947">
        <v>119.93899999999999</v>
      </c>
      <c r="D1947">
        <v>189.68700000000001</v>
      </c>
      <c r="E1947">
        <v>7370.08</v>
      </c>
      <c r="F1947">
        <v>10800</v>
      </c>
      <c r="G1947">
        <v>18595.3</v>
      </c>
      <c r="H1947">
        <v>2.2755899999999998</v>
      </c>
      <c r="I1947">
        <v>21201.200000000001</v>
      </c>
      <c r="J1947">
        <v>27.366700000000002</v>
      </c>
    </row>
    <row r="1948" spans="1:10" x14ac:dyDescent="0.25">
      <c r="A1948">
        <v>13</v>
      </c>
      <c r="B1948">
        <v>108.446</v>
      </c>
      <c r="C1948">
        <v>118.369</v>
      </c>
      <c r="D1948">
        <v>190</v>
      </c>
      <c r="E1948">
        <v>10431.5</v>
      </c>
      <c r="F1948">
        <v>10800</v>
      </c>
      <c r="G1948">
        <v>19615.7</v>
      </c>
      <c r="H1948">
        <v>1.1181099999999999</v>
      </c>
      <c r="I1948">
        <v>26815.1</v>
      </c>
      <c r="J1948">
        <v>17.5837</v>
      </c>
    </row>
    <row r="1949" spans="1:10" x14ac:dyDescent="0.25">
      <c r="A1949">
        <v>13</v>
      </c>
      <c r="B1949">
        <v>108.446</v>
      </c>
      <c r="C1949">
        <v>118.369</v>
      </c>
      <c r="D1949">
        <v>190</v>
      </c>
      <c r="E1949">
        <v>10431.5</v>
      </c>
      <c r="F1949">
        <v>10800</v>
      </c>
      <c r="G1949">
        <v>19615.7</v>
      </c>
      <c r="H1949">
        <v>1.1181099999999999</v>
      </c>
      <c r="I1949">
        <v>26815.1</v>
      </c>
      <c r="J1949">
        <v>17.5837</v>
      </c>
    </row>
    <row r="1950" spans="1:10" x14ac:dyDescent="0.25">
      <c r="A1950">
        <v>13</v>
      </c>
      <c r="B1950">
        <v>109.628</v>
      </c>
      <c r="C1950">
        <v>119.93899999999999</v>
      </c>
      <c r="D1950">
        <v>187.18</v>
      </c>
      <c r="E1950">
        <v>7795.28</v>
      </c>
      <c r="F1950">
        <v>11310.2</v>
      </c>
      <c r="G1950">
        <v>22677.200000000001</v>
      </c>
      <c r="H1950">
        <v>1.89764</v>
      </c>
      <c r="I1950">
        <v>22531.3</v>
      </c>
      <c r="J1950">
        <v>23.453099999999999</v>
      </c>
    </row>
    <row r="1951" spans="1:10" x14ac:dyDescent="0.25">
      <c r="A1951">
        <v>13</v>
      </c>
      <c r="B1951">
        <v>102.777</v>
      </c>
      <c r="C1951">
        <v>123.081</v>
      </c>
      <c r="D1951">
        <v>182.47900000000001</v>
      </c>
      <c r="E1951">
        <v>7200</v>
      </c>
      <c r="F1951">
        <v>10800</v>
      </c>
      <c r="G1951">
        <v>19955.900000000001</v>
      </c>
      <c r="H1951">
        <v>3.7637800000000001</v>
      </c>
      <c r="I1951">
        <v>20089.900000000001</v>
      </c>
      <c r="J1951">
        <v>33.581899999999997</v>
      </c>
    </row>
    <row r="1952" spans="1:10" x14ac:dyDescent="0.25">
      <c r="A1952">
        <v>13</v>
      </c>
      <c r="B1952">
        <v>102.777</v>
      </c>
      <c r="C1952">
        <v>123.081</v>
      </c>
      <c r="D1952">
        <v>182.47900000000001</v>
      </c>
      <c r="E1952">
        <v>7200</v>
      </c>
      <c r="F1952">
        <v>10800</v>
      </c>
      <c r="G1952">
        <v>19955.900000000001</v>
      </c>
      <c r="H1952">
        <v>3.7637800000000001</v>
      </c>
      <c r="I1952">
        <v>20089.900000000001</v>
      </c>
      <c r="J1952">
        <v>33.581899999999997</v>
      </c>
    </row>
    <row r="1953" spans="1:10" x14ac:dyDescent="0.25">
      <c r="A1953">
        <v>13</v>
      </c>
      <c r="B1953">
        <v>109.628</v>
      </c>
      <c r="C1953">
        <v>119.93899999999999</v>
      </c>
      <c r="D1953">
        <v>187.18</v>
      </c>
      <c r="E1953">
        <v>7795.28</v>
      </c>
      <c r="F1953">
        <v>11310.2</v>
      </c>
      <c r="G1953">
        <v>22677.200000000001</v>
      </c>
      <c r="H1953">
        <v>1.89764</v>
      </c>
      <c r="I1953">
        <v>22531.3</v>
      </c>
      <c r="J1953">
        <v>23.453099999999999</v>
      </c>
    </row>
    <row r="1954" spans="1:10" x14ac:dyDescent="0.25">
      <c r="A1954">
        <v>13</v>
      </c>
      <c r="B1954">
        <v>108.446</v>
      </c>
      <c r="C1954">
        <v>119.625</v>
      </c>
      <c r="D1954">
        <v>189.68700000000001</v>
      </c>
      <c r="E1954">
        <v>9070.8700000000008</v>
      </c>
      <c r="F1954">
        <v>10800</v>
      </c>
      <c r="G1954">
        <v>19955.900000000001</v>
      </c>
      <c r="H1954">
        <v>1.4960599999999999</v>
      </c>
      <c r="I1954">
        <v>24098.3</v>
      </c>
      <c r="J1954">
        <v>19.2303</v>
      </c>
    </row>
    <row r="1955" spans="1:10" x14ac:dyDescent="0.25">
      <c r="A1955">
        <v>13</v>
      </c>
      <c r="B1955">
        <v>102.777</v>
      </c>
      <c r="C1955">
        <v>123.081</v>
      </c>
      <c r="D1955">
        <v>182.47900000000001</v>
      </c>
      <c r="E1955">
        <v>7200</v>
      </c>
      <c r="F1955">
        <v>10800</v>
      </c>
      <c r="G1955">
        <v>19955.900000000001</v>
      </c>
      <c r="H1955">
        <v>3.7637800000000001</v>
      </c>
      <c r="I1955">
        <v>20089.900000000001</v>
      </c>
      <c r="J1955">
        <v>33.581899999999997</v>
      </c>
    </row>
    <row r="1956" spans="1:10" x14ac:dyDescent="0.25">
      <c r="A1956">
        <v>13</v>
      </c>
      <c r="B1956">
        <v>109.628</v>
      </c>
      <c r="C1956">
        <v>118.369</v>
      </c>
      <c r="D1956">
        <v>189.68700000000001</v>
      </c>
      <c r="E1956">
        <v>7710.24</v>
      </c>
      <c r="F1956">
        <v>11310.2</v>
      </c>
      <c r="G1956">
        <v>19955.900000000001</v>
      </c>
      <c r="H1956">
        <v>1.92126</v>
      </c>
      <c r="I1956">
        <v>22542</v>
      </c>
      <c r="J1956">
        <v>20.9635</v>
      </c>
    </row>
    <row r="1957" spans="1:10" x14ac:dyDescent="0.25">
      <c r="A1957">
        <v>13</v>
      </c>
      <c r="B1957">
        <v>109.628</v>
      </c>
      <c r="C1957">
        <v>118.369</v>
      </c>
      <c r="D1957">
        <v>189.68700000000001</v>
      </c>
      <c r="E1957">
        <v>7710.24</v>
      </c>
      <c r="F1957">
        <v>11310.2</v>
      </c>
      <c r="G1957">
        <v>19955.900000000001</v>
      </c>
      <c r="H1957">
        <v>1.92126</v>
      </c>
      <c r="I1957">
        <v>22542</v>
      </c>
      <c r="J1957">
        <v>20.9635</v>
      </c>
    </row>
    <row r="1958" spans="1:10" x14ac:dyDescent="0.25">
      <c r="A1958">
        <v>13</v>
      </c>
      <c r="B1958">
        <v>108.446</v>
      </c>
      <c r="C1958">
        <v>119.625</v>
      </c>
      <c r="D1958">
        <v>189.68700000000001</v>
      </c>
      <c r="E1958">
        <v>10431.5</v>
      </c>
      <c r="F1958">
        <v>10800</v>
      </c>
      <c r="G1958">
        <v>19955.900000000001</v>
      </c>
      <c r="H1958">
        <v>1.1181099999999999</v>
      </c>
      <c r="I1958">
        <v>26419.3</v>
      </c>
      <c r="J1958">
        <v>18.099799999999998</v>
      </c>
    </row>
    <row r="1959" spans="1:10" x14ac:dyDescent="0.25">
      <c r="A1959">
        <v>13</v>
      </c>
      <c r="B1959">
        <v>109.155</v>
      </c>
      <c r="C1959">
        <v>128.422</v>
      </c>
      <c r="D1959">
        <v>189.68700000000001</v>
      </c>
      <c r="E1959">
        <v>7370.08</v>
      </c>
      <c r="F1959">
        <v>10800</v>
      </c>
      <c r="G1959">
        <v>22507.1</v>
      </c>
      <c r="H1959">
        <v>3.3149600000000001</v>
      </c>
      <c r="I1959">
        <v>20692</v>
      </c>
      <c r="J1959">
        <v>28.869900000000001</v>
      </c>
    </row>
    <row r="1960" spans="1:10" x14ac:dyDescent="0.25">
      <c r="A1960">
        <v>13</v>
      </c>
      <c r="B1960">
        <v>108.446</v>
      </c>
      <c r="C1960">
        <v>119.625</v>
      </c>
      <c r="D1960">
        <v>189.68700000000001</v>
      </c>
      <c r="E1960">
        <v>9070.8700000000008</v>
      </c>
      <c r="F1960">
        <v>10800</v>
      </c>
      <c r="G1960">
        <v>19955.900000000001</v>
      </c>
      <c r="H1960">
        <v>1.4960599999999999</v>
      </c>
      <c r="I1960">
        <v>24098.3</v>
      </c>
      <c r="J1960">
        <v>19.2303</v>
      </c>
    </row>
    <row r="1961" spans="1:10" x14ac:dyDescent="0.25">
      <c r="A1961">
        <v>14</v>
      </c>
      <c r="B1961">
        <v>108.446</v>
      </c>
      <c r="C1961">
        <v>118.369</v>
      </c>
      <c r="D1961">
        <v>190</v>
      </c>
      <c r="E1961">
        <v>10431.5</v>
      </c>
      <c r="F1961">
        <v>10800</v>
      </c>
      <c r="G1961">
        <v>19615.7</v>
      </c>
      <c r="H1961">
        <v>1.1181099999999999</v>
      </c>
      <c r="I1961">
        <v>26815.1</v>
      </c>
      <c r="J1961">
        <v>17.5837</v>
      </c>
    </row>
    <row r="1962" spans="1:10" x14ac:dyDescent="0.25">
      <c r="A1962">
        <v>14</v>
      </c>
      <c r="B1962">
        <v>108.446</v>
      </c>
      <c r="C1962">
        <v>119.625</v>
      </c>
      <c r="D1962">
        <v>189.68700000000001</v>
      </c>
      <c r="E1962">
        <v>10431.5</v>
      </c>
      <c r="F1962">
        <v>10800</v>
      </c>
      <c r="G1962">
        <v>19955.900000000001</v>
      </c>
      <c r="H1962">
        <v>1.1181099999999999</v>
      </c>
      <c r="I1962">
        <v>26419.3</v>
      </c>
      <c r="J1962">
        <v>18.099799999999998</v>
      </c>
    </row>
    <row r="1963" spans="1:10" x14ac:dyDescent="0.25">
      <c r="A1963">
        <v>14</v>
      </c>
      <c r="B1963">
        <v>108.446</v>
      </c>
      <c r="C1963">
        <v>119.625</v>
      </c>
      <c r="D1963">
        <v>189.68700000000001</v>
      </c>
      <c r="E1963">
        <v>9070.8700000000008</v>
      </c>
      <c r="F1963">
        <v>10800</v>
      </c>
      <c r="G1963">
        <v>19955.900000000001</v>
      </c>
      <c r="H1963">
        <v>1.4960599999999999</v>
      </c>
      <c r="I1963">
        <v>24098.3</v>
      </c>
      <c r="J1963">
        <v>19.2303</v>
      </c>
    </row>
    <row r="1964" spans="1:10" x14ac:dyDescent="0.25">
      <c r="A1964">
        <v>14</v>
      </c>
      <c r="B1964">
        <v>104.667</v>
      </c>
      <c r="C1964">
        <v>119.93899999999999</v>
      </c>
      <c r="D1964">
        <v>189.68700000000001</v>
      </c>
      <c r="E1964">
        <v>7370.08</v>
      </c>
      <c r="F1964">
        <v>10800</v>
      </c>
      <c r="G1964">
        <v>18595.3</v>
      </c>
      <c r="H1964">
        <v>2.2755899999999998</v>
      </c>
      <c r="I1964">
        <v>21201.200000000001</v>
      </c>
      <c r="J1964">
        <v>27.366700000000002</v>
      </c>
    </row>
    <row r="1965" spans="1:10" x14ac:dyDescent="0.25">
      <c r="A1965">
        <v>14</v>
      </c>
      <c r="B1965">
        <v>109.155</v>
      </c>
      <c r="C1965">
        <v>118.369</v>
      </c>
      <c r="D1965">
        <v>189.68700000000001</v>
      </c>
      <c r="E1965">
        <v>10091.299999999999</v>
      </c>
      <c r="F1965">
        <v>10800</v>
      </c>
      <c r="G1965">
        <v>19955.900000000001</v>
      </c>
      <c r="H1965">
        <v>1.40157</v>
      </c>
      <c r="I1965">
        <v>25253.200000000001</v>
      </c>
      <c r="J1965">
        <v>18.960899999999999</v>
      </c>
    </row>
    <row r="1966" spans="1:10" x14ac:dyDescent="0.25">
      <c r="A1966">
        <v>14</v>
      </c>
      <c r="B1966">
        <v>108.446</v>
      </c>
      <c r="C1966">
        <v>118.369</v>
      </c>
      <c r="D1966">
        <v>190</v>
      </c>
      <c r="E1966">
        <v>7710.24</v>
      </c>
      <c r="F1966">
        <v>10800</v>
      </c>
      <c r="G1966">
        <v>19955.900000000001</v>
      </c>
      <c r="H1966">
        <v>1.87402</v>
      </c>
      <c r="I1966">
        <v>21994.7</v>
      </c>
      <c r="J1966">
        <v>27.296500000000002</v>
      </c>
    </row>
    <row r="1967" spans="1:10" x14ac:dyDescent="0.25">
      <c r="A1967">
        <v>14</v>
      </c>
      <c r="B1967">
        <v>109.155</v>
      </c>
      <c r="C1967">
        <v>128.422</v>
      </c>
      <c r="D1967">
        <v>189.68700000000001</v>
      </c>
      <c r="E1967">
        <v>7370.08</v>
      </c>
      <c r="F1967">
        <v>10800</v>
      </c>
      <c r="G1967">
        <v>22507.1</v>
      </c>
      <c r="H1967">
        <v>3.3149600000000001</v>
      </c>
      <c r="I1967">
        <v>20692</v>
      </c>
      <c r="J1967">
        <v>28.869900000000001</v>
      </c>
    </row>
    <row r="1968" spans="1:10" x14ac:dyDescent="0.25">
      <c r="A1968">
        <v>14</v>
      </c>
      <c r="B1968">
        <v>109.864</v>
      </c>
      <c r="C1968">
        <v>119.625</v>
      </c>
      <c r="D1968">
        <v>189.68700000000001</v>
      </c>
      <c r="E1968">
        <v>7370.08</v>
      </c>
      <c r="F1968">
        <v>10800</v>
      </c>
      <c r="G1968">
        <v>10431.5</v>
      </c>
      <c r="H1968">
        <v>2.5118100000000001</v>
      </c>
      <c r="I1968">
        <v>20993.1</v>
      </c>
      <c r="J1968">
        <v>28.6403</v>
      </c>
    </row>
    <row r="1969" spans="1:10" x14ac:dyDescent="0.25">
      <c r="A1969">
        <v>14</v>
      </c>
      <c r="B1969">
        <v>108.446</v>
      </c>
      <c r="C1969">
        <v>118.369</v>
      </c>
      <c r="D1969">
        <v>190</v>
      </c>
      <c r="E1969">
        <v>7710.24</v>
      </c>
      <c r="F1969">
        <v>10800</v>
      </c>
      <c r="G1969">
        <v>19955.900000000001</v>
      </c>
      <c r="H1969">
        <v>3.3858299999999999</v>
      </c>
      <c r="I1969">
        <v>20860</v>
      </c>
      <c r="J1969">
        <v>46.770400000000002</v>
      </c>
    </row>
    <row r="1970" spans="1:10" x14ac:dyDescent="0.25">
      <c r="A1970">
        <v>14</v>
      </c>
      <c r="B1970">
        <v>102.777</v>
      </c>
      <c r="C1970">
        <v>118.997</v>
      </c>
      <c r="D1970">
        <v>189.68700000000001</v>
      </c>
      <c r="E1970">
        <v>8900.7900000000009</v>
      </c>
      <c r="F1970">
        <v>10800</v>
      </c>
      <c r="G1970">
        <v>19785.8</v>
      </c>
      <c r="H1970">
        <v>3.00787</v>
      </c>
      <c r="I1970">
        <v>22223.1</v>
      </c>
      <c r="J1970">
        <v>39.967500000000001</v>
      </c>
    </row>
    <row r="1971" spans="1:10" x14ac:dyDescent="0.25">
      <c r="A1971">
        <v>14</v>
      </c>
      <c r="B1971">
        <v>106.557</v>
      </c>
      <c r="C1971">
        <v>124.652</v>
      </c>
      <c r="D1971">
        <v>189.68700000000001</v>
      </c>
      <c r="E1971">
        <v>10091.299999999999</v>
      </c>
      <c r="F1971">
        <v>10800</v>
      </c>
      <c r="G1971">
        <v>22677.200000000001</v>
      </c>
      <c r="H1971">
        <v>2.25197</v>
      </c>
      <c r="I1971">
        <v>24884.3</v>
      </c>
      <c r="J1971">
        <v>60.607199999999999</v>
      </c>
    </row>
    <row r="1972" spans="1:10" x14ac:dyDescent="0.25">
      <c r="A1972">
        <v>14</v>
      </c>
      <c r="B1972">
        <v>109.864</v>
      </c>
      <c r="C1972">
        <v>112.71299999999999</v>
      </c>
      <c r="D1972">
        <v>189.68700000000001</v>
      </c>
      <c r="E1972">
        <v>7625.2</v>
      </c>
      <c r="F1972">
        <v>10800</v>
      </c>
      <c r="G1972">
        <v>18595.3</v>
      </c>
      <c r="H1972">
        <v>3.7401599999999999</v>
      </c>
      <c r="I1972">
        <v>20690.400000000001</v>
      </c>
      <c r="J1972">
        <v>66.494200000000006</v>
      </c>
    </row>
    <row r="1973" spans="1:10" x14ac:dyDescent="0.25">
      <c r="A1973">
        <v>14</v>
      </c>
      <c r="B1973">
        <v>108.446</v>
      </c>
      <c r="C1973">
        <v>119.625</v>
      </c>
      <c r="D1973">
        <v>189.06</v>
      </c>
      <c r="E1973">
        <v>7710.24</v>
      </c>
      <c r="F1973">
        <v>10800</v>
      </c>
      <c r="G1973">
        <v>18595.3</v>
      </c>
      <c r="H1973">
        <v>3.64567</v>
      </c>
      <c r="I1973">
        <v>20641</v>
      </c>
      <c r="J1973">
        <v>42.903300000000002</v>
      </c>
    </row>
    <row r="1974" spans="1:10" x14ac:dyDescent="0.25">
      <c r="A1974">
        <v>14</v>
      </c>
      <c r="B1974">
        <v>109.155</v>
      </c>
      <c r="C1974">
        <v>119.625</v>
      </c>
      <c r="D1974">
        <v>189.68700000000001</v>
      </c>
      <c r="E1974">
        <v>10091.299999999999</v>
      </c>
      <c r="F1974">
        <v>10800</v>
      </c>
      <c r="G1974">
        <v>19955.900000000001</v>
      </c>
      <c r="H1974">
        <v>1.40157</v>
      </c>
      <c r="I1974">
        <v>25663.3</v>
      </c>
      <c r="J1974">
        <v>19.991800000000001</v>
      </c>
    </row>
    <row r="1975" spans="1:10" x14ac:dyDescent="0.25">
      <c r="A1975">
        <v>14</v>
      </c>
      <c r="B1975">
        <v>104.667</v>
      </c>
      <c r="C1975">
        <v>119.625</v>
      </c>
      <c r="D1975">
        <v>182.47900000000001</v>
      </c>
      <c r="E1975">
        <v>8560.6299999999992</v>
      </c>
      <c r="F1975">
        <v>10800</v>
      </c>
      <c r="G1975">
        <v>19955.900000000001</v>
      </c>
      <c r="H1975">
        <v>3.7637800000000001</v>
      </c>
      <c r="I1975">
        <v>21704.6</v>
      </c>
      <c r="J1975">
        <v>56.428400000000003</v>
      </c>
    </row>
    <row r="1976" spans="1:10" x14ac:dyDescent="0.25">
      <c r="A1976">
        <v>14</v>
      </c>
      <c r="B1976">
        <v>108.446</v>
      </c>
      <c r="C1976">
        <v>118.68300000000001</v>
      </c>
      <c r="D1976">
        <v>190</v>
      </c>
      <c r="E1976">
        <v>7710.24</v>
      </c>
      <c r="F1976">
        <v>10800</v>
      </c>
      <c r="G1976">
        <v>19955.900000000001</v>
      </c>
      <c r="H1976">
        <v>2.2283499999999998</v>
      </c>
      <c r="I1976">
        <v>21600.7</v>
      </c>
      <c r="J1976">
        <v>36.3979</v>
      </c>
    </row>
    <row r="1977" spans="1:10" x14ac:dyDescent="0.25">
      <c r="A1977">
        <v>14</v>
      </c>
      <c r="B1977">
        <v>108.68300000000001</v>
      </c>
      <c r="C1977">
        <v>119.625</v>
      </c>
      <c r="D1977">
        <v>189.68700000000001</v>
      </c>
      <c r="E1977">
        <v>10431.5</v>
      </c>
      <c r="F1977">
        <v>10800</v>
      </c>
      <c r="G1977">
        <v>19955.900000000001</v>
      </c>
      <c r="H1977">
        <v>1.1181099999999999</v>
      </c>
      <c r="I1977">
        <v>26453.3</v>
      </c>
      <c r="J1977">
        <v>18.423100000000002</v>
      </c>
    </row>
    <row r="1978" spans="1:10" x14ac:dyDescent="0.25">
      <c r="A1978">
        <v>14</v>
      </c>
      <c r="B1978">
        <v>108.446</v>
      </c>
      <c r="C1978">
        <v>119.625</v>
      </c>
      <c r="D1978">
        <v>187.18</v>
      </c>
      <c r="E1978">
        <v>7795.28</v>
      </c>
      <c r="F1978">
        <v>11310.2</v>
      </c>
      <c r="G1978">
        <v>22677.200000000001</v>
      </c>
      <c r="H1978">
        <v>1.89764</v>
      </c>
      <c r="I1978">
        <v>22677.5</v>
      </c>
      <c r="J1978">
        <v>21.387599999999999</v>
      </c>
    </row>
    <row r="1979" spans="1:10" x14ac:dyDescent="0.25">
      <c r="A1979">
        <v>14</v>
      </c>
      <c r="B1979">
        <v>108.68300000000001</v>
      </c>
      <c r="C1979">
        <v>139.732</v>
      </c>
      <c r="D1979">
        <v>189.68700000000001</v>
      </c>
      <c r="E1979">
        <v>11792.1</v>
      </c>
      <c r="F1979">
        <v>10800</v>
      </c>
      <c r="G1979">
        <v>19955.900000000001</v>
      </c>
      <c r="H1979">
        <v>1.4960599999999999</v>
      </c>
      <c r="I1979">
        <v>27225.599999999999</v>
      </c>
      <c r="J1979">
        <v>129.375</v>
      </c>
    </row>
    <row r="1980" spans="1:10" x14ac:dyDescent="0.25">
      <c r="A1980">
        <v>14</v>
      </c>
      <c r="B1980">
        <v>102.777</v>
      </c>
      <c r="C1980">
        <v>113.02800000000001</v>
      </c>
      <c r="D1980">
        <v>182.47900000000001</v>
      </c>
      <c r="E1980">
        <v>7200</v>
      </c>
      <c r="F1980">
        <v>10800</v>
      </c>
      <c r="G1980">
        <v>19785.8</v>
      </c>
      <c r="H1980">
        <v>3.7637800000000001</v>
      </c>
      <c r="I1980">
        <v>20559.099999999999</v>
      </c>
      <c r="J1980">
        <v>115.01300000000001</v>
      </c>
    </row>
    <row r="1981" spans="1:10" x14ac:dyDescent="0.25">
      <c r="A1981">
        <v>14</v>
      </c>
      <c r="B1981">
        <v>108.446</v>
      </c>
      <c r="C1981">
        <v>129.36500000000001</v>
      </c>
      <c r="D1981">
        <v>161.482</v>
      </c>
      <c r="E1981">
        <v>7540.16</v>
      </c>
      <c r="F1981">
        <v>10800</v>
      </c>
      <c r="G1981">
        <v>19955.900000000001</v>
      </c>
      <c r="H1981">
        <v>3.7637800000000001</v>
      </c>
      <c r="I1981">
        <v>29525.9</v>
      </c>
      <c r="J1981">
        <v>122.648</v>
      </c>
    </row>
    <row r="1982" spans="1:10" x14ac:dyDescent="0.25">
      <c r="A1982">
        <v>14</v>
      </c>
      <c r="B1982">
        <v>108.68300000000001</v>
      </c>
      <c r="C1982">
        <v>118.369</v>
      </c>
      <c r="D1982">
        <v>190</v>
      </c>
      <c r="E1982">
        <v>7710.24</v>
      </c>
      <c r="F1982">
        <v>10800</v>
      </c>
      <c r="G1982">
        <v>19955.900000000001</v>
      </c>
      <c r="H1982">
        <v>1.87402</v>
      </c>
      <c r="I1982">
        <v>22003.7</v>
      </c>
      <c r="J1982">
        <v>27.860099999999999</v>
      </c>
    </row>
    <row r="1983" spans="1:10" x14ac:dyDescent="0.25">
      <c r="A1983">
        <v>14</v>
      </c>
      <c r="B1983">
        <v>108.446</v>
      </c>
      <c r="C1983">
        <v>119.93899999999999</v>
      </c>
      <c r="D1983">
        <v>189.68700000000001</v>
      </c>
      <c r="E1983">
        <v>7710.24</v>
      </c>
      <c r="F1983">
        <v>10800</v>
      </c>
      <c r="G1983">
        <v>18595.3</v>
      </c>
      <c r="H1983">
        <v>3.7401599999999999</v>
      </c>
      <c r="I1983">
        <v>20601.8</v>
      </c>
      <c r="J1983">
        <v>41.790300000000002</v>
      </c>
    </row>
    <row r="1984" spans="1:10" x14ac:dyDescent="0.25">
      <c r="A1984">
        <v>14</v>
      </c>
      <c r="B1984">
        <v>103.72199999999999</v>
      </c>
      <c r="C1984">
        <v>119.31100000000001</v>
      </c>
      <c r="D1984">
        <v>190</v>
      </c>
      <c r="E1984">
        <v>7370.08</v>
      </c>
      <c r="F1984">
        <v>10800</v>
      </c>
      <c r="G1984">
        <v>18595.3</v>
      </c>
      <c r="H1984">
        <v>2.65354</v>
      </c>
      <c r="I1984">
        <v>20936.099999999999</v>
      </c>
      <c r="J1984">
        <v>55.912599999999998</v>
      </c>
    </row>
    <row r="1985" spans="1:10" x14ac:dyDescent="0.25">
      <c r="A1985">
        <v>14</v>
      </c>
      <c r="B1985">
        <v>109.39100000000001</v>
      </c>
      <c r="C1985">
        <v>118.369</v>
      </c>
      <c r="D1985">
        <v>189.68700000000001</v>
      </c>
      <c r="E1985">
        <v>7710.24</v>
      </c>
      <c r="F1985">
        <v>11310.2</v>
      </c>
      <c r="G1985">
        <v>19955.900000000001</v>
      </c>
      <c r="H1985">
        <v>1.92126</v>
      </c>
      <c r="I1985">
        <v>22527.200000000001</v>
      </c>
      <c r="J1985">
        <v>21.841100000000001</v>
      </c>
    </row>
    <row r="1986" spans="1:10" x14ac:dyDescent="0.25">
      <c r="A1986">
        <v>14</v>
      </c>
      <c r="B1986">
        <v>106.79300000000001</v>
      </c>
      <c r="C1986">
        <v>127.794</v>
      </c>
      <c r="D1986">
        <v>184.672</v>
      </c>
      <c r="E1986">
        <v>7200</v>
      </c>
      <c r="F1986">
        <v>10800</v>
      </c>
      <c r="G1986">
        <v>22507.1</v>
      </c>
      <c r="H1986">
        <v>3.4330699999999998</v>
      </c>
      <c r="I1986">
        <v>20644.3</v>
      </c>
      <c r="J1986">
        <v>120.354</v>
      </c>
    </row>
    <row r="1987" spans="1:10" x14ac:dyDescent="0.25">
      <c r="A1987">
        <v>14</v>
      </c>
      <c r="B1987">
        <v>103.01300000000001</v>
      </c>
      <c r="C1987">
        <v>119.93899999999999</v>
      </c>
      <c r="D1987">
        <v>190</v>
      </c>
      <c r="E1987">
        <v>10091.299999999999</v>
      </c>
      <c r="F1987">
        <v>10800</v>
      </c>
      <c r="G1987">
        <v>24037.8</v>
      </c>
      <c r="H1987">
        <v>2.2755899999999998</v>
      </c>
      <c r="I1987">
        <v>23902.2</v>
      </c>
      <c r="J1987">
        <v>44.529200000000003</v>
      </c>
    </row>
    <row r="1988" spans="1:10" x14ac:dyDescent="0.25">
      <c r="A1988">
        <v>14</v>
      </c>
      <c r="B1988">
        <v>108.919</v>
      </c>
      <c r="C1988">
        <v>118.369</v>
      </c>
      <c r="D1988">
        <v>189.68700000000001</v>
      </c>
      <c r="E1988">
        <v>10091.299999999999</v>
      </c>
      <c r="F1988">
        <v>10800</v>
      </c>
      <c r="G1988">
        <v>19955.900000000001</v>
      </c>
      <c r="H1988">
        <v>2.1338599999999999</v>
      </c>
      <c r="I1988">
        <v>24056.2</v>
      </c>
      <c r="J1988">
        <v>24.956900000000001</v>
      </c>
    </row>
    <row r="1989" spans="1:10" x14ac:dyDescent="0.25">
      <c r="A1989">
        <v>14</v>
      </c>
      <c r="B1989">
        <v>108.68300000000001</v>
      </c>
      <c r="C1989">
        <v>118.369</v>
      </c>
      <c r="D1989">
        <v>184.672</v>
      </c>
      <c r="E1989">
        <v>10431.5</v>
      </c>
      <c r="F1989">
        <v>10800</v>
      </c>
      <c r="G1989">
        <v>19955.900000000001</v>
      </c>
      <c r="H1989">
        <v>2.1574800000000001</v>
      </c>
      <c r="I1989">
        <v>24583.1</v>
      </c>
      <c r="J1989">
        <v>25.757400000000001</v>
      </c>
    </row>
    <row r="1990" spans="1:10" x14ac:dyDescent="0.25">
      <c r="A1990">
        <v>14</v>
      </c>
      <c r="B1990">
        <v>109.864</v>
      </c>
      <c r="C1990">
        <v>128.422</v>
      </c>
      <c r="D1990">
        <v>189.68700000000001</v>
      </c>
      <c r="E1990">
        <v>7710.24</v>
      </c>
      <c r="F1990">
        <v>10800</v>
      </c>
      <c r="G1990">
        <v>21146.5</v>
      </c>
      <c r="H1990">
        <v>2.5590600000000001</v>
      </c>
      <c r="I1990">
        <v>21675</v>
      </c>
      <c r="J1990">
        <v>119.869</v>
      </c>
    </row>
    <row r="1991" spans="1:10" x14ac:dyDescent="0.25">
      <c r="A1991">
        <v>14</v>
      </c>
      <c r="B1991">
        <v>108.919</v>
      </c>
      <c r="C1991">
        <v>119.625</v>
      </c>
      <c r="D1991">
        <v>190</v>
      </c>
      <c r="E1991">
        <v>7710.24</v>
      </c>
      <c r="F1991">
        <v>10800</v>
      </c>
      <c r="G1991">
        <v>19615.7</v>
      </c>
      <c r="H1991">
        <v>1.09449</v>
      </c>
      <c r="I1991">
        <v>23971.599999999999</v>
      </c>
      <c r="J1991">
        <v>34.837600000000002</v>
      </c>
    </row>
    <row r="1992" spans="1:10" x14ac:dyDescent="0.25">
      <c r="A1992">
        <v>14</v>
      </c>
      <c r="B1992">
        <v>109.39100000000001</v>
      </c>
      <c r="C1992">
        <v>119.93899999999999</v>
      </c>
      <c r="D1992">
        <v>189.68700000000001</v>
      </c>
      <c r="E1992">
        <v>10091.299999999999</v>
      </c>
      <c r="F1992">
        <v>11310.2</v>
      </c>
      <c r="G1992">
        <v>18595.3</v>
      </c>
      <c r="H1992">
        <v>2.2755899999999998</v>
      </c>
      <c r="I1992">
        <v>25205.200000000001</v>
      </c>
      <c r="J1992">
        <v>29.607299999999999</v>
      </c>
    </row>
    <row r="1993" spans="1:10" x14ac:dyDescent="0.25">
      <c r="A1993">
        <v>14</v>
      </c>
      <c r="B1993">
        <v>109.628</v>
      </c>
      <c r="C1993">
        <v>118.68300000000001</v>
      </c>
      <c r="D1993">
        <v>189.68700000000001</v>
      </c>
      <c r="E1993">
        <v>7710.24</v>
      </c>
      <c r="F1993">
        <v>10800</v>
      </c>
      <c r="G1993">
        <v>19955.900000000001</v>
      </c>
      <c r="H1993">
        <v>3.4094500000000001</v>
      </c>
      <c r="I1993">
        <v>20758.8</v>
      </c>
      <c r="J1993">
        <v>39.204999999999998</v>
      </c>
    </row>
    <row r="1994" spans="1:10" x14ac:dyDescent="0.25">
      <c r="A1994">
        <v>14</v>
      </c>
      <c r="B1994">
        <v>107.974</v>
      </c>
      <c r="C1994">
        <v>118.054</v>
      </c>
      <c r="D1994">
        <v>182.16499999999999</v>
      </c>
      <c r="E1994">
        <v>7455.12</v>
      </c>
      <c r="F1994">
        <v>10800</v>
      </c>
      <c r="G1994">
        <v>19955.900000000001</v>
      </c>
      <c r="H1994">
        <v>3.3858299999999999</v>
      </c>
      <c r="I1994">
        <v>20763.3</v>
      </c>
      <c r="J1994">
        <v>66.676900000000003</v>
      </c>
    </row>
    <row r="1995" spans="1:10" x14ac:dyDescent="0.25">
      <c r="A1995">
        <v>14</v>
      </c>
      <c r="B1995">
        <v>108.446</v>
      </c>
      <c r="C1995">
        <v>118.369</v>
      </c>
      <c r="D1995">
        <v>189.68700000000001</v>
      </c>
      <c r="E1995">
        <v>10431.5</v>
      </c>
      <c r="F1995">
        <v>10800</v>
      </c>
      <c r="G1995">
        <v>19615.7</v>
      </c>
      <c r="H1995">
        <v>1.1181099999999999</v>
      </c>
      <c r="I1995">
        <v>26820.6</v>
      </c>
      <c r="J1995">
        <v>17.5837</v>
      </c>
    </row>
    <row r="1996" spans="1:10" x14ac:dyDescent="0.25">
      <c r="A1996">
        <v>14</v>
      </c>
      <c r="B1996">
        <v>106.557</v>
      </c>
      <c r="C1996">
        <v>117.74</v>
      </c>
      <c r="D1996">
        <v>179.97200000000001</v>
      </c>
      <c r="E1996">
        <v>7710.24</v>
      </c>
      <c r="F1996">
        <v>10800</v>
      </c>
      <c r="G1996">
        <v>19955.900000000001</v>
      </c>
      <c r="H1996">
        <v>1.54331</v>
      </c>
      <c r="I1996">
        <v>22796</v>
      </c>
      <c r="J1996">
        <v>51.1751</v>
      </c>
    </row>
    <row r="1997" spans="1:10" x14ac:dyDescent="0.25">
      <c r="A1997">
        <v>14</v>
      </c>
      <c r="B1997">
        <v>106.557</v>
      </c>
      <c r="C1997">
        <v>119.31100000000001</v>
      </c>
      <c r="D1997">
        <v>187.49299999999999</v>
      </c>
      <c r="E1997">
        <v>7370.08</v>
      </c>
      <c r="F1997">
        <v>10800</v>
      </c>
      <c r="G1997">
        <v>19955.900000000001</v>
      </c>
      <c r="H1997">
        <v>3.3858299999999999</v>
      </c>
      <c r="I1997">
        <v>20520</v>
      </c>
      <c r="J1997">
        <v>58.310400000000001</v>
      </c>
    </row>
    <row r="1998" spans="1:10" x14ac:dyDescent="0.25">
      <c r="A1998">
        <v>14</v>
      </c>
      <c r="B1998">
        <v>103.01300000000001</v>
      </c>
      <c r="C1998">
        <v>124.96599999999999</v>
      </c>
      <c r="D1998">
        <v>184.98599999999999</v>
      </c>
      <c r="E1998">
        <v>9921.26</v>
      </c>
      <c r="F1998">
        <v>10800</v>
      </c>
      <c r="G1998">
        <v>19955.900000000001</v>
      </c>
      <c r="H1998">
        <v>2.1574800000000001</v>
      </c>
      <c r="I1998">
        <v>24471.7</v>
      </c>
      <c r="J1998">
        <v>91.482500000000002</v>
      </c>
    </row>
    <row r="1999" spans="1:10" x14ac:dyDescent="0.25">
      <c r="A1999">
        <v>14</v>
      </c>
      <c r="B1999">
        <v>108.68300000000001</v>
      </c>
      <c r="C1999">
        <v>119.93899999999999</v>
      </c>
      <c r="D1999">
        <v>189.68700000000001</v>
      </c>
      <c r="E1999">
        <v>8730.7099999999991</v>
      </c>
      <c r="F1999">
        <v>11310.2</v>
      </c>
      <c r="G1999">
        <v>18595.3</v>
      </c>
      <c r="H1999">
        <v>2.2755899999999998</v>
      </c>
      <c r="I1999">
        <v>22980.400000000001</v>
      </c>
      <c r="J1999">
        <v>27.018999999999998</v>
      </c>
    </row>
    <row r="2000" spans="1:10" x14ac:dyDescent="0.25">
      <c r="A2000">
        <v>14</v>
      </c>
      <c r="B2000">
        <v>109.155</v>
      </c>
      <c r="C2000">
        <v>118.369</v>
      </c>
      <c r="D2000">
        <v>189.68700000000001</v>
      </c>
      <c r="E2000">
        <v>7370.08</v>
      </c>
      <c r="F2000">
        <v>10800</v>
      </c>
      <c r="G2000">
        <v>19955.900000000001</v>
      </c>
      <c r="H2000">
        <v>1.4252</v>
      </c>
      <c r="I2000">
        <v>22602.6</v>
      </c>
      <c r="J2000">
        <v>37.650700000000001</v>
      </c>
    </row>
    <row r="2001" spans="1:10" x14ac:dyDescent="0.25">
      <c r="A2001">
        <v>14</v>
      </c>
      <c r="B2001">
        <v>105.61199999999999</v>
      </c>
      <c r="C2001">
        <v>119.93899999999999</v>
      </c>
      <c r="D2001">
        <v>189.68700000000001</v>
      </c>
      <c r="E2001">
        <v>7370.08</v>
      </c>
      <c r="F2001">
        <v>10800</v>
      </c>
      <c r="G2001">
        <v>18595.3</v>
      </c>
      <c r="H2001">
        <v>2.2755899999999998</v>
      </c>
      <c r="I2001">
        <v>21296</v>
      </c>
      <c r="J2001">
        <v>65.943100000000001</v>
      </c>
    </row>
    <row r="2002" spans="1:10" x14ac:dyDescent="0.25">
      <c r="A2002">
        <v>14</v>
      </c>
      <c r="B2002">
        <v>102.777</v>
      </c>
      <c r="C2002">
        <v>124.024</v>
      </c>
      <c r="D2002">
        <v>184.04599999999999</v>
      </c>
      <c r="E2002">
        <v>7710.24</v>
      </c>
      <c r="F2002">
        <v>14881.9</v>
      </c>
      <c r="G2002">
        <v>22677.200000000001</v>
      </c>
      <c r="H2002">
        <v>2.9842499999999998</v>
      </c>
      <c r="I2002">
        <v>25885.4</v>
      </c>
      <c r="J2002">
        <v>96.275099999999995</v>
      </c>
    </row>
    <row r="2003" spans="1:10" x14ac:dyDescent="0.25">
      <c r="A2003">
        <v>14</v>
      </c>
      <c r="B2003">
        <v>108.68300000000001</v>
      </c>
      <c r="C2003">
        <v>119.625</v>
      </c>
      <c r="D2003">
        <v>189.68700000000001</v>
      </c>
      <c r="E2003">
        <v>11452</v>
      </c>
      <c r="F2003">
        <v>10800</v>
      </c>
      <c r="G2003">
        <v>19955.900000000001</v>
      </c>
      <c r="H2003">
        <v>1.4960599999999999</v>
      </c>
      <c r="I2003">
        <v>26678.799999999999</v>
      </c>
      <c r="J2003">
        <v>28.919899999999998</v>
      </c>
    </row>
    <row r="2004" spans="1:10" x14ac:dyDescent="0.25">
      <c r="A2004">
        <v>14</v>
      </c>
      <c r="B2004">
        <v>108.446</v>
      </c>
      <c r="C2004">
        <v>119.93899999999999</v>
      </c>
      <c r="D2004">
        <v>189.37299999999999</v>
      </c>
      <c r="E2004">
        <v>7710.24</v>
      </c>
      <c r="F2004">
        <v>10800</v>
      </c>
      <c r="G2004">
        <v>19955.900000000001</v>
      </c>
      <c r="H2004">
        <v>1.7795300000000001</v>
      </c>
      <c r="I2004">
        <v>22278.799999999999</v>
      </c>
      <c r="J2004">
        <v>45.094099999999997</v>
      </c>
    </row>
    <row r="2005" spans="1:10" x14ac:dyDescent="0.25">
      <c r="A2005">
        <v>14</v>
      </c>
      <c r="B2005">
        <v>106.557</v>
      </c>
      <c r="C2005">
        <v>127.794</v>
      </c>
      <c r="D2005">
        <v>190</v>
      </c>
      <c r="E2005">
        <v>7710.24</v>
      </c>
      <c r="F2005">
        <v>10800</v>
      </c>
      <c r="G2005">
        <v>19955.900000000001</v>
      </c>
      <c r="H2005">
        <v>3.7637800000000001</v>
      </c>
      <c r="I2005">
        <v>20956.8</v>
      </c>
      <c r="J2005">
        <v>117.194</v>
      </c>
    </row>
    <row r="2006" spans="1:10" x14ac:dyDescent="0.25">
      <c r="A2006">
        <v>14</v>
      </c>
      <c r="B2006">
        <v>109.155</v>
      </c>
      <c r="C2006">
        <v>129.679</v>
      </c>
      <c r="D2006">
        <v>189.68700000000001</v>
      </c>
      <c r="E2006">
        <v>10091.299999999999</v>
      </c>
      <c r="F2006">
        <v>10800</v>
      </c>
      <c r="G2006">
        <v>25398.400000000001</v>
      </c>
      <c r="H2006">
        <v>3.3149600000000001</v>
      </c>
      <c r="I2006">
        <v>23640.9</v>
      </c>
      <c r="J2006">
        <v>101.76</v>
      </c>
    </row>
    <row r="2007" spans="1:10" x14ac:dyDescent="0.25">
      <c r="A2007">
        <v>14</v>
      </c>
      <c r="B2007">
        <v>108.446</v>
      </c>
      <c r="C2007">
        <v>119.625</v>
      </c>
      <c r="D2007">
        <v>190</v>
      </c>
      <c r="E2007">
        <v>10091.299999999999</v>
      </c>
      <c r="F2007">
        <v>10800</v>
      </c>
      <c r="G2007">
        <v>25398.400000000001</v>
      </c>
      <c r="H2007">
        <v>2.1574800000000001</v>
      </c>
      <c r="I2007">
        <v>24222</v>
      </c>
      <c r="J2007">
        <v>21.861999999999998</v>
      </c>
    </row>
    <row r="2008" spans="1:10" x14ac:dyDescent="0.25">
      <c r="A2008">
        <v>14</v>
      </c>
      <c r="B2008">
        <v>109.628</v>
      </c>
      <c r="C2008">
        <v>119.625</v>
      </c>
      <c r="D2008">
        <v>189.68700000000001</v>
      </c>
      <c r="E2008">
        <v>10431.5</v>
      </c>
      <c r="F2008">
        <v>10800</v>
      </c>
      <c r="G2008">
        <v>19955.900000000001</v>
      </c>
      <c r="H2008">
        <v>1.1181099999999999</v>
      </c>
      <c r="I2008">
        <v>27104.5</v>
      </c>
      <c r="J2008">
        <v>19.789100000000001</v>
      </c>
    </row>
    <row r="2009" spans="1:10" x14ac:dyDescent="0.25">
      <c r="A2009">
        <v>14</v>
      </c>
      <c r="B2009">
        <v>109.39100000000001</v>
      </c>
      <c r="C2009">
        <v>119.625</v>
      </c>
      <c r="D2009">
        <v>189.68700000000001</v>
      </c>
      <c r="E2009">
        <v>7370.08</v>
      </c>
      <c r="F2009">
        <v>10800</v>
      </c>
      <c r="G2009">
        <v>18595.3</v>
      </c>
      <c r="H2009">
        <v>1.7559100000000001</v>
      </c>
      <c r="I2009">
        <v>21835.3</v>
      </c>
      <c r="J2009">
        <v>35.4557</v>
      </c>
    </row>
    <row r="2010" spans="1:10" x14ac:dyDescent="0.25">
      <c r="A2010">
        <v>14</v>
      </c>
      <c r="B2010">
        <v>108.446</v>
      </c>
      <c r="C2010">
        <v>119.93899999999999</v>
      </c>
      <c r="D2010">
        <v>189.68700000000001</v>
      </c>
      <c r="E2010">
        <v>10091.299999999999</v>
      </c>
      <c r="F2010">
        <v>18963.8</v>
      </c>
      <c r="G2010">
        <v>24037.8</v>
      </c>
      <c r="H2010">
        <v>1.40157</v>
      </c>
      <c r="I2010">
        <v>35452.1</v>
      </c>
      <c r="J2010">
        <v>20.244700000000002</v>
      </c>
    </row>
    <row r="2011" spans="1:10" x14ac:dyDescent="0.25">
      <c r="A2011">
        <v>14</v>
      </c>
      <c r="B2011">
        <v>110.1</v>
      </c>
      <c r="C2011">
        <v>123.395</v>
      </c>
      <c r="D2011">
        <v>189.06</v>
      </c>
      <c r="E2011">
        <v>7370.08</v>
      </c>
      <c r="F2011">
        <v>10800</v>
      </c>
      <c r="G2011">
        <v>21316.5</v>
      </c>
      <c r="H2011">
        <v>3.0787399999999998</v>
      </c>
      <c r="I2011">
        <v>21028.799999999999</v>
      </c>
      <c r="J2011">
        <v>25.227799999999998</v>
      </c>
    </row>
    <row r="2012" spans="1:10" x14ac:dyDescent="0.25">
      <c r="A2012">
        <v>14</v>
      </c>
      <c r="B2012">
        <v>108.446</v>
      </c>
      <c r="C2012">
        <v>119.93899999999999</v>
      </c>
      <c r="D2012">
        <v>189.68700000000001</v>
      </c>
      <c r="E2012">
        <v>10091.299999999999</v>
      </c>
      <c r="F2012">
        <v>10800</v>
      </c>
      <c r="G2012">
        <v>18595.3</v>
      </c>
      <c r="H2012">
        <v>2.25197</v>
      </c>
      <c r="I2012">
        <v>23920.400000000001</v>
      </c>
      <c r="J2012">
        <v>27.209599999999998</v>
      </c>
    </row>
    <row r="2013" spans="1:10" x14ac:dyDescent="0.25">
      <c r="A2013">
        <v>14</v>
      </c>
      <c r="B2013">
        <v>109.39100000000001</v>
      </c>
      <c r="C2013">
        <v>118.369</v>
      </c>
      <c r="D2013">
        <v>179.65799999999999</v>
      </c>
      <c r="E2013">
        <v>7710.24</v>
      </c>
      <c r="F2013">
        <v>11820.5</v>
      </c>
      <c r="G2013">
        <v>19955.900000000001</v>
      </c>
      <c r="H2013">
        <v>1.92126</v>
      </c>
      <c r="I2013">
        <v>22957.200000000001</v>
      </c>
      <c r="J2013">
        <v>24.9634</v>
      </c>
    </row>
    <row r="2014" spans="1:10" x14ac:dyDescent="0.25">
      <c r="A2014">
        <v>14</v>
      </c>
      <c r="B2014">
        <v>108.446</v>
      </c>
      <c r="C2014">
        <v>118.369</v>
      </c>
      <c r="D2014">
        <v>190</v>
      </c>
      <c r="E2014">
        <v>10431.5</v>
      </c>
      <c r="F2014">
        <v>10800</v>
      </c>
      <c r="G2014">
        <v>19615.7</v>
      </c>
      <c r="H2014">
        <v>1.1181099999999999</v>
      </c>
      <c r="I2014">
        <v>26815.1</v>
      </c>
      <c r="J2014">
        <v>17.5837</v>
      </c>
    </row>
    <row r="2015" spans="1:10" x14ac:dyDescent="0.25">
      <c r="A2015">
        <v>14</v>
      </c>
      <c r="B2015">
        <v>108.446</v>
      </c>
      <c r="C2015">
        <v>117.74</v>
      </c>
      <c r="D2015">
        <v>189.68700000000001</v>
      </c>
      <c r="E2015">
        <v>7200</v>
      </c>
      <c r="F2015">
        <v>10800</v>
      </c>
      <c r="G2015">
        <v>21316.5</v>
      </c>
      <c r="H2015">
        <v>3.4094500000000001</v>
      </c>
      <c r="I2015">
        <v>20355.5</v>
      </c>
      <c r="J2015">
        <v>58.290999999999997</v>
      </c>
    </row>
    <row r="2016" spans="1:10" x14ac:dyDescent="0.25">
      <c r="A2016">
        <v>14</v>
      </c>
      <c r="B2016">
        <v>107.029</v>
      </c>
      <c r="C2016">
        <v>113.65600000000001</v>
      </c>
      <c r="D2016">
        <v>182.16499999999999</v>
      </c>
      <c r="E2016">
        <v>7370.08</v>
      </c>
      <c r="F2016">
        <v>10800</v>
      </c>
      <c r="G2016">
        <v>19955.900000000001</v>
      </c>
      <c r="H2016">
        <v>2.1338599999999999</v>
      </c>
      <c r="I2016">
        <v>21665</v>
      </c>
      <c r="J2016">
        <v>76.366299999999995</v>
      </c>
    </row>
    <row r="2017" spans="1:10" x14ac:dyDescent="0.25">
      <c r="A2017">
        <v>14</v>
      </c>
      <c r="B2017">
        <v>109.39100000000001</v>
      </c>
      <c r="C2017">
        <v>119.625</v>
      </c>
      <c r="D2017">
        <v>189.68700000000001</v>
      </c>
      <c r="E2017">
        <v>9070.8700000000008</v>
      </c>
      <c r="F2017">
        <v>10800</v>
      </c>
      <c r="G2017">
        <v>18595.3</v>
      </c>
      <c r="H2017">
        <v>1.1181099999999999</v>
      </c>
      <c r="I2017">
        <v>25651</v>
      </c>
      <c r="J2017">
        <v>54.467500000000001</v>
      </c>
    </row>
    <row r="2018" spans="1:10" x14ac:dyDescent="0.25">
      <c r="A2018">
        <v>14</v>
      </c>
      <c r="B2018">
        <v>108.919</v>
      </c>
      <c r="C2018">
        <v>128.422</v>
      </c>
      <c r="D2018">
        <v>189.68700000000001</v>
      </c>
      <c r="E2018">
        <v>7370.08</v>
      </c>
      <c r="F2018">
        <v>10800</v>
      </c>
      <c r="G2018">
        <v>21146.5</v>
      </c>
      <c r="H2018">
        <v>3.8346499999999999</v>
      </c>
      <c r="I2018">
        <v>20591.599999999999</v>
      </c>
      <c r="J2018">
        <v>116.923</v>
      </c>
    </row>
    <row r="2019" spans="1:10" x14ac:dyDescent="0.25">
      <c r="A2019">
        <v>14</v>
      </c>
      <c r="B2019">
        <v>108.68300000000001</v>
      </c>
      <c r="C2019">
        <v>119.625</v>
      </c>
      <c r="D2019">
        <v>190</v>
      </c>
      <c r="E2019">
        <v>7370.08</v>
      </c>
      <c r="F2019">
        <v>10800</v>
      </c>
      <c r="G2019">
        <v>19955.900000000001</v>
      </c>
      <c r="H2019">
        <v>3.2913399999999999</v>
      </c>
      <c r="I2019">
        <v>20493.3</v>
      </c>
      <c r="J2019">
        <v>40.640999999999998</v>
      </c>
    </row>
    <row r="2020" spans="1:10" x14ac:dyDescent="0.25">
      <c r="A2020">
        <v>14</v>
      </c>
      <c r="B2020">
        <v>109.39100000000001</v>
      </c>
      <c r="C2020">
        <v>119.625</v>
      </c>
      <c r="D2020">
        <v>189.68700000000001</v>
      </c>
      <c r="E2020">
        <v>9070.8700000000008</v>
      </c>
      <c r="F2020">
        <v>10800</v>
      </c>
      <c r="G2020">
        <v>19955.900000000001</v>
      </c>
      <c r="H2020">
        <v>1.1181099999999999</v>
      </c>
      <c r="I2020">
        <v>25651</v>
      </c>
      <c r="J2020">
        <v>54.467500000000001</v>
      </c>
    </row>
    <row r="2021" spans="1:10" x14ac:dyDescent="0.25">
      <c r="A2021">
        <v>14</v>
      </c>
      <c r="B2021">
        <v>109.628</v>
      </c>
      <c r="C2021">
        <v>114.913</v>
      </c>
      <c r="D2021">
        <v>189.68700000000001</v>
      </c>
      <c r="E2021">
        <v>7710.24</v>
      </c>
      <c r="F2021">
        <v>10800</v>
      </c>
      <c r="G2021">
        <v>18595.3</v>
      </c>
      <c r="H2021">
        <v>2.2755899999999998</v>
      </c>
      <c r="I2021">
        <v>21626.6</v>
      </c>
      <c r="J2021">
        <v>43.750599999999999</v>
      </c>
    </row>
    <row r="2022" spans="1:10" x14ac:dyDescent="0.25">
      <c r="A2022">
        <v>14</v>
      </c>
      <c r="B2022">
        <v>108.919</v>
      </c>
      <c r="C2022">
        <v>119.93899999999999</v>
      </c>
      <c r="D2022">
        <v>189.68700000000001</v>
      </c>
      <c r="E2022">
        <v>7370.08</v>
      </c>
      <c r="F2022">
        <v>10800</v>
      </c>
      <c r="G2022">
        <v>19785.8</v>
      </c>
      <c r="H2022">
        <v>3.4094500000000001</v>
      </c>
      <c r="I2022">
        <v>20393</v>
      </c>
      <c r="J2022">
        <v>38.758400000000002</v>
      </c>
    </row>
    <row r="2023" spans="1:10" x14ac:dyDescent="0.25">
      <c r="A2023">
        <v>14</v>
      </c>
      <c r="B2023">
        <v>109.628</v>
      </c>
      <c r="C2023">
        <v>119.625</v>
      </c>
      <c r="D2023">
        <v>169.63</v>
      </c>
      <c r="E2023">
        <v>10261.4</v>
      </c>
      <c r="F2023">
        <v>11310.2</v>
      </c>
      <c r="G2023">
        <v>19955.900000000001</v>
      </c>
      <c r="H2023">
        <v>1.92126</v>
      </c>
      <c r="I2023">
        <v>25555.3</v>
      </c>
      <c r="J2023">
        <v>44.751100000000001</v>
      </c>
    </row>
    <row r="2024" spans="1:10" x14ac:dyDescent="0.25">
      <c r="A2024">
        <v>14</v>
      </c>
      <c r="B2024">
        <v>108.68300000000001</v>
      </c>
      <c r="C2024">
        <v>119.93899999999999</v>
      </c>
      <c r="D2024">
        <v>190</v>
      </c>
      <c r="E2024">
        <v>10091.299999999999</v>
      </c>
      <c r="F2024">
        <v>10800</v>
      </c>
      <c r="G2024">
        <v>19955.900000000001</v>
      </c>
      <c r="H2024">
        <v>3.3858299999999999</v>
      </c>
      <c r="I2024">
        <v>23275.3</v>
      </c>
      <c r="J2024">
        <v>61.372599999999998</v>
      </c>
    </row>
    <row r="2025" spans="1:10" x14ac:dyDescent="0.25">
      <c r="A2025">
        <v>14</v>
      </c>
      <c r="B2025">
        <v>109.864</v>
      </c>
      <c r="C2025">
        <v>118.369</v>
      </c>
      <c r="D2025">
        <v>189.37299999999999</v>
      </c>
      <c r="E2025">
        <v>7710.24</v>
      </c>
      <c r="F2025">
        <v>14881.9</v>
      </c>
      <c r="G2025">
        <v>22677.200000000001</v>
      </c>
      <c r="H2025">
        <v>1.1417299999999999</v>
      </c>
      <c r="I2025">
        <v>29454.5</v>
      </c>
      <c r="J2025">
        <v>24.477799999999998</v>
      </c>
    </row>
    <row r="2026" spans="1:10" x14ac:dyDescent="0.25">
      <c r="A2026">
        <v>14</v>
      </c>
      <c r="B2026">
        <v>110.1</v>
      </c>
      <c r="C2026">
        <v>118.369</v>
      </c>
      <c r="D2026">
        <v>184.672</v>
      </c>
      <c r="E2026">
        <v>10091.299999999999</v>
      </c>
      <c r="F2026">
        <v>10800</v>
      </c>
      <c r="G2026">
        <v>18595.3</v>
      </c>
      <c r="H2026">
        <v>3.3858299999999999</v>
      </c>
      <c r="I2026">
        <v>23374.1</v>
      </c>
      <c r="J2026">
        <v>31.210699999999999</v>
      </c>
    </row>
    <row r="2027" spans="1:10" x14ac:dyDescent="0.25">
      <c r="A2027">
        <v>14</v>
      </c>
      <c r="B2027">
        <v>105.139</v>
      </c>
      <c r="C2027">
        <v>119.625</v>
      </c>
      <c r="D2027">
        <v>189.68700000000001</v>
      </c>
      <c r="E2027">
        <v>7370.08</v>
      </c>
      <c r="F2027">
        <v>10800</v>
      </c>
      <c r="G2027">
        <v>18595.3</v>
      </c>
      <c r="H2027">
        <v>2.2755899999999998</v>
      </c>
      <c r="I2027">
        <v>21277.5</v>
      </c>
      <c r="J2027">
        <v>30.0745</v>
      </c>
    </row>
    <row r="2028" spans="1:10" x14ac:dyDescent="0.25">
      <c r="A2028">
        <v>14</v>
      </c>
      <c r="B2028">
        <v>109.628</v>
      </c>
      <c r="C2028">
        <v>118.369</v>
      </c>
      <c r="D2028">
        <v>189.68700000000001</v>
      </c>
      <c r="E2028">
        <v>10431.5</v>
      </c>
      <c r="F2028">
        <v>10800</v>
      </c>
      <c r="G2028">
        <v>19955.900000000001</v>
      </c>
      <c r="H2028">
        <v>1.1653500000000001</v>
      </c>
      <c r="I2028">
        <v>26673</v>
      </c>
      <c r="J2028">
        <v>27.7636</v>
      </c>
    </row>
    <row r="2029" spans="1:10" x14ac:dyDescent="0.25">
      <c r="A2029">
        <v>14</v>
      </c>
      <c r="B2029">
        <v>108.919</v>
      </c>
      <c r="C2029">
        <v>119.625</v>
      </c>
      <c r="D2029">
        <v>189.68700000000001</v>
      </c>
      <c r="E2029">
        <v>7370.08</v>
      </c>
      <c r="F2029">
        <v>10800</v>
      </c>
      <c r="G2029">
        <v>19955.900000000001</v>
      </c>
      <c r="H2029">
        <v>3.2913399999999999</v>
      </c>
      <c r="I2029">
        <v>20443.900000000001</v>
      </c>
      <c r="J2029">
        <v>39.313499999999998</v>
      </c>
    </row>
    <row r="2030" spans="1:10" x14ac:dyDescent="0.25">
      <c r="A2030">
        <v>14</v>
      </c>
      <c r="B2030">
        <v>108.446</v>
      </c>
      <c r="C2030">
        <v>119.93899999999999</v>
      </c>
      <c r="D2030">
        <v>189.68700000000001</v>
      </c>
      <c r="E2030">
        <v>7370.08</v>
      </c>
      <c r="F2030">
        <v>11310.2</v>
      </c>
      <c r="G2030">
        <v>22677.200000000001</v>
      </c>
      <c r="H2030">
        <v>2.3700800000000002</v>
      </c>
      <c r="I2030">
        <v>21603.200000000001</v>
      </c>
      <c r="J2030">
        <v>29.356400000000001</v>
      </c>
    </row>
    <row r="2031" spans="1:10" x14ac:dyDescent="0.25">
      <c r="A2031">
        <v>14</v>
      </c>
      <c r="B2031">
        <v>109.39100000000001</v>
      </c>
      <c r="C2031">
        <v>119.625</v>
      </c>
      <c r="D2031">
        <v>190</v>
      </c>
      <c r="E2031">
        <v>7200</v>
      </c>
      <c r="F2031">
        <v>10800</v>
      </c>
      <c r="G2031">
        <v>22677.200000000001</v>
      </c>
      <c r="H2031">
        <v>2.9842499999999998</v>
      </c>
      <c r="I2031">
        <v>20439.5</v>
      </c>
      <c r="J2031">
        <v>40.786499999999997</v>
      </c>
    </row>
    <row r="2032" spans="1:10" x14ac:dyDescent="0.25">
      <c r="A2032">
        <v>14</v>
      </c>
      <c r="B2032">
        <v>110.1</v>
      </c>
      <c r="C2032">
        <v>118.369</v>
      </c>
      <c r="D2032">
        <v>187.18</v>
      </c>
      <c r="E2032">
        <v>10516.5</v>
      </c>
      <c r="F2032">
        <v>11310.2</v>
      </c>
      <c r="G2032">
        <v>19275.599999999999</v>
      </c>
      <c r="H2032">
        <v>3.7401599999999999</v>
      </c>
      <c r="I2032">
        <v>25082.400000000001</v>
      </c>
      <c r="J2032">
        <v>41.6616</v>
      </c>
    </row>
    <row r="2033" spans="1:10" x14ac:dyDescent="0.25">
      <c r="A2033">
        <v>14</v>
      </c>
      <c r="B2033">
        <v>108.446</v>
      </c>
      <c r="C2033">
        <v>114.913</v>
      </c>
      <c r="D2033">
        <v>190</v>
      </c>
      <c r="E2033">
        <v>7455.12</v>
      </c>
      <c r="F2033">
        <v>10800</v>
      </c>
      <c r="G2033">
        <v>19955.900000000001</v>
      </c>
      <c r="H2033">
        <v>3.7637800000000001</v>
      </c>
      <c r="I2033">
        <v>20488</v>
      </c>
      <c r="J2033">
        <v>73.165499999999994</v>
      </c>
    </row>
    <row r="2034" spans="1:10" x14ac:dyDescent="0.25">
      <c r="A2034">
        <v>14</v>
      </c>
      <c r="B2034">
        <v>108.446</v>
      </c>
      <c r="C2034">
        <v>119.93899999999999</v>
      </c>
      <c r="D2034">
        <v>189.68700000000001</v>
      </c>
      <c r="E2034">
        <v>15959.1</v>
      </c>
      <c r="F2034">
        <v>11310.2</v>
      </c>
      <c r="G2034">
        <v>19955.900000000001</v>
      </c>
      <c r="H2034">
        <v>1.7559100000000001</v>
      </c>
      <c r="I2034">
        <v>32603.9</v>
      </c>
      <c r="J2034">
        <v>24.0642</v>
      </c>
    </row>
    <row r="2035" spans="1:10" x14ac:dyDescent="0.25">
      <c r="A2035">
        <v>14</v>
      </c>
      <c r="B2035">
        <v>108.446</v>
      </c>
      <c r="C2035">
        <v>119.93899999999999</v>
      </c>
      <c r="D2035">
        <v>189.06</v>
      </c>
      <c r="E2035">
        <v>7710.24</v>
      </c>
      <c r="F2035">
        <v>10800</v>
      </c>
      <c r="G2035">
        <v>19955.900000000001</v>
      </c>
      <c r="H2035">
        <v>1.92126</v>
      </c>
      <c r="I2035">
        <v>22193.7</v>
      </c>
      <c r="J2035">
        <v>58.190800000000003</v>
      </c>
    </row>
    <row r="2036" spans="1:10" x14ac:dyDescent="0.25">
      <c r="A2036">
        <v>14</v>
      </c>
      <c r="B2036">
        <v>104.667</v>
      </c>
      <c r="C2036">
        <v>119.93899999999999</v>
      </c>
      <c r="D2036">
        <v>189.68700000000001</v>
      </c>
      <c r="E2036">
        <v>7370.08</v>
      </c>
      <c r="F2036">
        <v>10800</v>
      </c>
      <c r="G2036">
        <v>18595.3</v>
      </c>
      <c r="H2036">
        <v>3.64567</v>
      </c>
      <c r="I2036">
        <v>20296.5</v>
      </c>
      <c r="J2036">
        <v>55.023299999999999</v>
      </c>
    </row>
    <row r="2037" spans="1:10" x14ac:dyDescent="0.25">
      <c r="A2037">
        <v>14</v>
      </c>
      <c r="B2037">
        <v>108.919</v>
      </c>
      <c r="C2037">
        <v>118.369</v>
      </c>
      <c r="D2037">
        <v>189.68700000000001</v>
      </c>
      <c r="E2037">
        <v>7370.08</v>
      </c>
      <c r="F2037">
        <v>10800</v>
      </c>
      <c r="G2037">
        <v>21146.5</v>
      </c>
      <c r="H2037">
        <v>3.9291299999999998</v>
      </c>
      <c r="I2037">
        <v>20243.400000000001</v>
      </c>
      <c r="J2037">
        <v>47.422499999999999</v>
      </c>
    </row>
    <row r="2038" spans="1:10" x14ac:dyDescent="0.25">
      <c r="A2038">
        <v>14</v>
      </c>
      <c r="B2038">
        <v>108.68300000000001</v>
      </c>
      <c r="C2038">
        <v>119.93899999999999</v>
      </c>
      <c r="D2038">
        <v>187.18</v>
      </c>
      <c r="E2038">
        <v>7795.28</v>
      </c>
      <c r="F2038">
        <v>10800</v>
      </c>
      <c r="G2038">
        <v>22677.200000000001</v>
      </c>
      <c r="H2038">
        <v>2.6063000000000001</v>
      </c>
      <c r="I2038">
        <v>21471.1</v>
      </c>
      <c r="J2038">
        <v>33.059399999999997</v>
      </c>
    </row>
    <row r="2039" spans="1:10" x14ac:dyDescent="0.25">
      <c r="A2039">
        <v>14</v>
      </c>
      <c r="B2039">
        <v>109.628</v>
      </c>
      <c r="C2039">
        <v>119.625</v>
      </c>
      <c r="D2039">
        <v>189.68700000000001</v>
      </c>
      <c r="E2039">
        <v>7710.24</v>
      </c>
      <c r="F2039">
        <v>11310.2</v>
      </c>
      <c r="G2039">
        <v>7710.24</v>
      </c>
      <c r="H2039">
        <v>1.7795300000000001</v>
      </c>
      <c r="I2039">
        <v>22656.7</v>
      </c>
      <c r="J2039">
        <v>41.986699999999999</v>
      </c>
    </row>
    <row r="2040" spans="1:10" x14ac:dyDescent="0.25">
      <c r="A2040">
        <v>14</v>
      </c>
      <c r="B2040">
        <v>109.39100000000001</v>
      </c>
      <c r="C2040">
        <v>118.369</v>
      </c>
      <c r="D2040">
        <v>190</v>
      </c>
      <c r="E2040">
        <v>7710.24</v>
      </c>
      <c r="F2040">
        <v>11310.2</v>
      </c>
      <c r="G2040">
        <v>19955.900000000001</v>
      </c>
      <c r="H2040">
        <v>1.87402</v>
      </c>
      <c r="I2040">
        <v>22713.3</v>
      </c>
      <c r="J2040">
        <v>43.610399999999998</v>
      </c>
    </row>
    <row r="2041" spans="1:10" x14ac:dyDescent="0.25">
      <c r="A2041">
        <v>14</v>
      </c>
      <c r="B2041">
        <v>108.68300000000001</v>
      </c>
      <c r="C2041">
        <v>119.625</v>
      </c>
      <c r="D2041">
        <v>184.98599999999999</v>
      </c>
      <c r="E2041">
        <v>10091.299999999999</v>
      </c>
      <c r="F2041">
        <v>11310.2</v>
      </c>
      <c r="G2041">
        <v>19955.900000000001</v>
      </c>
      <c r="H2041">
        <v>2.9606300000000001</v>
      </c>
      <c r="I2041">
        <v>23899.3</v>
      </c>
      <c r="J2041">
        <v>50.863500000000002</v>
      </c>
    </row>
    <row r="2042" spans="1:10" x14ac:dyDescent="0.25">
      <c r="A2042">
        <v>14</v>
      </c>
      <c r="B2042">
        <v>110.1</v>
      </c>
      <c r="C2042">
        <v>128.422</v>
      </c>
      <c r="D2042">
        <v>190</v>
      </c>
      <c r="E2042">
        <v>7710.24</v>
      </c>
      <c r="F2042">
        <v>14881.9</v>
      </c>
      <c r="G2042">
        <v>19785.8</v>
      </c>
      <c r="H2042">
        <v>1.82677</v>
      </c>
      <c r="I2042">
        <v>26891.4</v>
      </c>
      <c r="J2042">
        <v>118.66</v>
      </c>
    </row>
    <row r="2043" spans="1:10" x14ac:dyDescent="0.25">
      <c r="A2043">
        <v>14</v>
      </c>
      <c r="B2043">
        <v>109.155</v>
      </c>
      <c r="C2043">
        <v>129.679</v>
      </c>
      <c r="D2043">
        <v>189.68700000000001</v>
      </c>
      <c r="E2043">
        <v>10431.5</v>
      </c>
      <c r="F2043">
        <v>10800</v>
      </c>
      <c r="G2043">
        <v>25228.3</v>
      </c>
      <c r="H2043">
        <v>2.5590600000000001</v>
      </c>
      <c r="I2043">
        <v>24396.9</v>
      </c>
      <c r="J2043">
        <v>89.047799999999995</v>
      </c>
    </row>
    <row r="2044" spans="1:10" x14ac:dyDescent="0.25">
      <c r="A2044">
        <v>14</v>
      </c>
      <c r="B2044">
        <v>109.864</v>
      </c>
      <c r="C2044">
        <v>119.93899999999999</v>
      </c>
      <c r="D2044">
        <v>187.80600000000001</v>
      </c>
      <c r="E2044">
        <v>7710.24</v>
      </c>
      <c r="F2044">
        <v>10800</v>
      </c>
      <c r="G2044">
        <v>20976.400000000001</v>
      </c>
      <c r="H2044">
        <v>3.2913399999999999</v>
      </c>
      <c r="I2044">
        <v>20767</v>
      </c>
      <c r="J2044">
        <v>47.279200000000003</v>
      </c>
    </row>
    <row r="2045" spans="1:10" x14ac:dyDescent="0.25">
      <c r="A2045">
        <v>14</v>
      </c>
      <c r="B2045">
        <v>108.446</v>
      </c>
      <c r="C2045">
        <v>119.93899999999999</v>
      </c>
      <c r="D2045">
        <v>189.68700000000001</v>
      </c>
      <c r="E2045">
        <v>7455.12</v>
      </c>
      <c r="F2045">
        <v>10800</v>
      </c>
      <c r="G2045">
        <v>18595.3</v>
      </c>
      <c r="H2045">
        <v>3.7873999999999999</v>
      </c>
      <c r="I2045">
        <v>20393.900000000001</v>
      </c>
      <c r="J2045">
        <v>43.598999999999997</v>
      </c>
    </row>
    <row r="2046" spans="1:10" x14ac:dyDescent="0.25">
      <c r="A2046">
        <v>14</v>
      </c>
      <c r="B2046">
        <v>108.68300000000001</v>
      </c>
      <c r="C2046">
        <v>119.625</v>
      </c>
      <c r="D2046">
        <v>187.18</v>
      </c>
      <c r="E2046">
        <v>7795.28</v>
      </c>
      <c r="F2046">
        <v>10800</v>
      </c>
      <c r="G2046">
        <v>22677.200000000001</v>
      </c>
      <c r="H2046">
        <v>1.80315</v>
      </c>
      <c r="I2046">
        <v>22158.2</v>
      </c>
      <c r="J2046">
        <v>43.552399999999999</v>
      </c>
    </row>
    <row r="2047" spans="1:10" x14ac:dyDescent="0.25">
      <c r="A2047">
        <v>14</v>
      </c>
      <c r="B2047">
        <v>108.446</v>
      </c>
      <c r="C2047">
        <v>119.625</v>
      </c>
      <c r="D2047">
        <v>189.68700000000001</v>
      </c>
      <c r="E2047">
        <v>9070.8700000000008</v>
      </c>
      <c r="F2047">
        <v>10800</v>
      </c>
      <c r="G2047">
        <v>19955.900000000001</v>
      </c>
      <c r="H2047">
        <v>1.4960599999999999</v>
      </c>
      <c r="I2047">
        <v>24098.3</v>
      </c>
      <c r="J2047">
        <v>19.2303</v>
      </c>
    </row>
    <row r="2048" spans="1:10" x14ac:dyDescent="0.25">
      <c r="A2048">
        <v>14</v>
      </c>
      <c r="B2048">
        <v>109.39100000000001</v>
      </c>
      <c r="C2048">
        <v>119.625</v>
      </c>
      <c r="D2048">
        <v>189.68700000000001</v>
      </c>
      <c r="E2048">
        <v>7370.08</v>
      </c>
      <c r="F2048">
        <v>11310.2</v>
      </c>
      <c r="G2048">
        <v>19955.900000000001</v>
      </c>
      <c r="H2048">
        <v>3.3622000000000001</v>
      </c>
      <c r="I2048">
        <v>21086.799999999999</v>
      </c>
      <c r="J2048">
        <v>50.804900000000004</v>
      </c>
    </row>
    <row r="2049" spans="1:10" x14ac:dyDescent="0.25">
      <c r="A2049">
        <v>14</v>
      </c>
      <c r="B2049">
        <v>108.446</v>
      </c>
      <c r="C2049">
        <v>119.625</v>
      </c>
      <c r="D2049">
        <v>189.68700000000001</v>
      </c>
      <c r="E2049">
        <v>9070.8700000000008</v>
      </c>
      <c r="F2049">
        <v>10800</v>
      </c>
      <c r="G2049">
        <v>18595.3</v>
      </c>
      <c r="H2049">
        <v>1.09449</v>
      </c>
      <c r="I2049">
        <v>25240.799999999999</v>
      </c>
      <c r="J2049">
        <v>52.136099999999999</v>
      </c>
    </row>
    <row r="2050" spans="1:10" x14ac:dyDescent="0.25">
      <c r="A2050">
        <v>14</v>
      </c>
      <c r="B2050">
        <v>108.68300000000001</v>
      </c>
      <c r="C2050">
        <v>118.369</v>
      </c>
      <c r="D2050">
        <v>189.68700000000001</v>
      </c>
      <c r="E2050">
        <v>7710.24</v>
      </c>
      <c r="F2050">
        <v>11310.2</v>
      </c>
      <c r="G2050">
        <v>22677.200000000001</v>
      </c>
      <c r="H2050">
        <v>3.4330699999999998</v>
      </c>
      <c r="I2050">
        <v>21286.400000000001</v>
      </c>
      <c r="J2050">
        <v>39.215699999999998</v>
      </c>
    </row>
    <row r="2051" spans="1:10" x14ac:dyDescent="0.25">
      <c r="A2051">
        <v>14</v>
      </c>
      <c r="B2051">
        <v>108.68300000000001</v>
      </c>
      <c r="C2051">
        <v>129.99299999999999</v>
      </c>
      <c r="D2051">
        <v>169.63</v>
      </c>
      <c r="E2051">
        <v>7370.08</v>
      </c>
      <c r="F2051">
        <v>10800</v>
      </c>
      <c r="G2051">
        <v>18595.3</v>
      </c>
      <c r="H2051">
        <v>1.54331</v>
      </c>
      <c r="I2051">
        <v>24638.9</v>
      </c>
      <c r="J2051">
        <v>121.873</v>
      </c>
    </row>
    <row r="2052" spans="1:10" x14ac:dyDescent="0.25">
      <c r="A2052">
        <v>14</v>
      </c>
      <c r="B2052">
        <v>109.628</v>
      </c>
      <c r="C2052">
        <v>119.625</v>
      </c>
      <c r="D2052">
        <v>189.68700000000001</v>
      </c>
      <c r="E2052">
        <v>10431.5</v>
      </c>
      <c r="F2052">
        <v>10800</v>
      </c>
      <c r="G2052">
        <v>25058.3</v>
      </c>
      <c r="H2052">
        <v>3.2677200000000002</v>
      </c>
      <c r="I2052">
        <v>24190.799999999999</v>
      </c>
      <c r="J2052">
        <v>22.2822</v>
      </c>
    </row>
    <row r="2053" spans="1:10" x14ac:dyDescent="0.25">
      <c r="A2053">
        <v>14</v>
      </c>
      <c r="B2053">
        <v>109.39100000000001</v>
      </c>
      <c r="C2053">
        <v>119.625</v>
      </c>
      <c r="D2053">
        <v>189.68700000000001</v>
      </c>
      <c r="E2053">
        <v>7370.08</v>
      </c>
      <c r="F2053">
        <v>10800</v>
      </c>
      <c r="G2053">
        <v>18595.3</v>
      </c>
      <c r="H2053">
        <v>3.3622000000000001</v>
      </c>
      <c r="I2053">
        <v>20528.7</v>
      </c>
      <c r="J2053">
        <v>41.587800000000001</v>
      </c>
    </row>
    <row r="2054" spans="1:10" x14ac:dyDescent="0.25">
      <c r="A2054">
        <v>14</v>
      </c>
      <c r="B2054">
        <v>109.864</v>
      </c>
      <c r="C2054">
        <v>118.369</v>
      </c>
      <c r="D2054">
        <v>189.68700000000001</v>
      </c>
      <c r="E2054">
        <v>10091.299999999999</v>
      </c>
      <c r="F2054">
        <v>10800</v>
      </c>
      <c r="G2054">
        <v>19955.900000000001</v>
      </c>
      <c r="H2054">
        <v>1.87402</v>
      </c>
      <c r="I2054">
        <v>24365.599999999999</v>
      </c>
      <c r="J2054">
        <v>30.5304</v>
      </c>
    </row>
    <row r="2055" spans="1:10" x14ac:dyDescent="0.25">
      <c r="A2055">
        <v>14</v>
      </c>
      <c r="B2055">
        <v>109.39100000000001</v>
      </c>
      <c r="C2055">
        <v>117.74</v>
      </c>
      <c r="D2055">
        <v>189.68700000000001</v>
      </c>
      <c r="E2055">
        <v>10091.299999999999</v>
      </c>
      <c r="F2055">
        <v>10800</v>
      </c>
      <c r="G2055">
        <v>26759.1</v>
      </c>
      <c r="H2055">
        <v>3.6929099999999999</v>
      </c>
      <c r="I2055">
        <v>23206.400000000001</v>
      </c>
      <c r="J2055">
        <v>35.307000000000002</v>
      </c>
    </row>
    <row r="2056" spans="1:10" x14ac:dyDescent="0.25">
      <c r="A2056">
        <v>14</v>
      </c>
      <c r="B2056">
        <v>109.155</v>
      </c>
      <c r="C2056">
        <v>118.369</v>
      </c>
      <c r="D2056">
        <v>189.68700000000001</v>
      </c>
      <c r="E2056">
        <v>10091.299999999999</v>
      </c>
      <c r="F2056">
        <v>10800</v>
      </c>
      <c r="G2056">
        <v>19955.900000000001</v>
      </c>
      <c r="H2056">
        <v>2.1338599999999999</v>
      </c>
      <c r="I2056">
        <v>24067.200000000001</v>
      </c>
      <c r="J2056">
        <v>23.831900000000001</v>
      </c>
    </row>
    <row r="2057" spans="1:10" x14ac:dyDescent="0.25">
      <c r="A2057">
        <v>14</v>
      </c>
      <c r="B2057">
        <v>104.667</v>
      </c>
      <c r="C2057">
        <v>119.93899999999999</v>
      </c>
      <c r="D2057">
        <v>187.18</v>
      </c>
      <c r="E2057">
        <v>7370.08</v>
      </c>
      <c r="F2057">
        <v>11310.2</v>
      </c>
      <c r="G2057">
        <v>18595.3</v>
      </c>
      <c r="H2057">
        <v>1.1417299999999999</v>
      </c>
      <c r="I2057">
        <v>23969.7</v>
      </c>
      <c r="J2057">
        <v>61.598799999999997</v>
      </c>
    </row>
    <row r="2058" spans="1:10" x14ac:dyDescent="0.25">
      <c r="A2058">
        <v>14</v>
      </c>
      <c r="B2058">
        <v>109.39100000000001</v>
      </c>
      <c r="C2058">
        <v>119.625</v>
      </c>
      <c r="D2058">
        <v>187.18</v>
      </c>
      <c r="E2058">
        <v>7710.24</v>
      </c>
      <c r="F2058">
        <v>11310.2</v>
      </c>
      <c r="G2058">
        <v>19955.900000000001</v>
      </c>
      <c r="H2058">
        <v>2.6771699999999998</v>
      </c>
      <c r="I2058">
        <v>21712.2</v>
      </c>
      <c r="J2058">
        <v>46.258800000000001</v>
      </c>
    </row>
    <row r="2059" spans="1:10" x14ac:dyDescent="0.25">
      <c r="A2059">
        <v>14</v>
      </c>
      <c r="B2059">
        <v>109.39100000000001</v>
      </c>
      <c r="C2059">
        <v>119.625</v>
      </c>
      <c r="D2059">
        <v>187.18</v>
      </c>
      <c r="E2059">
        <v>9921.26</v>
      </c>
      <c r="F2059">
        <v>10800</v>
      </c>
      <c r="G2059">
        <v>22677.200000000001</v>
      </c>
      <c r="H2059">
        <v>1.1653500000000001</v>
      </c>
      <c r="I2059">
        <v>26043.4</v>
      </c>
      <c r="J2059">
        <v>18.639700000000001</v>
      </c>
    </row>
    <row r="2060" spans="1:10" x14ac:dyDescent="0.25">
      <c r="A2060">
        <v>14</v>
      </c>
      <c r="B2060">
        <v>108.446</v>
      </c>
      <c r="C2060">
        <v>119.625</v>
      </c>
      <c r="D2060">
        <v>189.68700000000001</v>
      </c>
      <c r="E2060">
        <v>7370.08</v>
      </c>
      <c r="F2060">
        <v>10800</v>
      </c>
      <c r="G2060">
        <v>19955.900000000001</v>
      </c>
      <c r="H2060">
        <v>1.1181099999999999</v>
      </c>
      <c r="I2060">
        <v>23404.3</v>
      </c>
      <c r="J2060">
        <v>46.939399999999999</v>
      </c>
    </row>
    <row r="2061" spans="1:10" x14ac:dyDescent="0.25">
      <c r="A2061">
        <v>14</v>
      </c>
      <c r="B2061">
        <v>109.155</v>
      </c>
      <c r="C2061">
        <v>118.369</v>
      </c>
      <c r="D2061">
        <v>189.68700000000001</v>
      </c>
      <c r="E2061">
        <v>10091.299999999999</v>
      </c>
      <c r="F2061">
        <v>10800</v>
      </c>
      <c r="G2061">
        <v>19955.900000000001</v>
      </c>
      <c r="H2061">
        <v>1.40157</v>
      </c>
      <c r="I2061">
        <v>25253.200000000001</v>
      </c>
      <c r="J2061">
        <v>18.960899999999999</v>
      </c>
    </row>
    <row r="2062" spans="1:10" x14ac:dyDescent="0.25">
      <c r="A2062">
        <v>14</v>
      </c>
      <c r="B2062">
        <v>109.864</v>
      </c>
      <c r="C2062">
        <v>119.625</v>
      </c>
      <c r="D2062">
        <v>189.68700000000001</v>
      </c>
      <c r="E2062">
        <v>7370.08</v>
      </c>
      <c r="F2062">
        <v>10800</v>
      </c>
      <c r="G2062">
        <v>10431.5</v>
      </c>
      <c r="H2062">
        <v>2.5118100000000001</v>
      </c>
      <c r="I2062">
        <v>20993.1</v>
      </c>
      <c r="J2062">
        <v>28.6403</v>
      </c>
    </row>
    <row r="2063" spans="1:10" x14ac:dyDescent="0.25">
      <c r="A2063">
        <v>14</v>
      </c>
      <c r="B2063">
        <v>110.1</v>
      </c>
      <c r="C2063">
        <v>123.395</v>
      </c>
      <c r="D2063">
        <v>189.06</v>
      </c>
      <c r="E2063">
        <v>7370.08</v>
      </c>
      <c r="F2063">
        <v>10800</v>
      </c>
      <c r="G2063">
        <v>21316.5</v>
      </c>
      <c r="H2063">
        <v>3.0787399999999998</v>
      </c>
      <c r="I2063">
        <v>21028.799999999999</v>
      </c>
      <c r="J2063">
        <v>25.227799999999998</v>
      </c>
    </row>
    <row r="2064" spans="1:10" x14ac:dyDescent="0.25">
      <c r="A2064">
        <v>14</v>
      </c>
      <c r="B2064">
        <v>105.848</v>
      </c>
      <c r="C2064">
        <v>114.913</v>
      </c>
      <c r="D2064">
        <v>189.06</v>
      </c>
      <c r="E2064">
        <v>7710.24</v>
      </c>
      <c r="F2064">
        <v>14881.9</v>
      </c>
      <c r="G2064">
        <v>22677.200000000001</v>
      </c>
      <c r="H2064">
        <v>1.09449</v>
      </c>
      <c r="I2064">
        <v>28153.9</v>
      </c>
      <c r="J2064">
        <v>16.915900000000001</v>
      </c>
    </row>
    <row r="2065" spans="1:10" x14ac:dyDescent="0.25">
      <c r="A2065">
        <v>14</v>
      </c>
      <c r="B2065">
        <v>102.777</v>
      </c>
      <c r="C2065">
        <v>123.081</v>
      </c>
      <c r="D2065">
        <v>182.47900000000001</v>
      </c>
      <c r="E2065">
        <v>7200</v>
      </c>
      <c r="F2065">
        <v>10800</v>
      </c>
      <c r="G2065">
        <v>19955.900000000001</v>
      </c>
      <c r="H2065">
        <v>3.7637800000000001</v>
      </c>
      <c r="I2065">
        <v>20089.900000000001</v>
      </c>
      <c r="J2065">
        <v>33.581899999999997</v>
      </c>
    </row>
    <row r="2066" spans="1:10" x14ac:dyDescent="0.25">
      <c r="A2066">
        <v>14</v>
      </c>
      <c r="B2066">
        <v>109.39100000000001</v>
      </c>
      <c r="C2066">
        <v>118.369</v>
      </c>
      <c r="D2066">
        <v>189.68700000000001</v>
      </c>
      <c r="E2066">
        <v>7710.24</v>
      </c>
      <c r="F2066">
        <v>11310.2</v>
      </c>
      <c r="G2066">
        <v>19955.900000000001</v>
      </c>
      <c r="H2066">
        <v>1.92126</v>
      </c>
      <c r="I2066">
        <v>22527.200000000001</v>
      </c>
      <c r="J2066">
        <v>21.841100000000001</v>
      </c>
    </row>
    <row r="2067" spans="1:10" x14ac:dyDescent="0.25">
      <c r="A2067">
        <v>14</v>
      </c>
      <c r="B2067">
        <v>102.777</v>
      </c>
      <c r="C2067">
        <v>123.081</v>
      </c>
      <c r="D2067">
        <v>182.47900000000001</v>
      </c>
      <c r="E2067">
        <v>7200</v>
      </c>
      <c r="F2067">
        <v>10800</v>
      </c>
      <c r="G2067">
        <v>19955.900000000001</v>
      </c>
      <c r="H2067">
        <v>3.7637800000000001</v>
      </c>
      <c r="I2067">
        <v>20089.900000000001</v>
      </c>
      <c r="J2067">
        <v>33.581899999999997</v>
      </c>
    </row>
    <row r="2068" spans="1:10" x14ac:dyDescent="0.25">
      <c r="A2068">
        <v>14</v>
      </c>
      <c r="B2068">
        <v>109.39100000000001</v>
      </c>
      <c r="C2068">
        <v>118.369</v>
      </c>
      <c r="D2068">
        <v>189.68700000000001</v>
      </c>
      <c r="E2068">
        <v>7710.24</v>
      </c>
      <c r="F2068">
        <v>11310.2</v>
      </c>
      <c r="G2068">
        <v>19955.900000000001</v>
      </c>
      <c r="H2068">
        <v>1.92126</v>
      </c>
      <c r="I2068">
        <v>22527.200000000001</v>
      </c>
      <c r="J2068">
        <v>21.841100000000001</v>
      </c>
    </row>
    <row r="2069" spans="1:10" x14ac:dyDescent="0.25">
      <c r="A2069">
        <v>14</v>
      </c>
      <c r="B2069">
        <v>105.848</v>
      </c>
      <c r="C2069">
        <v>114.913</v>
      </c>
      <c r="D2069">
        <v>189.06</v>
      </c>
      <c r="E2069">
        <v>7710.24</v>
      </c>
      <c r="F2069">
        <v>14881.9</v>
      </c>
      <c r="G2069">
        <v>22677.200000000001</v>
      </c>
      <c r="H2069">
        <v>1.09449</v>
      </c>
      <c r="I2069">
        <v>28153.9</v>
      </c>
      <c r="J2069">
        <v>16.915900000000001</v>
      </c>
    </row>
    <row r="2070" spans="1:10" x14ac:dyDescent="0.25">
      <c r="A2070">
        <v>14</v>
      </c>
      <c r="B2070">
        <v>102.777</v>
      </c>
      <c r="C2070">
        <v>123.081</v>
      </c>
      <c r="D2070">
        <v>182.47900000000001</v>
      </c>
      <c r="E2070">
        <v>7200</v>
      </c>
      <c r="F2070">
        <v>10800</v>
      </c>
      <c r="G2070">
        <v>19955.900000000001</v>
      </c>
      <c r="H2070">
        <v>3.7637800000000001</v>
      </c>
      <c r="I2070">
        <v>20089.900000000001</v>
      </c>
      <c r="J2070">
        <v>33.581899999999997</v>
      </c>
    </row>
    <row r="2071" spans="1:10" x14ac:dyDescent="0.25">
      <c r="A2071">
        <v>14</v>
      </c>
      <c r="B2071">
        <v>105.848</v>
      </c>
      <c r="C2071">
        <v>114.913</v>
      </c>
      <c r="D2071">
        <v>189.06</v>
      </c>
      <c r="E2071">
        <v>7710.24</v>
      </c>
      <c r="F2071">
        <v>14881.9</v>
      </c>
      <c r="G2071">
        <v>22677.200000000001</v>
      </c>
      <c r="H2071">
        <v>1.09449</v>
      </c>
      <c r="I2071">
        <v>28153.9</v>
      </c>
      <c r="J2071">
        <v>16.915900000000001</v>
      </c>
    </row>
    <row r="2072" spans="1:10" x14ac:dyDescent="0.25">
      <c r="A2072">
        <v>14</v>
      </c>
      <c r="B2072">
        <v>109.39100000000001</v>
      </c>
      <c r="C2072">
        <v>118.369</v>
      </c>
      <c r="D2072">
        <v>189.68700000000001</v>
      </c>
      <c r="E2072">
        <v>7710.24</v>
      </c>
      <c r="F2072">
        <v>11310.2</v>
      </c>
      <c r="G2072">
        <v>19955.900000000001</v>
      </c>
      <c r="H2072">
        <v>1.92126</v>
      </c>
      <c r="I2072">
        <v>22527.200000000001</v>
      </c>
      <c r="J2072">
        <v>21.841100000000001</v>
      </c>
    </row>
    <row r="2073" spans="1:10" x14ac:dyDescent="0.25">
      <c r="A2073">
        <v>14</v>
      </c>
      <c r="B2073">
        <v>102.777</v>
      </c>
      <c r="C2073">
        <v>123.081</v>
      </c>
      <c r="D2073">
        <v>182.47900000000001</v>
      </c>
      <c r="E2073">
        <v>7200</v>
      </c>
      <c r="F2073">
        <v>10800</v>
      </c>
      <c r="G2073">
        <v>19955.900000000001</v>
      </c>
      <c r="H2073">
        <v>3.7637800000000001</v>
      </c>
      <c r="I2073">
        <v>20089.900000000001</v>
      </c>
      <c r="J2073">
        <v>33.581899999999997</v>
      </c>
    </row>
    <row r="2074" spans="1:10" x14ac:dyDescent="0.25">
      <c r="A2074">
        <v>14</v>
      </c>
      <c r="B2074">
        <v>105.848</v>
      </c>
      <c r="C2074">
        <v>114.913</v>
      </c>
      <c r="D2074">
        <v>189.06</v>
      </c>
      <c r="E2074">
        <v>7710.24</v>
      </c>
      <c r="F2074">
        <v>14881.9</v>
      </c>
      <c r="G2074">
        <v>22677.200000000001</v>
      </c>
      <c r="H2074">
        <v>1.09449</v>
      </c>
      <c r="I2074">
        <v>28153.9</v>
      </c>
      <c r="J2074">
        <v>16.915900000000001</v>
      </c>
    </row>
    <row r="2075" spans="1:10" x14ac:dyDescent="0.25">
      <c r="A2075">
        <v>14</v>
      </c>
      <c r="B2075">
        <v>109.39100000000001</v>
      </c>
      <c r="C2075">
        <v>118.369</v>
      </c>
      <c r="D2075">
        <v>189.68700000000001</v>
      </c>
      <c r="E2075">
        <v>7710.24</v>
      </c>
      <c r="F2075">
        <v>11310.2</v>
      </c>
      <c r="G2075">
        <v>19955.900000000001</v>
      </c>
      <c r="H2075">
        <v>1.92126</v>
      </c>
      <c r="I2075">
        <v>22527.200000000001</v>
      </c>
      <c r="J2075">
        <v>21.841100000000001</v>
      </c>
    </row>
    <row r="2076" spans="1:10" x14ac:dyDescent="0.25">
      <c r="A2076">
        <v>14</v>
      </c>
      <c r="B2076">
        <v>102.777</v>
      </c>
      <c r="C2076">
        <v>123.081</v>
      </c>
      <c r="D2076">
        <v>182.47900000000001</v>
      </c>
      <c r="E2076">
        <v>7200</v>
      </c>
      <c r="F2076">
        <v>10800</v>
      </c>
      <c r="G2076">
        <v>19955.900000000001</v>
      </c>
      <c r="H2076">
        <v>3.7637800000000001</v>
      </c>
      <c r="I2076">
        <v>20089.900000000001</v>
      </c>
      <c r="J2076">
        <v>33.581899999999997</v>
      </c>
    </row>
    <row r="2077" spans="1:10" x14ac:dyDescent="0.25">
      <c r="A2077">
        <v>14</v>
      </c>
      <c r="B2077">
        <v>102.777</v>
      </c>
      <c r="C2077">
        <v>123.081</v>
      </c>
      <c r="D2077">
        <v>182.47900000000001</v>
      </c>
      <c r="E2077">
        <v>7200</v>
      </c>
      <c r="F2077">
        <v>10800</v>
      </c>
      <c r="G2077">
        <v>19955.900000000001</v>
      </c>
      <c r="H2077">
        <v>3.7637800000000001</v>
      </c>
      <c r="I2077">
        <v>20089.900000000001</v>
      </c>
      <c r="J2077">
        <v>33.581899999999997</v>
      </c>
    </row>
    <row r="2078" spans="1:10" x14ac:dyDescent="0.25">
      <c r="A2078">
        <v>14</v>
      </c>
      <c r="B2078">
        <v>109.39100000000001</v>
      </c>
      <c r="C2078">
        <v>118.369</v>
      </c>
      <c r="D2078">
        <v>189.68700000000001</v>
      </c>
      <c r="E2078">
        <v>7710.24</v>
      </c>
      <c r="F2078">
        <v>11310.2</v>
      </c>
      <c r="G2078">
        <v>19955.900000000001</v>
      </c>
      <c r="H2078">
        <v>1.92126</v>
      </c>
      <c r="I2078">
        <v>22527.200000000001</v>
      </c>
      <c r="J2078">
        <v>21.841100000000001</v>
      </c>
    </row>
    <row r="2079" spans="1:10" x14ac:dyDescent="0.25">
      <c r="A2079">
        <v>14</v>
      </c>
      <c r="B2079">
        <v>102.777</v>
      </c>
      <c r="C2079">
        <v>123.081</v>
      </c>
      <c r="D2079">
        <v>182.47900000000001</v>
      </c>
      <c r="E2079">
        <v>7200</v>
      </c>
      <c r="F2079">
        <v>10800</v>
      </c>
      <c r="G2079">
        <v>19955.900000000001</v>
      </c>
      <c r="H2079">
        <v>3.7637800000000001</v>
      </c>
      <c r="I2079">
        <v>20089.900000000001</v>
      </c>
      <c r="J2079">
        <v>33.581899999999997</v>
      </c>
    </row>
    <row r="2080" spans="1:10" x14ac:dyDescent="0.25">
      <c r="A2080">
        <v>14</v>
      </c>
      <c r="B2080">
        <v>102.777</v>
      </c>
      <c r="C2080">
        <v>123.081</v>
      </c>
      <c r="D2080">
        <v>182.47900000000001</v>
      </c>
      <c r="E2080">
        <v>7200</v>
      </c>
      <c r="F2080">
        <v>10800</v>
      </c>
      <c r="G2080">
        <v>19955.900000000001</v>
      </c>
      <c r="H2080">
        <v>3.7637800000000001</v>
      </c>
      <c r="I2080">
        <v>20089.900000000001</v>
      </c>
      <c r="J2080">
        <v>33.581899999999997</v>
      </c>
    </row>
    <row r="2081" spans="1:10" x14ac:dyDescent="0.25">
      <c r="A2081">
        <v>14</v>
      </c>
      <c r="B2081">
        <v>108.446</v>
      </c>
      <c r="C2081">
        <v>118.369</v>
      </c>
      <c r="D2081">
        <v>190</v>
      </c>
      <c r="E2081">
        <v>10431.5</v>
      </c>
      <c r="F2081">
        <v>10800</v>
      </c>
      <c r="G2081">
        <v>19615.7</v>
      </c>
      <c r="H2081">
        <v>1.1181099999999999</v>
      </c>
      <c r="I2081">
        <v>26815.1</v>
      </c>
      <c r="J2081">
        <v>17.5837</v>
      </c>
    </row>
    <row r="2082" spans="1:10" x14ac:dyDescent="0.25">
      <c r="A2082">
        <v>14</v>
      </c>
      <c r="B2082">
        <v>108.68300000000001</v>
      </c>
      <c r="C2082">
        <v>119.625</v>
      </c>
      <c r="D2082">
        <v>189.68700000000001</v>
      </c>
      <c r="E2082">
        <v>10431.5</v>
      </c>
      <c r="F2082">
        <v>10800</v>
      </c>
      <c r="G2082">
        <v>25398.400000000001</v>
      </c>
      <c r="H2082">
        <v>1.40157</v>
      </c>
      <c r="I2082">
        <v>25658</v>
      </c>
      <c r="J2082">
        <v>18.511700000000001</v>
      </c>
    </row>
    <row r="2083" spans="1:10" x14ac:dyDescent="0.25">
      <c r="A2083">
        <v>14</v>
      </c>
      <c r="B2083">
        <v>110.1</v>
      </c>
      <c r="C2083">
        <v>123.395</v>
      </c>
      <c r="D2083">
        <v>189.06</v>
      </c>
      <c r="E2083">
        <v>7370.08</v>
      </c>
      <c r="F2083">
        <v>10800</v>
      </c>
      <c r="G2083">
        <v>21316.5</v>
      </c>
      <c r="H2083">
        <v>3.0787399999999998</v>
      </c>
      <c r="I2083">
        <v>21028.799999999999</v>
      </c>
      <c r="J2083">
        <v>25.227799999999998</v>
      </c>
    </row>
    <row r="2084" spans="1:10" x14ac:dyDescent="0.25">
      <c r="A2084">
        <v>14</v>
      </c>
      <c r="B2084">
        <v>109.39100000000001</v>
      </c>
      <c r="C2084">
        <v>118.369</v>
      </c>
      <c r="D2084">
        <v>189.68700000000001</v>
      </c>
      <c r="E2084">
        <v>7710.24</v>
      </c>
      <c r="F2084">
        <v>11310.2</v>
      </c>
      <c r="G2084">
        <v>19955.900000000001</v>
      </c>
      <c r="H2084">
        <v>1.92126</v>
      </c>
      <c r="I2084">
        <v>22527.200000000001</v>
      </c>
      <c r="J2084">
        <v>21.841100000000001</v>
      </c>
    </row>
    <row r="2085" spans="1:10" x14ac:dyDescent="0.25">
      <c r="A2085">
        <v>14</v>
      </c>
      <c r="B2085">
        <v>106.79300000000001</v>
      </c>
      <c r="C2085">
        <v>124.024</v>
      </c>
      <c r="D2085">
        <v>184.04599999999999</v>
      </c>
      <c r="E2085">
        <v>10516.5</v>
      </c>
      <c r="F2085">
        <v>19984.3</v>
      </c>
      <c r="G2085">
        <v>20636.2</v>
      </c>
      <c r="H2085">
        <v>2.25197</v>
      </c>
      <c r="I2085">
        <v>36430.5</v>
      </c>
      <c r="J2085">
        <v>16.778199999999998</v>
      </c>
    </row>
    <row r="2086" spans="1:10" x14ac:dyDescent="0.25">
      <c r="A2086">
        <v>14</v>
      </c>
      <c r="B2086">
        <v>102.777</v>
      </c>
      <c r="C2086">
        <v>123.081</v>
      </c>
      <c r="D2086">
        <v>182.47900000000001</v>
      </c>
      <c r="E2086">
        <v>7200</v>
      </c>
      <c r="F2086">
        <v>10800</v>
      </c>
      <c r="G2086">
        <v>19955.900000000001</v>
      </c>
      <c r="H2086">
        <v>3.7637800000000001</v>
      </c>
      <c r="I2086">
        <v>20089.900000000001</v>
      </c>
      <c r="J2086">
        <v>33.581899999999997</v>
      </c>
    </row>
    <row r="2087" spans="1:10" x14ac:dyDescent="0.25">
      <c r="A2087">
        <v>14</v>
      </c>
      <c r="B2087">
        <v>110.1</v>
      </c>
      <c r="C2087">
        <v>123.395</v>
      </c>
      <c r="D2087">
        <v>189.06</v>
      </c>
      <c r="E2087">
        <v>7370.08</v>
      </c>
      <c r="F2087">
        <v>10800</v>
      </c>
      <c r="G2087">
        <v>21316.5</v>
      </c>
      <c r="H2087">
        <v>3.0787399999999998</v>
      </c>
      <c r="I2087">
        <v>21028.799999999999</v>
      </c>
      <c r="J2087">
        <v>25.227799999999998</v>
      </c>
    </row>
    <row r="2088" spans="1:10" x14ac:dyDescent="0.25">
      <c r="A2088">
        <v>14</v>
      </c>
      <c r="B2088">
        <v>108.446</v>
      </c>
      <c r="C2088">
        <v>118.369</v>
      </c>
      <c r="D2088">
        <v>190</v>
      </c>
      <c r="E2088">
        <v>10431.5</v>
      </c>
      <c r="F2088">
        <v>10800</v>
      </c>
      <c r="G2088">
        <v>19615.7</v>
      </c>
      <c r="H2088">
        <v>1.1181099999999999</v>
      </c>
      <c r="I2088">
        <v>26815.1</v>
      </c>
      <c r="J2088">
        <v>17.5837</v>
      </c>
    </row>
    <row r="2089" spans="1:10" x14ac:dyDescent="0.25">
      <c r="A2089">
        <v>14</v>
      </c>
      <c r="B2089">
        <v>108.446</v>
      </c>
      <c r="C2089">
        <v>118.369</v>
      </c>
      <c r="D2089">
        <v>190</v>
      </c>
      <c r="E2089">
        <v>10431.5</v>
      </c>
      <c r="F2089">
        <v>10800</v>
      </c>
      <c r="G2089">
        <v>19615.7</v>
      </c>
      <c r="H2089">
        <v>1.1181099999999999</v>
      </c>
      <c r="I2089">
        <v>26815.1</v>
      </c>
      <c r="J2089">
        <v>17.5837</v>
      </c>
    </row>
    <row r="2090" spans="1:10" x14ac:dyDescent="0.25">
      <c r="A2090">
        <v>14</v>
      </c>
      <c r="B2090">
        <v>109.39100000000001</v>
      </c>
      <c r="C2090">
        <v>118.369</v>
      </c>
      <c r="D2090">
        <v>189.68700000000001</v>
      </c>
      <c r="E2090">
        <v>7710.24</v>
      </c>
      <c r="F2090">
        <v>11310.2</v>
      </c>
      <c r="G2090">
        <v>19955.900000000001</v>
      </c>
      <c r="H2090">
        <v>1.92126</v>
      </c>
      <c r="I2090">
        <v>22527.200000000001</v>
      </c>
      <c r="J2090">
        <v>21.841100000000001</v>
      </c>
    </row>
    <row r="2091" spans="1:10" x14ac:dyDescent="0.25">
      <c r="A2091">
        <v>14</v>
      </c>
      <c r="B2091">
        <v>102.777</v>
      </c>
      <c r="C2091">
        <v>123.081</v>
      </c>
      <c r="D2091">
        <v>182.47900000000001</v>
      </c>
      <c r="E2091">
        <v>7200</v>
      </c>
      <c r="F2091">
        <v>10800</v>
      </c>
      <c r="G2091">
        <v>19955.900000000001</v>
      </c>
      <c r="H2091">
        <v>3.7637800000000001</v>
      </c>
      <c r="I2091">
        <v>20089.900000000001</v>
      </c>
      <c r="J2091">
        <v>33.581899999999997</v>
      </c>
    </row>
    <row r="2092" spans="1:10" x14ac:dyDescent="0.25">
      <c r="A2092">
        <v>14</v>
      </c>
      <c r="B2092">
        <v>102.777</v>
      </c>
      <c r="C2092">
        <v>123.081</v>
      </c>
      <c r="D2092">
        <v>182.47900000000001</v>
      </c>
      <c r="E2092">
        <v>7200</v>
      </c>
      <c r="F2092">
        <v>10800</v>
      </c>
      <c r="G2092">
        <v>19955.900000000001</v>
      </c>
      <c r="H2092">
        <v>3.7637800000000001</v>
      </c>
      <c r="I2092">
        <v>20089.900000000001</v>
      </c>
      <c r="J2092">
        <v>33.581899999999997</v>
      </c>
    </row>
    <row r="2093" spans="1:10" x14ac:dyDescent="0.25">
      <c r="A2093">
        <v>14</v>
      </c>
      <c r="B2093">
        <v>109.39100000000001</v>
      </c>
      <c r="C2093">
        <v>118.369</v>
      </c>
      <c r="D2093">
        <v>189.68700000000001</v>
      </c>
      <c r="E2093">
        <v>7710.24</v>
      </c>
      <c r="F2093">
        <v>11310.2</v>
      </c>
      <c r="G2093">
        <v>19955.900000000001</v>
      </c>
      <c r="H2093">
        <v>1.92126</v>
      </c>
      <c r="I2093">
        <v>22527.200000000001</v>
      </c>
      <c r="J2093">
        <v>21.841100000000001</v>
      </c>
    </row>
    <row r="2094" spans="1:10" x14ac:dyDescent="0.25">
      <c r="A2094">
        <v>14</v>
      </c>
      <c r="B2094">
        <v>108.446</v>
      </c>
      <c r="C2094">
        <v>119.625</v>
      </c>
      <c r="D2094">
        <v>189.68700000000001</v>
      </c>
      <c r="E2094">
        <v>9070.8700000000008</v>
      </c>
      <c r="F2094">
        <v>10800</v>
      </c>
      <c r="G2094">
        <v>19955.900000000001</v>
      </c>
      <c r="H2094">
        <v>1.4960599999999999</v>
      </c>
      <c r="I2094">
        <v>24098.3</v>
      </c>
      <c r="J2094">
        <v>19.2303</v>
      </c>
    </row>
    <row r="2095" spans="1:10" x14ac:dyDescent="0.25">
      <c r="A2095">
        <v>14</v>
      </c>
      <c r="B2095">
        <v>102.777</v>
      </c>
      <c r="C2095">
        <v>123.081</v>
      </c>
      <c r="D2095">
        <v>182.47900000000001</v>
      </c>
      <c r="E2095">
        <v>7200</v>
      </c>
      <c r="F2095">
        <v>10800</v>
      </c>
      <c r="G2095">
        <v>19955.900000000001</v>
      </c>
      <c r="H2095">
        <v>3.7637800000000001</v>
      </c>
      <c r="I2095">
        <v>20089.900000000001</v>
      </c>
      <c r="J2095">
        <v>33.581899999999997</v>
      </c>
    </row>
    <row r="2096" spans="1:10" x14ac:dyDescent="0.25">
      <c r="A2096">
        <v>14</v>
      </c>
      <c r="B2096">
        <v>109.628</v>
      </c>
      <c r="C2096">
        <v>118.369</v>
      </c>
      <c r="D2096">
        <v>189.68700000000001</v>
      </c>
      <c r="E2096">
        <v>7710.24</v>
      </c>
      <c r="F2096">
        <v>11310.2</v>
      </c>
      <c r="G2096">
        <v>19955.900000000001</v>
      </c>
      <c r="H2096">
        <v>1.92126</v>
      </c>
      <c r="I2096">
        <v>22542</v>
      </c>
      <c r="J2096">
        <v>20.9635</v>
      </c>
    </row>
    <row r="2097" spans="1:10" x14ac:dyDescent="0.25">
      <c r="A2097">
        <v>14</v>
      </c>
      <c r="B2097">
        <v>109.628</v>
      </c>
      <c r="C2097">
        <v>118.369</v>
      </c>
      <c r="D2097">
        <v>189.68700000000001</v>
      </c>
      <c r="E2097">
        <v>7710.24</v>
      </c>
      <c r="F2097">
        <v>11310.2</v>
      </c>
      <c r="G2097">
        <v>19955.900000000001</v>
      </c>
      <c r="H2097">
        <v>1.92126</v>
      </c>
      <c r="I2097">
        <v>22542</v>
      </c>
      <c r="J2097">
        <v>20.9635</v>
      </c>
    </row>
    <row r="2098" spans="1:10" x14ac:dyDescent="0.25">
      <c r="A2098">
        <v>14</v>
      </c>
      <c r="B2098">
        <v>108.446</v>
      </c>
      <c r="C2098">
        <v>119.625</v>
      </c>
      <c r="D2098">
        <v>189.68700000000001</v>
      </c>
      <c r="E2098">
        <v>10431.5</v>
      </c>
      <c r="F2098">
        <v>10800</v>
      </c>
      <c r="G2098">
        <v>19955.900000000001</v>
      </c>
      <c r="H2098">
        <v>1.1181099999999999</v>
      </c>
      <c r="I2098">
        <v>26419.3</v>
      </c>
      <c r="J2098">
        <v>18.099799999999998</v>
      </c>
    </row>
    <row r="2099" spans="1:10" x14ac:dyDescent="0.25">
      <c r="A2099">
        <v>14</v>
      </c>
      <c r="B2099">
        <v>109.155</v>
      </c>
      <c r="C2099">
        <v>128.422</v>
      </c>
      <c r="D2099">
        <v>189.68700000000001</v>
      </c>
      <c r="E2099">
        <v>7370.08</v>
      </c>
      <c r="F2099">
        <v>10800</v>
      </c>
      <c r="G2099">
        <v>22507.1</v>
      </c>
      <c r="H2099">
        <v>3.3149600000000001</v>
      </c>
      <c r="I2099">
        <v>20692</v>
      </c>
      <c r="J2099">
        <v>28.869900000000001</v>
      </c>
    </row>
    <row r="2100" spans="1:10" x14ac:dyDescent="0.25">
      <c r="A2100">
        <v>14</v>
      </c>
      <c r="B2100">
        <v>108.446</v>
      </c>
      <c r="C2100">
        <v>119.625</v>
      </c>
      <c r="D2100">
        <v>189.68700000000001</v>
      </c>
      <c r="E2100">
        <v>9070.8700000000008</v>
      </c>
      <c r="F2100">
        <v>10800</v>
      </c>
      <c r="G2100">
        <v>19955.900000000001</v>
      </c>
      <c r="H2100">
        <v>1.4960599999999999</v>
      </c>
      <c r="I2100">
        <v>24098.3</v>
      </c>
      <c r="J2100">
        <v>19.2303</v>
      </c>
    </row>
    <row r="2101" spans="1:10" x14ac:dyDescent="0.25">
      <c r="A2101">
        <v>15</v>
      </c>
      <c r="B2101">
        <v>108.446</v>
      </c>
      <c r="C2101">
        <v>119.625</v>
      </c>
      <c r="D2101">
        <v>187.18</v>
      </c>
      <c r="E2101">
        <v>7795.28</v>
      </c>
      <c r="F2101">
        <v>11310.2</v>
      </c>
      <c r="G2101">
        <v>22677.200000000001</v>
      </c>
      <c r="H2101">
        <v>1.89764</v>
      </c>
      <c r="I2101">
        <v>22677.5</v>
      </c>
      <c r="J2101">
        <v>21.387599999999999</v>
      </c>
    </row>
    <row r="2102" spans="1:10" x14ac:dyDescent="0.25">
      <c r="A2102">
        <v>15</v>
      </c>
      <c r="B2102">
        <v>109.39100000000001</v>
      </c>
      <c r="C2102">
        <v>118.369</v>
      </c>
      <c r="D2102">
        <v>189.68700000000001</v>
      </c>
      <c r="E2102">
        <v>7710.24</v>
      </c>
      <c r="F2102">
        <v>11310.2</v>
      </c>
      <c r="G2102">
        <v>19955.900000000001</v>
      </c>
      <c r="H2102">
        <v>1.92126</v>
      </c>
      <c r="I2102">
        <v>22527.200000000001</v>
      </c>
      <c r="J2102">
        <v>21.841100000000001</v>
      </c>
    </row>
    <row r="2103" spans="1:10" x14ac:dyDescent="0.25">
      <c r="A2103">
        <v>15</v>
      </c>
      <c r="B2103">
        <v>110.1</v>
      </c>
      <c r="C2103">
        <v>123.395</v>
      </c>
      <c r="D2103">
        <v>189.06</v>
      </c>
      <c r="E2103">
        <v>7370.08</v>
      </c>
      <c r="F2103">
        <v>10800</v>
      </c>
      <c r="G2103">
        <v>21316.5</v>
      </c>
      <c r="H2103">
        <v>3.0787399999999998</v>
      </c>
      <c r="I2103">
        <v>21028.799999999999</v>
      </c>
      <c r="J2103">
        <v>25.227799999999998</v>
      </c>
    </row>
    <row r="2104" spans="1:10" x14ac:dyDescent="0.25">
      <c r="A2104">
        <v>15</v>
      </c>
      <c r="B2104">
        <v>108.919</v>
      </c>
      <c r="C2104">
        <v>118.369</v>
      </c>
      <c r="D2104">
        <v>189.68700000000001</v>
      </c>
      <c r="E2104">
        <v>7370.08</v>
      </c>
      <c r="F2104">
        <v>10800</v>
      </c>
      <c r="G2104">
        <v>21146.5</v>
      </c>
      <c r="H2104">
        <v>3.9291299999999998</v>
      </c>
      <c r="I2104">
        <v>20243.400000000001</v>
      </c>
      <c r="J2104">
        <v>47.422499999999999</v>
      </c>
    </row>
    <row r="2105" spans="1:10" x14ac:dyDescent="0.25">
      <c r="A2105">
        <v>15</v>
      </c>
      <c r="B2105">
        <v>108.919</v>
      </c>
      <c r="C2105">
        <v>119.93899999999999</v>
      </c>
      <c r="D2105">
        <v>189.68700000000001</v>
      </c>
      <c r="E2105">
        <v>7370.08</v>
      </c>
      <c r="F2105">
        <v>10800</v>
      </c>
      <c r="G2105">
        <v>19785.8</v>
      </c>
      <c r="H2105">
        <v>3.4094500000000001</v>
      </c>
      <c r="I2105">
        <v>20393</v>
      </c>
      <c r="J2105">
        <v>38.758400000000002</v>
      </c>
    </row>
    <row r="2106" spans="1:10" x14ac:dyDescent="0.25">
      <c r="A2106">
        <v>15</v>
      </c>
      <c r="B2106">
        <v>104.667</v>
      </c>
      <c r="C2106">
        <v>119.93899999999999</v>
      </c>
      <c r="D2106">
        <v>189.68700000000001</v>
      </c>
      <c r="E2106">
        <v>7370.08</v>
      </c>
      <c r="F2106">
        <v>10800</v>
      </c>
      <c r="G2106">
        <v>18595.3</v>
      </c>
      <c r="H2106">
        <v>3.64567</v>
      </c>
      <c r="I2106">
        <v>20296.5</v>
      </c>
      <c r="J2106">
        <v>55.023299999999999</v>
      </c>
    </row>
    <row r="2107" spans="1:10" x14ac:dyDescent="0.25">
      <c r="A2107">
        <v>15</v>
      </c>
      <c r="B2107">
        <v>108.446</v>
      </c>
      <c r="C2107">
        <v>119.625</v>
      </c>
      <c r="D2107">
        <v>189.68700000000001</v>
      </c>
      <c r="E2107">
        <v>9070.8700000000008</v>
      </c>
      <c r="F2107">
        <v>10800</v>
      </c>
      <c r="G2107">
        <v>19955.900000000001</v>
      </c>
      <c r="H2107">
        <v>1.4960599999999999</v>
      </c>
      <c r="I2107">
        <v>24098.3</v>
      </c>
      <c r="J2107">
        <v>19.2303</v>
      </c>
    </row>
    <row r="2108" spans="1:10" x14ac:dyDescent="0.25">
      <c r="A2108">
        <v>15</v>
      </c>
      <c r="B2108">
        <v>109.39100000000001</v>
      </c>
      <c r="C2108">
        <v>119.625</v>
      </c>
      <c r="D2108">
        <v>187.18</v>
      </c>
      <c r="E2108">
        <v>9921.26</v>
      </c>
      <c r="F2108">
        <v>10800</v>
      </c>
      <c r="G2108">
        <v>22677.200000000001</v>
      </c>
      <c r="H2108">
        <v>1.1653500000000001</v>
      </c>
      <c r="I2108">
        <v>26043.4</v>
      </c>
      <c r="J2108">
        <v>18.639700000000001</v>
      </c>
    </row>
    <row r="2109" spans="1:10" x14ac:dyDescent="0.25">
      <c r="A2109">
        <v>15</v>
      </c>
      <c r="B2109">
        <v>109.39100000000001</v>
      </c>
      <c r="C2109">
        <v>119.625</v>
      </c>
      <c r="D2109">
        <v>179.65799999999999</v>
      </c>
      <c r="E2109">
        <v>7370.08</v>
      </c>
      <c r="F2109">
        <v>10800</v>
      </c>
      <c r="G2109">
        <v>18595.3</v>
      </c>
      <c r="H2109">
        <v>1.89764</v>
      </c>
      <c r="I2109">
        <v>21609.7</v>
      </c>
      <c r="J2109">
        <v>34.575000000000003</v>
      </c>
    </row>
    <row r="2110" spans="1:10" x14ac:dyDescent="0.25">
      <c r="A2110">
        <v>15</v>
      </c>
      <c r="B2110">
        <v>108.446</v>
      </c>
      <c r="C2110">
        <v>118.369</v>
      </c>
      <c r="D2110">
        <v>189.06</v>
      </c>
      <c r="E2110">
        <v>7370.08</v>
      </c>
      <c r="F2110">
        <v>10800</v>
      </c>
      <c r="G2110">
        <v>21316.5</v>
      </c>
      <c r="H2110">
        <v>3.7873999999999999</v>
      </c>
      <c r="I2110">
        <v>20317.5</v>
      </c>
      <c r="J2110">
        <v>55.502099999999999</v>
      </c>
    </row>
    <row r="2111" spans="1:10" x14ac:dyDescent="0.25">
      <c r="A2111">
        <v>15</v>
      </c>
      <c r="B2111">
        <v>108.68300000000001</v>
      </c>
      <c r="C2111">
        <v>119.625</v>
      </c>
      <c r="D2111">
        <v>189.68700000000001</v>
      </c>
      <c r="E2111">
        <v>10431.5</v>
      </c>
      <c r="F2111">
        <v>10800</v>
      </c>
      <c r="G2111">
        <v>19955.900000000001</v>
      </c>
      <c r="H2111">
        <v>1.02362</v>
      </c>
      <c r="I2111">
        <v>27835.599999999999</v>
      </c>
      <c r="J2111">
        <v>32.105699999999999</v>
      </c>
    </row>
    <row r="2112" spans="1:10" x14ac:dyDescent="0.25">
      <c r="A2112">
        <v>15</v>
      </c>
      <c r="B2112">
        <v>108.919</v>
      </c>
      <c r="C2112">
        <v>119.625</v>
      </c>
      <c r="D2112">
        <v>189.68700000000001</v>
      </c>
      <c r="E2112">
        <v>7370.08</v>
      </c>
      <c r="F2112">
        <v>10800</v>
      </c>
      <c r="G2112">
        <v>19955.900000000001</v>
      </c>
      <c r="H2112">
        <v>1.6141700000000001</v>
      </c>
      <c r="I2112">
        <v>22244.400000000001</v>
      </c>
      <c r="J2112">
        <v>33.805700000000002</v>
      </c>
    </row>
    <row r="2113" spans="1:10" x14ac:dyDescent="0.25">
      <c r="A2113">
        <v>15</v>
      </c>
      <c r="B2113">
        <v>109.39100000000001</v>
      </c>
      <c r="C2113">
        <v>119.625</v>
      </c>
      <c r="D2113">
        <v>189.68700000000001</v>
      </c>
      <c r="E2113">
        <v>7200</v>
      </c>
      <c r="F2113">
        <v>10800</v>
      </c>
      <c r="G2113">
        <v>25398.400000000001</v>
      </c>
      <c r="H2113">
        <v>1.4960599999999999</v>
      </c>
      <c r="I2113">
        <v>22465.9</v>
      </c>
      <c r="J2113">
        <v>43.6556</v>
      </c>
    </row>
    <row r="2114" spans="1:10" x14ac:dyDescent="0.25">
      <c r="A2114">
        <v>15</v>
      </c>
      <c r="B2114">
        <v>110.1</v>
      </c>
      <c r="C2114">
        <v>118.369</v>
      </c>
      <c r="D2114">
        <v>189.06</v>
      </c>
      <c r="E2114">
        <v>7370.08</v>
      </c>
      <c r="F2114">
        <v>10800</v>
      </c>
      <c r="G2114">
        <v>21316.5</v>
      </c>
      <c r="H2114">
        <v>2.3936999999999999</v>
      </c>
      <c r="I2114">
        <v>21127.1</v>
      </c>
      <c r="J2114">
        <v>36.813400000000001</v>
      </c>
    </row>
    <row r="2115" spans="1:10" x14ac:dyDescent="0.25">
      <c r="A2115">
        <v>15</v>
      </c>
      <c r="B2115">
        <v>108.446</v>
      </c>
      <c r="C2115">
        <v>119.625</v>
      </c>
      <c r="D2115">
        <v>187.18</v>
      </c>
      <c r="E2115">
        <v>7540.16</v>
      </c>
      <c r="F2115">
        <v>10800</v>
      </c>
      <c r="G2115">
        <v>22677.200000000001</v>
      </c>
      <c r="H2115">
        <v>1.1417299999999999</v>
      </c>
      <c r="I2115">
        <v>23540.799999999999</v>
      </c>
      <c r="J2115">
        <v>34.686300000000003</v>
      </c>
    </row>
    <row r="2116" spans="1:10" x14ac:dyDescent="0.25">
      <c r="A2116">
        <v>15</v>
      </c>
      <c r="B2116">
        <v>108.446</v>
      </c>
      <c r="C2116">
        <v>118.369</v>
      </c>
      <c r="D2116">
        <v>189.68700000000001</v>
      </c>
      <c r="E2116">
        <v>7370.08</v>
      </c>
      <c r="F2116">
        <v>10800</v>
      </c>
      <c r="G2116">
        <v>18595.3</v>
      </c>
      <c r="H2116">
        <v>2.4409399999999999</v>
      </c>
      <c r="I2116">
        <v>21162.6</v>
      </c>
      <c r="J2116">
        <v>46.2926</v>
      </c>
    </row>
    <row r="2117" spans="1:10" x14ac:dyDescent="0.25">
      <c r="A2117">
        <v>15</v>
      </c>
      <c r="B2117">
        <v>108.919</v>
      </c>
      <c r="C2117">
        <v>118.369</v>
      </c>
      <c r="D2117">
        <v>189.68700000000001</v>
      </c>
      <c r="E2117">
        <v>10091.299999999999</v>
      </c>
      <c r="F2117">
        <v>10800</v>
      </c>
      <c r="G2117">
        <v>22507.1</v>
      </c>
      <c r="H2117">
        <v>2.8189000000000002</v>
      </c>
      <c r="I2117">
        <v>23536</v>
      </c>
      <c r="J2117">
        <v>36.608899999999998</v>
      </c>
    </row>
    <row r="2118" spans="1:10" x14ac:dyDescent="0.25">
      <c r="A2118">
        <v>15</v>
      </c>
      <c r="B2118">
        <v>108.446</v>
      </c>
      <c r="C2118">
        <v>119.625</v>
      </c>
      <c r="D2118">
        <v>187.18</v>
      </c>
      <c r="E2118">
        <v>10431.5</v>
      </c>
      <c r="F2118">
        <v>10800</v>
      </c>
      <c r="G2118">
        <v>19955.900000000001</v>
      </c>
      <c r="H2118">
        <v>1.92126</v>
      </c>
      <c r="I2118">
        <v>24683.200000000001</v>
      </c>
      <c r="J2118">
        <v>42.180999999999997</v>
      </c>
    </row>
    <row r="2119" spans="1:10" x14ac:dyDescent="0.25">
      <c r="A2119">
        <v>15</v>
      </c>
      <c r="B2119">
        <v>108.446</v>
      </c>
      <c r="C2119">
        <v>119.93899999999999</v>
      </c>
      <c r="D2119">
        <v>189.68700000000001</v>
      </c>
      <c r="E2119">
        <v>7370.08</v>
      </c>
      <c r="F2119">
        <v>10800</v>
      </c>
      <c r="G2119">
        <v>19955.900000000001</v>
      </c>
      <c r="H2119">
        <v>3.2913399999999999</v>
      </c>
      <c r="I2119">
        <v>20455.3</v>
      </c>
      <c r="J2119">
        <v>43.934899999999999</v>
      </c>
    </row>
    <row r="2120" spans="1:10" x14ac:dyDescent="0.25">
      <c r="A2120">
        <v>15</v>
      </c>
      <c r="B2120">
        <v>104.667</v>
      </c>
      <c r="C2120">
        <v>119.625</v>
      </c>
      <c r="D2120">
        <v>187.18</v>
      </c>
      <c r="E2120">
        <v>7200</v>
      </c>
      <c r="F2120">
        <v>10800</v>
      </c>
      <c r="G2120">
        <v>21316.5</v>
      </c>
      <c r="H2120">
        <v>1.1653500000000001</v>
      </c>
      <c r="I2120">
        <v>23066.799999999999</v>
      </c>
      <c r="J2120">
        <v>70.4709</v>
      </c>
    </row>
    <row r="2121" spans="1:10" x14ac:dyDescent="0.25">
      <c r="A2121">
        <v>15</v>
      </c>
      <c r="B2121">
        <v>109.39100000000001</v>
      </c>
      <c r="C2121">
        <v>124.652</v>
      </c>
      <c r="D2121">
        <v>189.68700000000001</v>
      </c>
      <c r="E2121">
        <v>7710.24</v>
      </c>
      <c r="F2121">
        <v>10800</v>
      </c>
      <c r="G2121">
        <v>21316.5</v>
      </c>
      <c r="H2121">
        <v>1.6614199999999999</v>
      </c>
      <c r="I2121">
        <v>23313.4</v>
      </c>
      <c r="J2121">
        <v>106.887</v>
      </c>
    </row>
    <row r="2122" spans="1:10" x14ac:dyDescent="0.25">
      <c r="A2122">
        <v>15</v>
      </c>
      <c r="B2122">
        <v>108.446</v>
      </c>
      <c r="C2122">
        <v>119.625</v>
      </c>
      <c r="D2122">
        <v>189.06</v>
      </c>
      <c r="E2122">
        <v>7370.08</v>
      </c>
      <c r="F2122">
        <v>10800</v>
      </c>
      <c r="G2122">
        <v>18595.3</v>
      </c>
      <c r="H2122">
        <v>1.7559100000000001</v>
      </c>
      <c r="I2122">
        <v>22022.9</v>
      </c>
      <c r="J2122">
        <v>38.363100000000003</v>
      </c>
    </row>
    <row r="2123" spans="1:10" x14ac:dyDescent="0.25">
      <c r="A2123">
        <v>15</v>
      </c>
      <c r="B2123">
        <v>108.446</v>
      </c>
      <c r="C2123">
        <v>119.93899999999999</v>
      </c>
      <c r="D2123">
        <v>189.68700000000001</v>
      </c>
      <c r="E2123">
        <v>7455.12</v>
      </c>
      <c r="F2123">
        <v>10800</v>
      </c>
      <c r="G2123">
        <v>21316.5</v>
      </c>
      <c r="H2123">
        <v>3.7873999999999999</v>
      </c>
      <c r="I2123">
        <v>20393.900000000001</v>
      </c>
      <c r="J2123">
        <v>43.598999999999997</v>
      </c>
    </row>
    <row r="2124" spans="1:10" x14ac:dyDescent="0.25">
      <c r="A2124">
        <v>15</v>
      </c>
      <c r="B2124">
        <v>105.139</v>
      </c>
      <c r="C2124">
        <v>119.625</v>
      </c>
      <c r="D2124">
        <v>189.68700000000001</v>
      </c>
      <c r="E2124">
        <v>10091.299999999999</v>
      </c>
      <c r="F2124">
        <v>10800</v>
      </c>
      <c r="G2124">
        <v>21316.5</v>
      </c>
      <c r="H2124">
        <v>2.2755899999999998</v>
      </c>
      <c r="I2124">
        <v>24026.9</v>
      </c>
      <c r="J2124">
        <v>29.596599999999999</v>
      </c>
    </row>
    <row r="2125" spans="1:10" x14ac:dyDescent="0.25">
      <c r="A2125">
        <v>15</v>
      </c>
      <c r="B2125">
        <v>110.1</v>
      </c>
      <c r="C2125">
        <v>119.625</v>
      </c>
      <c r="D2125">
        <v>189.68700000000001</v>
      </c>
      <c r="E2125">
        <v>7370.08</v>
      </c>
      <c r="F2125">
        <v>27127.599999999999</v>
      </c>
      <c r="G2125">
        <v>21316.5</v>
      </c>
      <c r="H2125">
        <v>2.8897599999999999</v>
      </c>
      <c r="I2125">
        <v>38685</v>
      </c>
      <c r="J2125">
        <v>23.2987</v>
      </c>
    </row>
    <row r="2126" spans="1:10" x14ac:dyDescent="0.25">
      <c r="A2126">
        <v>15</v>
      </c>
      <c r="B2126">
        <v>108.446</v>
      </c>
      <c r="C2126">
        <v>118.369</v>
      </c>
      <c r="D2126">
        <v>187.49299999999999</v>
      </c>
      <c r="E2126">
        <v>7795.28</v>
      </c>
      <c r="F2126">
        <v>11310.2</v>
      </c>
      <c r="G2126">
        <v>19955.900000000001</v>
      </c>
      <c r="H2126">
        <v>1.92126</v>
      </c>
      <c r="I2126">
        <v>22689.5</v>
      </c>
      <c r="J2126">
        <v>30.4694</v>
      </c>
    </row>
    <row r="2127" spans="1:10" x14ac:dyDescent="0.25">
      <c r="A2127">
        <v>15</v>
      </c>
      <c r="B2127">
        <v>108.446</v>
      </c>
      <c r="C2127">
        <v>119.625</v>
      </c>
      <c r="D2127">
        <v>189.68700000000001</v>
      </c>
      <c r="E2127">
        <v>7370.08</v>
      </c>
      <c r="F2127">
        <v>10800</v>
      </c>
      <c r="G2127">
        <v>19955.900000000001</v>
      </c>
      <c r="H2127">
        <v>1.80315</v>
      </c>
      <c r="I2127">
        <v>22025.3</v>
      </c>
      <c r="J2127">
        <v>43.992400000000004</v>
      </c>
    </row>
    <row r="2128" spans="1:10" x14ac:dyDescent="0.25">
      <c r="A2128">
        <v>15</v>
      </c>
      <c r="B2128">
        <v>108.446</v>
      </c>
      <c r="C2128">
        <v>119.625</v>
      </c>
      <c r="D2128">
        <v>189.68700000000001</v>
      </c>
      <c r="E2128">
        <v>7710.24</v>
      </c>
      <c r="F2128">
        <v>10800</v>
      </c>
      <c r="G2128">
        <v>19955.900000000001</v>
      </c>
      <c r="H2128">
        <v>1.40157</v>
      </c>
      <c r="I2128">
        <v>22941.599999999999</v>
      </c>
      <c r="J2128">
        <v>44.466799999999999</v>
      </c>
    </row>
    <row r="2129" spans="1:10" x14ac:dyDescent="0.25">
      <c r="A2129">
        <v>15</v>
      </c>
      <c r="B2129">
        <v>109.628</v>
      </c>
      <c r="C2129">
        <v>118.369</v>
      </c>
      <c r="D2129">
        <v>189.68700000000001</v>
      </c>
      <c r="E2129">
        <v>7370.08</v>
      </c>
      <c r="F2129">
        <v>11310.2</v>
      </c>
      <c r="G2129">
        <v>19955.900000000001</v>
      </c>
      <c r="H2129">
        <v>2.2755899999999998</v>
      </c>
      <c r="I2129">
        <v>21818</v>
      </c>
      <c r="J2129">
        <v>39.451099999999997</v>
      </c>
    </row>
    <row r="2130" spans="1:10" x14ac:dyDescent="0.25">
      <c r="A2130">
        <v>15</v>
      </c>
      <c r="B2130">
        <v>108.446</v>
      </c>
      <c r="C2130">
        <v>118.369</v>
      </c>
      <c r="D2130">
        <v>190</v>
      </c>
      <c r="E2130">
        <v>7710.24</v>
      </c>
      <c r="F2130">
        <v>10800</v>
      </c>
      <c r="G2130">
        <v>19955.900000000001</v>
      </c>
      <c r="H2130">
        <v>1.87402</v>
      </c>
      <c r="I2130">
        <v>21994.7</v>
      </c>
      <c r="J2130">
        <v>27.296500000000002</v>
      </c>
    </row>
    <row r="2131" spans="1:10" x14ac:dyDescent="0.25">
      <c r="A2131">
        <v>15</v>
      </c>
      <c r="B2131">
        <v>108.446</v>
      </c>
      <c r="C2131">
        <v>119.625</v>
      </c>
      <c r="D2131">
        <v>189.68700000000001</v>
      </c>
      <c r="E2131">
        <v>10516.5</v>
      </c>
      <c r="F2131">
        <v>10800</v>
      </c>
      <c r="G2131">
        <v>19955.900000000001</v>
      </c>
      <c r="H2131">
        <v>1.80315</v>
      </c>
      <c r="I2131">
        <v>25040.400000000001</v>
      </c>
      <c r="J2131">
        <v>27.723299999999998</v>
      </c>
    </row>
    <row r="2132" spans="1:10" x14ac:dyDescent="0.25">
      <c r="A2132">
        <v>15</v>
      </c>
      <c r="B2132">
        <v>108.919</v>
      </c>
      <c r="C2132">
        <v>128.73599999999999</v>
      </c>
      <c r="D2132">
        <v>189.68700000000001</v>
      </c>
      <c r="E2132">
        <v>7370.08</v>
      </c>
      <c r="F2132">
        <v>10800</v>
      </c>
      <c r="G2132">
        <v>18595.3</v>
      </c>
      <c r="H2132">
        <v>3.6929099999999999</v>
      </c>
      <c r="I2132">
        <v>20599.400000000001</v>
      </c>
      <c r="J2132">
        <v>117.432</v>
      </c>
    </row>
    <row r="2133" spans="1:10" x14ac:dyDescent="0.25">
      <c r="A2133">
        <v>15</v>
      </c>
      <c r="B2133">
        <v>108.68300000000001</v>
      </c>
      <c r="C2133">
        <v>119.93899999999999</v>
      </c>
      <c r="D2133">
        <v>190</v>
      </c>
      <c r="E2133">
        <v>7370.08</v>
      </c>
      <c r="F2133">
        <v>10800</v>
      </c>
      <c r="G2133">
        <v>19955.900000000001</v>
      </c>
      <c r="H2133">
        <v>3.2913399999999999</v>
      </c>
      <c r="I2133">
        <v>20513.7</v>
      </c>
      <c r="J2133">
        <v>38.590699999999998</v>
      </c>
    </row>
    <row r="2134" spans="1:10" x14ac:dyDescent="0.25">
      <c r="A2134">
        <v>15</v>
      </c>
      <c r="B2134">
        <v>108.446</v>
      </c>
      <c r="C2134">
        <v>113.342</v>
      </c>
      <c r="D2134">
        <v>189.68700000000001</v>
      </c>
      <c r="E2134">
        <v>7710.24</v>
      </c>
      <c r="F2134">
        <v>11310.2</v>
      </c>
      <c r="G2134">
        <v>19785.8</v>
      </c>
      <c r="H2134">
        <v>3.4094500000000001</v>
      </c>
      <c r="I2134">
        <v>21417.3</v>
      </c>
      <c r="J2134">
        <v>63.861400000000003</v>
      </c>
    </row>
    <row r="2135" spans="1:10" x14ac:dyDescent="0.25">
      <c r="A2135">
        <v>15</v>
      </c>
      <c r="B2135">
        <v>109.155</v>
      </c>
      <c r="C2135">
        <v>127.794</v>
      </c>
      <c r="D2135">
        <v>189.68700000000001</v>
      </c>
      <c r="E2135">
        <v>7200</v>
      </c>
      <c r="F2135">
        <v>10800</v>
      </c>
      <c r="G2135">
        <v>21316.5</v>
      </c>
      <c r="H2135">
        <v>3.3149600000000001</v>
      </c>
      <c r="I2135">
        <v>20688.900000000001</v>
      </c>
      <c r="J2135">
        <v>115.956</v>
      </c>
    </row>
    <row r="2136" spans="1:10" x14ac:dyDescent="0.25">
      <c r="A2136">
        <v>15</v>
      </c>
      <c r="B2136">
        <v>109.628</v>
      </c>
      <c r="C2136">
        <v>119.625</v>
      </c>
      <c r="D2136">
        <v>189.68700000000001</v>
      </c>
      <c r="E2136">
        <v>11792.1</v>
      </c>
      <c r="F2136">
        <v>10800</v>
      </c>
      <c r="G2136">
        <v>19955.900000000001</v>
      </c>
      <c r="H2136">
        <v>1.4960599999999999</v>
      </c>
      <c r="I2136">
        <v>27770.9</v>
      </c>
      <c r="J2136">
        <v>33.974800000000002</v>
      </c>
    </row>
    <row r="2137" spans="1:10" x14ac:dyDescent="0.25">
      <c r="A2137">
        <v>15</v>
      </c>
      <c r="B2137">
        <v>108.919</v>
      </c>
      <c r="C2137">
        <v>118.369</v>
      </c>
      <c r="D2137">
        <v>189.68700000000001</v>
      </c>
      <c r="E2137">
        <v>7370.08</v>
      </c>
      <c r="F2137">
        <v>10800</v>
      </c>
      <c r="G2137">
        <v>10261.4</v>
      </c>
      <c r="H2137">
        <v>3.9291299999999998</v>
      </c>
      <c r="I2137">
        <v>20243.400000000001</v>
      </c>
      <c r="J2137">
        <v>47.422499999999999</v>
      </c>
    </row>
    <row r="2138" spans="1:10" x14ac:dyDescent="0.25">
      <c r="A2138">
        <v>15</v>
      </c>
      <c r="B2138">
        <v>108.68300000000001</v>
      </c>
      <c r="C2138">
        <v>115.227</v>
      </c>
      <c r="D2138">
        <v>189.68700000000001</v>
      </c>
      <c r="E2138">
        <v>7370.08</v>
      </c>
      <c r="F2138">
        <v>10800</v>
      </c>
      <c r="G2138">
        <v>21316.5</v>
      </c>
      <c r="H2138">
        <v>3.3149600000000001</v>
      </c>
      <c r="I2138">
        <v>20616.5</v>
      </c>
      <c r="J2138">
        <v>66.753799999999998</v>
      </c>
    </row>
    <row r="2139" spans="1:10" x14ac:dyDescent="0.25">
      <c r="A2139">
        <v>15</v>
      </c>
      <c r="B2139">
        <v>108.919</v>
      </c>
      <c r="C2139">
        <v>119.625</v>
      </c>
      <c r="D2139">
        <v>187.18</v>
      </c>
      <c r="E2139">
        <v>7795.28</v>
      </c>
      <c r="F2139">
        <v>11310.2</v>
      </c>
      <c r="G2139">
        <v>22677.200000000001</v>
      </c>
      <c r="H2139">
        <v>2.0393699999999999</v>
      </c>
      <c r="I2139">
        <v>22402.9</v>
      </c>
      <c r="J2139">
        <v>32.887900000000002</v>
      </c>
    </row>
    <row r="2140" spans="1:10" x14ac:dyDescent="0.25">
      <c r="A2140">
        <v>15</v>
      </c>
      <c r="B2140">
        <v>108.446</v>
      </c>
      <c r="C2140">
        <v>119.625</v>
      </c>
      <c r="D2140">
        <v>190</v>
      </c>
      <c r="E2140">
        <v>7710.24</v>
      </c>
      <c r="F2140">
        <v>10800</v>
      </c>
      <c r="G2140">
        <v>19955.900000000001</v>
      </c>
      <c r="H2140">
        <v>1.47244</v>
      </c>
      <c r="I2140">
        <v>23091.8</v>
      </c>
      <c r="J2140">
        <v>42.732599999999998</v>
      </c>
    </row>
    <row r="2141" spans="1:10" x14ac:dyDescent="0.25">
      <c r="A2141">
        <v>15</v>
      </c>
      <c r="B2141">
        <v>108.919</v>
      </c>
      <c r="C2141">
        <v>119.625</v>
      </c>
      <c r="D2141">
        <v>189.68700000000001</v>
      </c>
      <c r="E2141">
        <v>7710.24</v>
      </c>
      <c r="F2141">
        <v>10800</v>
      </c>
      <c r="G2141">
        <v>10431.5</v>
      </c>
      <c r="H2141">
        <v>1.02362</v>
      </c>
      <c r="I2141">
        <v>24456.6</v>
      </c>
      <c r="J2141">
        <v>38.207099999999997</v>
      </c>
    </row>
    <row r="2142" spans="1:10" x14ac:dyDescent="0.25">
      <c r="A2142">
        <v>15</v>
      </c>
      <c r="B2142">
        <v>108.446</v>
      </c>
      <c r="C2142">
        <v>119.93899999999999</v>
      </c>
      <c r="D2142">
        <v>189.68700000000001</v>
      </c>
      <c r="E2142">
        <v>7370.08</v>
      </c>
      <c r="F2142">
        <v>10800</v>
      </c>
      <c r="G2142">
        <v>22677.200000000001</v>
      </c>
      <c r="H2142">
        <v>2.1810999999999998</v>
      </c>
      <c r="I2142">
        <v>21316.6</v>
      </c>
      <c r="J2142">
        <v>37.353900000000003</v>
      </c>
    </row>
    <row r="2143" spans="1:10" x14ac:dyDescent="0.25">
      <c r="A2143">
        <v>15</v>
      </c>
      <c r="B2143">
        <v>109.155</v>
      </c>
      <c r="C2143">
        <v>123.395</v>
      </c>
      <c r="D2143">
        <v>189.68700000000001</v>
      </c>
      <c r="E2143">
        <v>7370.08</v>
      </c>
      <c r="F2143">
        <v>10800</v>
      </c>
      <c r="G2143">
        <v>21316.5</v>
      </c>
      <c r="H2143">
        <v>3.0314999999999999</v>
      </c>
      <c r="I2143">
        <v>21060.400000000001</v>
      </c>
      <c r="J2143">
        <v>59.286000000000001</v>
      </c>
    </row>
    <row r="2144" spans="1:10" x14ac:dyDescent="0.25">
      <c r="A2144">
        <v>15</v>
      </c>
      <c r="B2144">
        <v>108.919</v>
      </c>
      <c r="C2144">
        <v>118.369</v>
      </c>
      <c r="D2144">
        <v>190</v>
      </c>
      <c r="E2144">
        <v>10091.299999999999</v>
      </c>
      <c r="F2144">
        <v>10800</v>
      </c>
      <c r="G2144">
        <v>19955.900000000001</v>
      </c>
      <c r="H2144">
        <v>2.25197</v>
      </c>
      <c r="I2144">
        <v>23866.799999999999</v>
      </c>
      <c r="J2144">
        <v>27.599499999999999</v>
      </c>
    </row>
    <row r="2145" spans="1:10" x14ac:dyDescent="0.25">
      <c r="A2145">
        <v>15</v>
      </c>
      <c r="B2145">
        <v>108.919</v>
      </c>
      <c r="C2145">
        <v>119.93899999999999</v>
      </c>
      <c r="D2145">
        <v>189.68700000000001</v>
      </c>
      <c r="E2145">
        <v>7370.08</v>
      </c>
      <c r="F2145">
        <v>10800</v>
      </c>
      <c r="G2145">
        <v>18595.3</v>
      </c>
      <c r="H2145">
        <v>3.64567</v>
      </c>
      <c r="I2145">
        <v>20295.7</v>
      </c>
      <c r="J2145">
        <v>40.435200000000002</v>
      </c>
    </row>
    <row r="2146" spans="1:10" x14ac:dyDescent="0.25">
      <c r="A2146">
        <v>15</v>
      </c>
      <c r="B2146">
        <v>110.1</v>
      </c>
      <c r="C2146">
        <v>123.395</v>
      </c>
      <c r="D2146">
        <v>189.06</v>
      </c>
      <c r="E2146">
        <v>7370.08</v>
      </c>
      <c r="F2146">
        <v>10800</v>
      </c>
      <c r="G2146">
        <v>21316.5</v>
      </c>
      <c r="H2146">
        <v>3.0787399999999998</v>
      </c>
      <c r="I2146">
        <v>21028.799999999999</v>
      </c>
      <c r="J2146">
        <v>25.227799999999998</v>
      </c>
    </row>
    <row r="2147" spans="1:10" x14ac:dyDescent="0.25">
      <c r="A2147">
        <v>15</v>
      </c>
      <c r="B2147">
        <v>108.446</v>
      </c>
      <c r="C2147">
        <v>117.74</v>
      </c>
      <c r="D2147">
        <v>189.68700000000001</v>
      </c>
      <c r="E2147">
        <v>7710.24</v>
      </c>
      <c r="F2147">
        <v>11310.2</v>
      </c>
      <c r="G2147">
        <v>21316.5</v>
      </c>
      <c r="H2147">
        <v>3.4094500000000001</v>
      </c>
      <c r="I2147">
        <v>21370.1</v>
      </c>
      <c r="J2147">
        <v>42.453800000000001</v>
      </c>
    </row>
    <row r="2148" spans="1:10" x14ac:dyDescent="0.25">
      <c r="A2148">
        <v>15</v>
      </c>
      <c r="B2148">
        <v>108.446</v>
      </c>
      <c r="C2148">
        <v>119.625</v>
      </c>
      <c r="D2148">
        <v>187.18</v>
      </c>
      <c r="E2148">
        <v>7710.24</v>
      </c>
      <c r="F2148">
        <v>10800</v>
      </c>
      <c r="G2148">
        <v>19955.900000000001</v>
      </c>
      <c r="H2148">
        <v>1.89764</v>
      </c>
      <c r="I2148">
        <v>22005.5</v>
      </c>
      <c r="J2148">
        <v>42.532299999999999</v>
      </c>
    </row>
    <row r="2149" spans="1:10" x14ac:dyDescent="0.25">
      <c r="A2149">
        <v>15</v>
      </c>
      <c r="B2149">
        <v>108.68300000000001</v>
      </c>
      <c r="C2149">
        <v>119.625</v>
      </c>
      <c r="D2149">
        <v>190</v>
      </c>
      <c r="E2149">
        <v>7370.08</v>
      </c>
      <c r="F2149">
        <v>10800</v>
      </c>
      <c r="G2149">
        <v>18595.3</v>
      </c>
      <c r="H2149">
        <v>1.47244</v>
      </c>
      <c r="I2149">
        <v>22581.7</v>
      </c>
      <c r="J2149">
        <v>42.545099999999998</v>
      </c>
    </row>
    <row r="2150" spans="1:10" x14ac:dyDescent="0.25">
      <c r="A2150">
        <v>15</v>
      </c>
      <c r="B2150">
        <v>108.446</v>
      </c>
      <c r="C2150">
        <v>119.625</v>
      </c>
      <c r="D2150">
        <v>187.18</v>
      </c>
      <c r="E2150">
        <v>9070.8700000000008</v>
      </c>
      <c r="F2150">
        <v>11310.2</v>
      </c>
      <c r="G2150">
        <v>19955.900000000001</v>
      </c>
      <c r="H2150">
        <v>2.2283499999999998</v>
      </c>
      <c r="I2150">
        <v>23471</v>
      </c>
      <c r="J2150">
        <v>27.98</v>
      </c>
    </row>
    <row r="2151" spans="1:10" x14ac:dyDescent="0.25">
      <c r="A2151">
        <v>15</v>
      </c>
      <c r="B2151">
        <v>108.68300000000001</v>
      </c>
      <c r="C2151">
        <v>118.369</v>
      </c>
      <c r="D2151">
        <v>179.65799999999999</v>
      </c>
      <c r="E2151">
        <v>10431.5</v>
      </c>
      <c r="F2151">
        <v>11820.5</v>
      </c>
      <c r="G2151">
        <v>19955.900000000001</v>
      </c>
      <c r="H2151">
        <v>1.87402</v>
      </c>
      <c r="I2151">
        <v>26270.400000000001</v>
      </c>
      <c r="J2151">
        <v>42.350200000000001</v>
      </c>
    </row>
    <row r="2152" spans="1:10" x14ac:dyDescent="0.25">
      <c r="A2152">
        <v>15</v>
      </c>
      <c r="B2152">
        <v>109.864</v>
      </c>
      <c r="C2152">
        <v>118.369</v>
      </c>
      <c r="D2152">
        <v>189.68700000000001</v>
      </c>
      <c r="E2152">
        <v>7370.08</v>
      </c>
      <c r="F2152">
        <v>11310.2</v>
      </c>
      <c r="G2152">
        <v>19785.8</v>
      </c>
      <c r="H2152">
        <v>3.4330699999999998</v>
      </c>
      <c r="I2152">
        <v>20995.5</v>
      </c>
      <c r="J2152">
        <v>43.244500000000002</v>
      </c>
    </row>
    <row r="2153" spans="1:10" x14ac:dyDescent="0.25">
      <c r="A2153">
        <v>15</v>
      </c>
      <c r="B2153">
        <v>108.919</v>
      </c>
      <c r="C2153">
        <v>123.709</v>
      </c>
      <c r="D2153">
        <v>189.68700000000001</v>
      </c>
      <c r="E2153">
        <v>7370.08</v>
      </c>
      <c r="F2153">
        <v>10800</v>
      </c>
      <c r="G2153">
        <v>21316.5</v>
      </c>
      <c r="H2153">
        <v>3.7401599999999999</v>
      </c>
      <c r="I2153">
        <v>20853.599999999999</v>
      </c>
      <c r="J2153">
        <v>87.036299999999997</v>
      </c>
    </row>
    <row r="2154" spans="1:10" x14ac:dyDescent="0.25">
      <c r="A2154">
        <v>15</v>
      </c>
      <c r="B2154">
        <v>108.446</v>
      </c>
      <c r="C2154">
        <v>119.625</v>
      </c>
      <c r="D2154">
        <v>190</v>
      </c>
      <c r="E2154">
        <v>7540.16</v>
      </c>
      <c r="F2154">
        <v>10800</v>
      </c>
      <c r="G2154">
        <v>22677.200000000001</v>
      </c>
      <c r="H2154">
        <v>1.1181099999999999</v>
      </c>
      <c r="I2154">
        <v>23689.3</v>
      </c>
      <c r="J2154">
        <v>41.958599999999997</v>
      </c>
    </row>
    <row r="2155" spans="1:10" x14ac:dyDescent="0.25">
      <c r="A2155">
        <v>15</v>
      </c>
      <c r="B2155">
        <v>108.446</v>
      </c>
      <c r="C2155">
        <v>118.369</v>
      </c>
      <c r="D2155">
        <v>189.68700000000001</v>
      </c>
      <c r="E2155">
        <v>9921.26</v>
      </c>
      <c r="F2155">
        <v>10800</v>
      </c>
      <c r="G2155">
        <v>19615.7</v>
      </c>
      <c r="H2155">
        <v>3.3622000000000001</v>
      </c>
      <c r="I2155">
        <v>23104.2</v>
      </c>
      <c r="J2155">
        <v>41.298000000000002</v>
      </c>
    </row>
    <row r="2156" spans="1:10" x14ac:dyDescent="0.25">
      <c r="A2156">
        <v>15</v>
      </c>
      <c r="B2156">
        <v>104.667</v>
      </c>
      <c r="C2156">
        <v>119.93899999999999</v>
      </c>
      <c r="D2156">
        <v>189.68700000000001</v>
      </c>
      <c r="E2156">
        <v>7200</v>
      </c>
      <c r="F2156">
        <v>10800</v>
      </c>
      <c r="G2156">
        <v>21316.5</v>
      </c>
      <c r="H2156">
        <v>2.1574800000000001</v>
      </c>
      <c r="I2156">
        <v>21296.7</v>
      </c>
      <c r="J2156">
        <v>54.712800000000001</v>
      </c>
    </row>
    <row r="2157" spans="1:10" x14ac:dyDescent="0.25">
      <c r="A2157">
        <v>15</v>
      </c>
      <c r="B2157">
        <v>109.39100000000001</v>
      </c>
      <c r="C2157">
        <v>119.625</v>
      </c>
      <c r="D2157">
        <v>189.68700000000001</v>
      </c>
      <c r="E2157">
        <v>7370.08</v>
      </c>
      <c r="F2157">
        <v>10800</v>
      </c>
      <c r="G2157">
        <v>21316.5</v>
      </c>
      <c r="H2157">
        <v>2.5118100000000001</v>
      </c>
      <c r="I2157">
        <v>20968.8</v>
      </c>
      <c r="J2157">
        <v>30.363499999999998</v>
      </c>
    </row>
    <row r="2158" spans="1:10" x14ac:dyDescent="0.25">
      <c r="A2158">
        <v>15</v>
      </c>
      <c r="B2158">
        <v>109.864</v>
      </c>
      <c r="C2158">
        <v>113.342</v>
      </c>
      <c r="D2158">
        <v>189.06</v>
      </c>
      <c r="E2158">
        <v>10091.299999999999</v>
      </c>
      <c r="F2158">
        <v>10800</v>
      </c>
      <c r="G2158">
        <v>28119.7</v>
      </c>
      <c r="H2158">
        <v>2.34646</v>
      </c>
      <c r="I2158">
        <v>23843.200000000001</v>
      </c>
      <c r="J2158">
        <v>35.649099999999997</v>
      </c>
    </row>
    <row r="2159" spans="1:10" x14ac:dyDescent="0.25">
      <c r="A2159">
        <v>15</v>
      </c>
      <c r="B2159">
        <v>108.919</v>
      </c>
      <c r="C2159">
        <v>119.625</v>
      </c>
      <c r="D2159">
        <v>189.68700000000001</v>
      </c>
      <c r="E2159">
        <v>7370.08</v>
      </c>
      <c r="F2159">
        <v>10800</v>
      </c>
      <c r="G2159">
        <v>22507.1</v>
      </c>
      <c r="H2159">
        <v>3.64567</v>
      </c>
      <c r="I2159">
        <v>20417.5</v>
      </c>
      <c r="J2159">
        <v>42.219099999999997</v>
      </c>
    </row>
    <row r="2160" spans="1:10" x14ac:dyDescent="0.25">
      <c r="A2160">
        <v>15</v>
      </c>
      <c r="B2160">
        <v>108.446</v>
      </c>
      <c r="C2160">
        <v>119.625</v>
      </c>
      <c r="D2160">
        <v>187.18</v>
      </c>
      <c r="E2160">
        <v>7370.08</v>
      </c>
      <c r="F2160">
        <v>10800</v>
      </c>
      <c r="G2160">
        <v>19955.900000000001</v>
      </c>
      <c r="H2160">
        <v>3.3858299999999999</v>
      </c>
      <c r="I2160">
        <v>20428.3</v>
      </c>
      <c r="J2160">
        <v>47.2727</v>
      </c>
    </row>
    <row r="2161" spans="1:10" x14ac:dyDescent="0.25">
      <c r="A2161">
        <v>15</v>
      </c>
      <c r="B2161">
        <v>109.39100000000001</v>
      </c>
      <c r="C2161">
        <v>119.625</v>
      </c>
      <c r="D2161">
        <v>189.68700000000001</v>
      </c>
      <c r="E2161">
        <v>7710.24</v>
      </c>
      <c r="F2161">
        <v>11820.5</v>
      </c>
      <c r="G2161">
        <v>19955.900000000001</v>
      </c>
      <c r="H2161">
        <v>1.92126</v>
      </c>
      <c r="I2161">
        <v>23192.3</v>
      </c>
      <c r="J2161">
        <v>22.1313</v>
      </c>
    </row>
    <row r="2162" spans="1:10" x14ac:dyDescent="0.25">
      <c r="A2162">
        <v>15</v>
      </c>
      <c r="B2162">
        <v>106.32</v>
      </c>
      <c r="C2162">
        <v>119.625</v>
      </c>
      <c r="D2162">
        <v>189.06</v>
      </c>
      <c r="E2162">
        <v>7370.08</v>
      </c>
      <c r="F2162">
        <v>10800</v>
      </c>
      <c r="G2162">
        <v>18595.3</v>
      </c>
      <c r="H2162">
        <v>1.5669299999999999</v>
      </c>
      <c r="I2162">
        <v>22414.7</v>
      </c>
      <c r="J2162">
        <v>32.9619</v>
      </c>
    </row>
    <row r="2163" spans="1:10" x14ac:dyDescent="0.25">
      <c r="A2163">
        <v>15</v>
      </c>
      <c r="B2163">
        <v>108.446</v>
      </c>
      <c r="C2163">
        <v>119.93899999999999</v>
      </c>
      <c r="D2163">
        <v>189.68700000000001</v>
      </c>
      <c r="E2163">
        <v>10091.299999999999</v>
      </c>
      <c r="F2163">
        <v>10800</v>
      </c>
      <c r="G2163">
        <v>18595.3</v>
      </c>
      <c r="H2163">
        <v>1.87402</v>
      </c>
      <c r="I2163">
        <v>24500.9</v>
      </c>
      <c r="J2163">
        <v>34.964300000000001</v>
      </c>
    </row>
    <row r="2164" spans="1:10" x14ac:dyDescent="0.25">
      <c r="A2164">
        <v>15</v>
      </c>
      <c r="B2164">
        <v>108.446</v>
      </c>
      <c r="C2164">
        <v>119.93899999999999</v>
      </c>
      <c r="D2164">
        <v>189.68700000000001</v>
      </c>
      <c r="E2164">
        <v>7370.08</v>
      </c>
      <c r="F2164">
        <v>10800</v>
      </c>
      <c r="G2164">
        <v>18425.2</v>
      </c>
      <c r="H2164">
        <v>3.4094500000000001</v>
      </c>
      <c r="I2164">
        <v>20404.5</v>
      </c>
      <c r="J2164">
        <v>45.049500000000002</v>
      </c>
    </row>
    <row r="2165" spans="1:10" x14ac:dyDescent="0.25">
      <c r="A2165">
        <v>15</v>
      </c>
      <c r="B2165">
        <v>108.446</v>
      </c>
      <c r="C2165">
        <v>118.369</v>
      </c>
      <c r="D2165">
        <v>190</v>
      </c>
      <c r="E2165">
        <v>10431.5</v>
      </c>
      <c r="F2165">
        <v>10800</v>
      </c>
      <c r="G2165">
        <v>19615.7</v>
      </c>
      <c r="H2165">
        <v>1.1181099999999999</v>
      </c>
      <c r="I2165">
        <v>26815.1</v>
      </c>
      <c r="J2165">
        <v>17.5837</v>
      </c>
    </row>
    <row r="2166" spans="1:10" x14ac:dyDescent="0.25">
      <c r="A2166">
        <v>15</v>
      </c>
      <c r="B2166">
        <v>108.919</v>
      </c>
      <c r="C2166">
        <v>118.369</v>
      </c>
      <c r="D2166">
        <v>189.68700000000001</v>
      </c>
      <c r="E2166">
        <v>10091.299999999999</v>
      </c>
      <c r="F2166">
        <v>10800</v>
      </c>
      <c r="G2166">
        <v>22677.200000000001</v>
      </c>
      <c r="H2166">
        <v>2.3228300000000002</v>
      </c>
      <c r="I2166">
        <v>23915.8</v>
      </c>
      <c r="J2166">
        <v>34.759599999999999</v>
      </c>
    </row>
    <row r="2167" spans="1:10" x14ac:dyDescent="0.25">
      <c r="A2167">
        <v>15</v>
      </c>
      <c r="B2167">
        <v>108.446</v>
      </c>
      <c r="C2167">
        <v>118.369</v>
      </c>
      <c r="D2167">
        <v>189.68700000000001</v>
      </c>
      <c r="E2167">
        <v>10431.5</v>
      </c>
      <c r="F2167">
        <v>10800</v>
      </c>
      <c r="G2167">
        <v>19955.900000000001</v>
      </c>
      <c r="H2167">
        <v>1.1181099999999999</v>
      </c>
      <c r="I2167">
        <v>26820.6</v>
      </c>
      <c r="J2167">
        <v>17.5837</v>
      </c>
    </row>
    <row r="2168" spans="1:10" x14ac:dyDescent="0.25">
      <c r="A2168">
        <v>15</v>
      </c>
      <c r="B2168">
        <v>108.919</v>
      </c>
      <c r="C2168">
        <v>119.625</v>
      </c>
      <c r="D2168">
        <v>189.68700000000001</v>
      </c>
      <c r="E2168">
        <v>9070.8700000000008</v>
      </c>
      <c r="F2168">
        <v>12840.9</v>
      </c>
      <c r="G2168">
        <v>18595.3</v>
      </c>
      <c r="H2168">
        <v>1.47244</v>
      </c>
      <c r="I2168">
        <v>26891.1</v>
      </c>
      <c r="J2168">
        <v>26.058599999999998</v>
      </c>
    </row>
    <row r="2169" spans="1:10" x14ac:dyDescent="0.25">
      <c r="A2169">
        <v>15</v>
      </c>
      <c r="B2169">
        <v>108.919</v>
      </c>
      <c r="C2169">
        <v>118.369</v>
      </c>
      <c r="D2169">
        <v>189.68700000000001</v>
      </c>
      <c r="E2169">
        <v>10091.299999999999</v>
      </c>
      <c r="F2169">
        <v>10800</v>
      </c>
      <c r="G2169">
        <v>19955.900000000001</v>
      </c>
      <c r="H2169">
        <v>1.02362</v>
      </c>
      <c r="I2169">
        <v>26540.400000000001</v>
      </c>
      <c r="J2169">
        <v>29.8155</v>
      </c>
    </row>
    <row r="2170" spans="1:10" x14ac:dyDescent="0.25">
      <c r="A2170">
        <v>15</v>
      </c>
      <c r="B2170">
        <v>105.139</v>
      </c>
      <c r="C2170">
        <v>119.93899999999999</v>
      </c>
      <c r="D2170">
        <v>189.68700000000001</v>
      </c>
      <c r="E2170">
        <v>7370.08</v>
      </c>
      <c r="F2170">
        <v>10800</v>
      </c>
      <c r="G2170">
        <v>18595.3</v>
      </c>
      <c r="H2170">
        <v>3.9291299999999998</v>
      </c>
      <c r="I2170">
        <v>20274.599999999999</v>
      </c>
      <c r="J2170">
        <v>49.951700000000002</v>
      </c>
    </row>
    <row r="2171" spans="1:10" x14ac:dyDescent="0.25">
      <c r="A2171">
        <v>15</v>
      </c>
      <c r="B2171">
        <v>109.39100000000001</v>
      </c>
      <c r="C2171">
        <v>119.625</v>
      </c>
      <c r="D2171">
        <v>187.18</v>
      </c>
      <c r="E2171">
        <v>10091.299999999999</v>
      </c>
      <c r="F2171">
        <v>10800</v>
      </c>
      <c r="G2171">
        <v>22677.200000000001</v>
      </c>
      <c r="H2171">
        <v>2.6299199999999998</v>
      </c>
      <c r="I2171">
        <v>23797.9</v>
      </c>
      <c r="J2171">
        <v>24.7011</v>
      </c>
    </row>
    <row r="2172" spans="1:10" x14ac:dyDescent="0.25">
      <c r="A2172">
        <v>15</v>
      </c>
      <c r="B2172">
        <v>108.446</v>
      </c>
      <c r="C2172">
        <v>118.369</v>
      </c>
      <c r="D2172">
        <v>189.68700000000001</v>
      </c>
      <c r="E2172">
        <v>9070.8700000000008</v>
      </c>
      <c r="F2172">
        <v>10800</v>
      </c>
      <c r="G2172">
        <v>19955.900000000001</v>
      </c>
      <c r="H2172">
        <v>1.1181099999999999</v>
      </c>
      <c r="I2172">
        <v>25492.7</v>
      </c>
      <c r="J2172">
        <v>31.481200000000001</v>
      </c>
    </row>
    <row r="2173" spans="1:10" x14ac:dyDescent="0.25">
      <c r="A2173">
        <v>15</v>
      </c>
      <c r="B2173">
        <v>108.446</v>
      </c>
      <c r="C2173">
        <v>119.625</v>
      </c>
      <c r="D2173">
        <v>189.68700000000001</v>
      </c>
      <c r="E2173">
        <v>10431.5</v>
      </c>
      <c r="F2173">
        <v>10800</v>
      </c>
      <c r="G2173">
        <v>19955.900000000001</v>
      </c>
      <c r="H2173">
        <v>1.7795300000000001</v>
      </c>
      <c r="I2173">
        <v>24768.5</v>
      </c>
      <c r="J2173">
        <v>19.604500000000002</v>
      </c>
    </row>
    <row r="2174" spans="1:10" x14ac:dyDescent="0.25">
      <c r="A2174">
        <v>15</v>
      </c>
      <c r="B2174">
        <v>109.628</v>
      </c>
      <c r="C2174">
        <v>119.625</v>
      </c>
      <c r="D2174">
        <v>189.68700000000001</v>
      </c>
      <c r="E2174">
        <v>10091.299999999999</v>
      </c>
      <c r="F2174">
        <v>10800</v>
      </c>
      <c r="G2174">
        <v>22677.200000000001</v>
      </c>
      <c r="H2174">
        <v>1.1653500000000001</v>
      </c>
      <c r="I2174">
        <v>26100.799999999999</v>
      </c>
      <c r="J2174">
        <v>19.858699999999999</v>
      </c>
    </row>
    <row r="2175" spans="1:10" x14ac:dyDescent="0.25">
      <c r="A2175">
        <v>15</v>
      </c>
      <c r="B2175">
        <v>109.155</v>
      </c>
      <c r="C2175">
        <v>118.369</v>
      </c>
      <c r="D2175">
        <v>186.553</v>
      </c>
      <c r="E2175">
        <v>7370.08</v>
      </c>
      <c r="F2175">
        <v>10800</v>
      </c>
      <c r="G2175">
        <v>21316.5</v>
      </c>
      <c r="H2175">
        <v>2.0393699999999999</v>
      </c>
      <c r="I2175">
        <v>21590.5</v>
      </c>
      <c r="J2175">
        <v>42.427500000000002</v>
      </c>
    </row>
    <row r="2176" spans="1:10" x14ac:dyDescent="0.25">
      <c r="A2176">
        <v>15</v>
      </c>
      <c r="B2176">
        <v>108.919</v>
      </c>
      <c r="C2176">
        <v>118.369</v>
      </c>
      <c r="D2176">
        <v>189.68700000000001</v>
      </c>
      <c r="E2176">
        <v>10431.5</v>
      </c>
      <c r="F2176">
        <v>11310.2</v>
      </c>
      <c r="G2176">
        <v>19955.900000000001</v>
      </c>
      <c r="H2176">
        <v>1.92126</v>
      </c>
      <c r="I2176">
        <v>25188.5</v>
      </c>
      <c r="J2176">
        <v>42.369100000000003</v>
      </c>
    </row>
    <row r="2177" spans="1:10" x14ac:dyDescent="0.25">
      <c r="A2177">
        <v>15</v>
      </c>
      <c r="B2177">
        <v>108.68300000000001</v>
      </c>
      <c r="C2177">
        <v>118.369</v>
      </c>
      <c r="D2177">
        <v>190</v>
      </c>
      <c r="E2177">
        <v>10091.299999999999</v>
      </c>
      <c r="F2177">
        <v>10800</v>
      </c>
      <c r="G2177">
        <v>19955.900000000001</v>
      </c>
      <c r="H2177">
        <v>1.40157</v>
      </c>
      <c r="I2177">
        <v>25363.200000000001</v>
      </c>
      <c r="J2177">
        <v>18.910900000000002</v>
      </c>
    </row>
    <row r="2178" spans="1:10" x14ac:dyDescent="0.25">
      <c r="A2178">
        <v>15</v>
      </c>
      <c r="B2178">
        <v>110.1</v>
      </c>
      <c r="C2178">
        <v>113.342</v>
      </c>
      <c r="D2178">
        <v>189.68700000000001</v>
      </c>
      <c r="E2178">
        <v>10431.5</v>
      </c>
      <c r="F2178">
        <v>10800</v>
      </c>
      <c r="G2178">
        <v>18595.3</v>
      </c>
      <c r="H2178">
        <v>2.79528</v>
      </c>
      <c r="I2178">
        <v>23865.200000000001</v>
      </c>
      <c r="J2178">
        <v>37.068100000000001</v>
      </c>
    </row>
    <row r="2179" spans="1:10" x14ac:dyDescent="0.25">
      <c r="A2179">
        <v>15</v>
      </c>
      <c r="B2179">
        <v>109.155</v>
      </c>
      <c r="C2179">
        <v>128.422</v>
      </c>
      <c r="D2179">
        <v>189.68700000000001</v>
      </c>
      <c r="E2179">
        <v>7370.08</v>
      </c>
      <c r="F2179">
        <v>10800</v>
      </c>
      <c r="G2179">
        <v>21316.5</v>
      </c>
      <c r="H2179">
        <v>3.6929099999999999</v>
      </c>
      <c r="I2179">
        <v>20374.099999999999</v>
      </c>
      <c r="J2179">
        <v>117.334</v>
      </c>
    </row>
    <row r="2180" spans="1:10" x14ac:dyDescent="0.25">
      <c r="A2180">
        <v>15</v>
      </c>
      <c r="B2180">
        <v>108.446</v>
      </c>
      <c r="C2180">
        <v>117.74</v>
      </c>
      <c r="D2180">
        <v>189.68700000000001</v>
      </c>
      <c r="E2180">
        <v>9921.26</v>
      </c>
      <c r="F2180">
        <v>10800</v>
      </c>
      <c r="G2180">
        <v>18595.3</v>
      </c>
      <c r="H2180">
        <v>1.1653500000000001</v>
      </c>
      <c r="I2180">
        <v>25881.9</v>
      </c>
      <c r="J2180">
        <v>18.015799999999999</v>
      </c>
    </row>
    <row r="2181" spans="1:10" x14ac:dyDescent="0.25">
      <c r="A2181">
        <v>15</v>
      </c>
      <c r="B2181">
        <v>109.39100000000001</v>
      </c>
      <c r="C2181">
        <v>119.625</v>
      </c>
      <c r="D2181">
        <v>187.18</v>
      </c>
      <c r="E2181">
        <v>9921.26</v>
      </c>
      <c r="F2181">
        <v>10800</v>
      </c>
      <c r="G2181">
        <v>22677.200000000001</v>
      </c>
      <c r="H2181">
        <v>1.1653500000000001</v>
      </c>
      <c r="I2181">
        <v>26043.4</v>
      </c>
      <c r="J2181">
        <v>18.639700000000001</v>
      </c>
    </row>
    <row r="2182" spans="1:10" x14ac:dyDescent="0.25">
      <c r="A2182">
        <v>15</v>
      </c>
      <c r="B2182">
        <v>108.919</v>
      </c>
      <c r="C2182">
        <v>119.93899999999999</v>
      </c>
      <c r="D2182">
        <v>189.68700000000001</v>
      </c>
      <c r="E2182">
        <v>7370.08</v>
      </c>
      <c r="F2182">
        <v>10800</v>
      </c>
      <c r="G2182">
        <v>18425.2</v>
      </c>
      <c r="H2182">
        <v>3.7401599999999999</v>
      </c>
      <c r="I2182">
        <v>20265.099999999999</v>
      </c>
      <c r="J2182">
        <v>40.998399999999997</v>
      </c>
    </row>
    <row r="2183" spans="1:10" x14ac:dyDescent="0.25">
      <c r="A2183">
        <v>15</v>
      </c>
      <c r="B2183">
        <v>108.919</v>
      </c>
      <c r="C2183">
        <v>119.93899999999999</v>
      </c>
      <c r="D2183">
        <v>189.68700000000001</v>
      </c>
      <c r="E2183">
        <v>7370.08</v>
      </c>
      <c r="F2183">
        <v>10800</v>
      </c>
      <c r="G2183">
        <v>18595.3</v>
      </c>
      <c r="H2183">
        <v>3.64567</v>
      </c>
      <c r="I2183">
        <v>20295.7</v>
      </c>
      <c r="J2183">
        <v>40.435200000000002</v>
      </c>
    </row>
    <row r="2184" spans="1:10" x14ac:dyDescent="0.25">
      <c r="A2184">
        <v>15</v>
      </c>
      <c r="B2184">
        <v>110.1</v>
      </c>
      <c r="C2184">
        <v>113.342</v>
      </c>
      <c r="D2184">
        <v>189.06</v>
      </c>
      <c r="E2184">
        <v>7370.08</v>
      </c>
      <c r="F2184">
        <v>10800</v>
      </c>
      <c r="G2184">
        <v>22677.200000000001</v>
      </c>
      <c r="H2184">
        <v>1.6850400000000001</v>
      </c>
      <c r="I2184">
        <v>22188.799999999999</v>
      </c>
      <c r="J2184">
        <v>52.805</v>
      </c>
    </row>
    <row r="2185" spans="1:10" x14ac:dyDescent="0.25">
      <c r="A2185">
        <v>15</v>
      </c>
      <c r="B2185">
        <v>108.446</v>
      </c>
      <c r="C2185">
        <v>119.625</v>
      </c>
      <c r="D2185">
        <v>189.68700000000001</v>
      </c>
      <c r="E2185">
        <v>7710.24</v>
      </c>
      <c r="F2185">
        <v>10800</v>
      </c>
      <c r="G2185">
        <v>9070.8700000000008</v>
      </c>
      <c r="H2185">
        <v>1.4960599999999999</v>
      </c>
      <c r="I2185">
        <v>22707.3</v>
      </c>
      <c r="J2185">
        <v>33.694800000000001</v>
      </c>
    </row>
    <row r="2186" spans="1:10" x14ac:dyDescent="0.25">
      <c r="A2186">
        <v>15</v>
      </c>
      <c r="B2186">
        <v>105.139</v>
      </c>
      <c r="C2186">
        <v>119.93899999999999</v>
      </c>
      <c r="D2186">
        <v>189.68700000000001</v>
      </c>
      <c r="E2186">
        <v>7370.08</v>
      </c>
      <c r="F2186">
        <v>10800</v>
      </c>
      <c r="G2186">
        <v>21316.5</v>
      </c>
      <c r="H2186">
        <v>3.7401599999999999</v>
      </c>
      <c r="I2186">
        <v>20383.3</v>
      </c>
      <c r="J2186">
        <v>41.114600000000003</v>
      </c>
    </row>
    <row r="2187" spans="1:10" x14ac:dyDescent="0.25">
      <c r="A2187">
        <v>15</v>
      </c>
      <c r="B2187">
        <v>109.39100000000001</v>
      </c>
      <c r="C2187">
        <v>119.625</v>
      </c>
      <c r="D2187">
        <v>189.68700000000001</v>
      </c>
      <c r="E2187">
        <v>7710.24</v>
      </c>
      <c r="F2187">
        <v>11310.2</v>
      </c>
      <c r="G2187">
        <v>22677.200000000001</v>
      </c>
      <c r="H2187">
        <v>3.3858299999999999</v>
      </c>
      <c r="I2187">
        <v>21220.6</v>
      </c>
      <c r="J2187">
        <v>52.652000000000001</v>
      </c>
    </row>
    <row r="2188" spans="1:10" x14ac:dyDescent="0.25">
      <c r="A2188">
        <v>15</v>
      </c>
      <c r="B2188">
        <v>108.919</v>
      </c>
      <c r="C2188">
        <v>118.369</v>
      </c>
      <c r="D2188">
        <v>189.68700000000001</v>
      </c>
      <c r="E2188">
        <v>8730.7099999999991</v>
      </c>
      <c r="F2188">
        <v>10800</v>
      </c>
      <c r="G2188">
        <v>22677.200000000001</v>
      </c>
      <c r="H2188">
        <v>2.34646</v>
      </c>
      <c r="I2188">
        <v>22538.3</v>
      </c>
      <c r="J2188">
        <v>34.561799999999998</v>
      </c>
    </row>
    <row r="2189" spans="1:10" x14ac:dyDescent="0.25">
      <c r="A2189">
        <v>15</v>
      </c>
      <c r="B2189">
        <v>109.155</v>
      </c>
      <c r="C2189">
        <v>128.73599999999999</v>
      </c>
      <c r="D2189">
        <v>189.68700000000001</v>
      </c>
      <c r="E2189">
        <v>7370.08</v>
      </c>
      <c r="F2189">
        <v>10800</v>
      </c>
      <c r="G2189">
        <v>19785.8</v>
      </c>
      <c r="H2189">
        <v>3.4094500000000001</v>
      </c>
      <c r="I2189">
        <v>20964.3</v>
      </c>
      <c r="J2189">
        <v>27.779299999999999</v>
      </c>
    </row>
    <row r="2190" spans="1:10" x14ac:dyDescent="0.25">
      <c r="A2190">
        <v>15</v>
      </c>
      <c r="B2190">
        <v>108.446</v>
      </c>
      <c r="C2190">
        <v>119.625</v>
      </c>
      <c r="D2190">
        <v>187.49299999999999</v>
      </c>
      <c r="E2190">
        <v>10091.299999999999</v>
      </c>
      <c r="F2190">
        <v>10800</v>
      </c>
      <c r="G2190">
        <v>19615.7</v>
      </c>
      <c r="H2190">
        <v>1.1653500000000001</v>
      </c>
      <c r="I2190">
        <v>25955.3</v>
      </c>
      <c r="J2190">
        <v>19.143799999999999</v>
      </c>
    </row>
    <row r="2191" spans="1:10" x14ac:dyDescent="0.25">
      <c r="A2191">
        <v>15</v>
      </c>
      <c r="B2191">
        <v>110.1</v>
      </c>
      <c r="C2191">
        <v>113.342</v>
      </c>
      <c r="D2191">
        <v>189.68700000000001</v>
      </c>
      <c r="E2191">
        <v>7370.08</v>
      </c>
      <c r="F2191">
        <v>10800</v>
      </c>
      <c r="G2191">
        <v>21316.5</v>
      </c>
      <c r="H2191">
        <v>2.9842499999999998</v>
      </c>
      <c r="I2191">
        <v>20812.3</v>
      </c>
      <c r="J2191">
        <v>67.846900000000005</v>
      </c>
    </row>
    <row r="2192" spans="1:10" x14ac:dyDescent="0.25">
      <c r="A2192">
        <v>15</v>
      </c>
      <c r="B2192">
        <v>109.864</v>
      </c>
      <c r="C2192">
        <v>119.625</v>
      </c>
      <c r="D2192">
        <v>189.68700000000001</v>
      </c>
      <c r="E2192">
        <v>7370.08</v>
      </c>
      <c r="F2192">
        <v>10800</v>
      </c>
      <c r="G2192">
        <v>10431.5</v>
      </c>
      <c r="H2192">
        <v>2.6063000000000001</v>
      </c>
      <c r="I2192">
        <v>20965.8</v>
      </c>
      <c r="J2192">
        <v>31.6509</v>
      </c>
    </row>
    <row r="2193" spans="1:10" x14ac:dyDescent="0.25">
      <c r="A2193">
        <v>15</v>
      </c>
      <c r="B2193">
        <v>108.446</v>
      </c>
      <c r="C2193">
        <v>119.625</v>
      </c>
      <c r="D2193">
        <v>189.68700000000001</v>
      </c>
      <c r="E2193">
        <v>9070.8700000000008</v>
      </c>
      <c r="F2193">
        <v>10800</v>
      </c>
      <c r="G2193">
        <v>19955.900000000001</v>
      </c>
      <c r="H2193">
        <v>1.4960599999999999</v>
      </c>
      <c r="I2193">
        <v>24098.3</v>
      </c>
      <c r="J2193">
        <v>19.2303</v>
      </c>
    </row>
    <row r="2194" spans="1:10" x14ac:dyDescent="0.25">
      <c r="A2194">
        <v>15</v>
      </c>
      <c r="B2194">
        <v>109.155</v>
      </c>
      <c r="C2194">
        <v>119.625</v>
      </c>
      <c r="D2194">
        <v>189.68700000000001</v>
      </c>
      <c r="E2194">
        <v>10091.299999999999</v>
      </c>
      <c r="F2194">
        <v>10800</v>
      </c>
      <c r="G2194">
        <v>19955.900000000001</v>
      </c>
      <c r="H2194">
        <v>2.9133900000000001</v>
      </c>
      <c r="I2194">
        <v>23458.7</v>
      </c>
      <c r="J2194">
        <v>48.275700000000001</v>
      </c>
    </row>
    <row r="2195" spans="1:10" x14ac:dyDescent="0.25">
      <c r="A2195">
        <v>15</v>
      </c>
      <c r="B2195">
        <v>108.446</v>
      </c>
      <c r="C2195">
        <v>118.68300000000001</v>
      </c>
      <c r="D2195">
        <v>190</v>
      </c>
      <c r="E2195">
        <v>10091.299999999999</v>
      </c>
      <c r="F2195">
        <v>10800</v>
      </c>
      <c r="G2195">
        <v>19955.900000000001</v>
      </c>
      <c r="H2195">
        <v>1.87402</v>
      </c>
      <c r="I2195">
        <v>24446.6</v>
      </c>
      <c r="J2195">
        <v>34.158299999999997</v>
      </c>
    </row>
    <row r="2196" spans="1:10" x14ac:dyDescent="0.25">
      <c r="A2196">
        <v>15</v>
      </c>
      <c r="B2196">
        <v>108.446</v>
      </c>
      <c r="C2196">
        <v>119.625</v>
      </c>
      <c r="D2196">
        <v>189.68700000000001</v>
      </c>
      <c r="E2196">
        <v>7370.08</v>
      </c>
      <c r="F2196">
        <v>10800</v>
      </c>
      <c r="G2196">
        <v>18595.3</v>
      </c>
      <c r="H2196">
        <v>3.64567</v>
      </c>
      <c r="I2196">
        <v>20308.900000000001</v>
      </c>
      <c r="J2196">
        <v>48.999000000000002</v>
      </c>
    </row>
    <row r="2197" spans="1:10" x14ac:dyDescent="0.25">
      <c r="A2197">
        <v>15</v>
      </c>
      <c r="B2197">
        <v>108.68300000000001</v>
      </c>
      <c r="C2197">
        <v>127.794</v>
      </c>
      <c r="D2197">
        <v>189.68700000000001</v>
      </c>
      <c r="E2197">
        <v>7200</v>
      </c>
      <c r="F2197">
        <v>10800</v>
      </c>
      <c r="G2197">
        <v>22507.1</v>
      </c>
      <c r="H2197">
        <v>3.4094500000000001</v>
      </c>
      <c r="I2197">
        <v>20692.5</v>
      </c>
      <c r="J2197">
        <v>117.827</v>
      </c>
    </row>
    <row r="2198" spans="1:10" x14ac:dyDescent="0.25">
      <c r="A2198">
        <v>15</v>
      </c>
      <c r="B2198">
        <v>109.864</v>
      </c>
      <c r="C2198">
        <v>118.369</v>
      </c>
      <c r="D2198">
        <v>189.68700000000001</v>
      </c>
      <c r="E2198">
        <v>7710.24</v>
      </c>
      <c r="F2198">
        <v>10800</v>
      </c>
      <c r="G2198">
        <v>9070.8700000000008</v>
      </c>
      <c r="H2198">
        <v>2.6063000000000001</v>
      </c>
      <c r="I2198">
        <v>21331.599999999999</v>
      </c>
      <c r="J2198">
        <v>36.486499999999999</v>
      </c>
    </row>
    <row r="2199" spans="1:10" x14ac:dyDescent="0.25">
      <c r="A2199">
        <v>15</v>
      </c>
      <c r="B2199">
        <v>108.919</v>
      </c>
      <c r="C2199">
        <v>119.625</v>
      </c>
      <c r="D2199">
        <v>189.68700000000001</v>
      </c>
      <c r="E2199">
        <v>7710.24</v>
      </c>
      <c r="F2199">
        <v>10800</v>
      </c>
      <c r="G2199">
        <v>19955.900000000001</v>
      </c>
      <c r="H2199">
        <v>3.00787</v>
      </c>
      <c r="I2199">
        <v>20919</v>
      </c>
      <c r="J2199">
        <v>36.4435</v>
      </c>
    </row>
    <row r="2200" spans="1:10" x14ac:dyDescent="0.25">
      <c r="A2200">
        <v>15</v>
      </c>
      <c r="B2200">
        <v>109.155</v>
      </c>
      <c r="C2200">
        <v>118.369</v>
      </c>
      <c r="D2200">
        <v>189.68700000000001</v>
      </c>
      <c r="E2200">
        <v>10091.299999999999</v>
      </c>
      <c r="F2200">
        <v>10800</v>
      </c>
      <c r="G2200">
        <v>19955.900000000001</v>
      </c>
      <c r="H2200">
        <v>1.40157</v>
      </c>
      <c r="I2200">
        <v>25253.200000000001</v>
      </c>
      <c r="J2200">
        <v>18.960899999999999</v>
      </c>
    </row>
    <row r="2201" spans="1:10" x14ac:dyDescent="0.25">
      <c r="A2201">
        <v>15</v>
      </c>
      <c r="B2201">
        <v>109.155</v>
      </c>
      <c r="C2201">
        <v>118.369</v>
      </c>
      <c r="D2201">
        <v>189.68700000000001</v>
      </c>
      <c r="E2201">
        <v>10091.299999999999</v>
      </c>
      <c r="F2201">
        <v>10800</v>
      </c>
      <c r="G2201">
        <v>19955.900000000001</v>
      </c>
      <c r="H2201">
        <v>1.40157</v>
      </c>
      <c r="I2201">
        <v>25253.200000000001</v>
      </c>
      <c r="J2201">
        <v>18.960899999999999</v>
      </c>
    </row>
    <row r="2202" spans="1:10" x14ac:dyDescent="0.25">
      <c r="A2202">
        <v>15</v>
      </c>
      <c r="B2202">
        <v>109.155</v>
      </c>
      <c r="C2202">
        <v>128.73599999999999</v>
      </c>
      <c r="D2202">
        <v>189.68700000000001</v>
      </c>
      <c r="E2202">
        <v>7370.08</v>
      </c>
      <c r="F2202">
        <v>10800</v>
      </c>
      <c r="G2202">
        <v>19785.8</v>
      </c>
      <c r="H2202">
        <v>3.4094500000000001</v>
      </c>
      <c r="I2202">
        <v>20964.3</v>
      </c>
      <c r="J2202">
        <v>27.779299999999999</v>
      </c>
    </row>
    <row r="2203" spans="1:10" x14ac:dyDescent="0.25">
      <c r="A2203">
        <v>15</v>
      </c>
      <c r="B2203">
        <v>108.68300000000001</v>
      </c>
      <c r="C2203">
        <v>118.369</v>
      </c>
      <c r="D2203">
        <v>190</v>
      </c>
      <c r="E2203">
        <v>10091.299999999999</v>
      </c>
      <c r="F2203">
        <v>10800</v>
      </c>
      <c r="G2203">
        <v>19955.900000000001</v>
      </c>
      <c r="H2203">
        <v>1.40157</v>
      </c>
      <c r="I2203">
        <v>25363.200000000001</v>
      </c>
      <c r="J2203">
        <v>18.910900000000002</v>
      </c>
    </row>
    <row r="2204" spans="1:10" x14ac:dyDescent="0.25">
      <c r="A2204">
        <v>15</v>
      </c>
      <c r="B2204">
        <v>105.848</v>
      </c>
      <c r="C2204">
        <v>114.913</v>
      </c>
      <c r="D2204">
        <v>189.06</v>
      </c>
      <c r="E2204">
        <v>7710.24</v>
      </c>
      <c r="F2204">
        <v>14881.9</v>
      </c>
      <c r="G2204">
        <v>22677.200000000001</v>
      </c>
      <c r="H2204">
        <v>1.09449</v>
      </c>
      <c r="I2204">
        <v>28153.9</v>
      </c>
      <c r="J2204">
        <v>16.915900000000001</v>
      </c>
    </row>
    <row r="2205" spans="1:10" x14ac:dyDescent="0.25">
      <c r="A2205">
        <v>15</v>
      </c>
      <c r="B2205">
        <v>102.777</v>
      </c>
      <c r="C2205">
        <v>123.081</v>
      </c>
      <c r="D2205">
        <v>182.47900000000001</v>
      </c>
      <c r="E2205">
        <v>7200</v>
      </c>
      <c r="F2205">
        <v>10800</v>
      </c>
      <c r="G2205">
        <v>19955.900000000001</v>
      </c>
      <c r="H2205">
        <v>3.7637800000000001</v>
      </c>
      <c r="I2205">
        <v>20089.900000000001</v>
      </c>
      <c r="J2205">
        <v>33.581899999999997</v>
      </c>
    </row>
    <row r="2206" spans="1:10" x14ac:dyDescent="0.25">
      <c r="A2206">
        <v>15</v>
      </c>
      <c r="B2206">
        <v>109.39100000000001</v>
      </c>
      <c r="C2206">
        <v>118.369</v>
      </c>
      <c r="D2206">
        <v>189.68700000000001</v>
      </c>
      <c r="E2206">
        <v>7710.24</v>
      </c>
      <c r="F2206">
        <v>11310.2</v>
      </c>
      <c r="G2206">
        <v>19955.900000000001</v>
      </c>
      <c r="H2206">
        <v>1.92126</v>
      </c>
      <c r="I2206">
        <v>22527.200000000001</v>
      </c>
      <c r="J2206">
        <v>21.841100000000001</v>
      </c>
    </row>
    <row r="2207" spans="1:10" x14ac:dyDescent="0.25">
      <c r="A2207">
        <v>15</v>
      </c>
      <c r="B2207">
        <v>102.777</v>
      </c>
      <c r="C2207">
        <v>123.081</v>
      </c>
      <c r="D2207">
        <v>182.47900000000001</v>
      </c>
      <c r="E2207">
        <v>7200</v>
      </c>
      <c r="F2207">
        <v>10800</v>
      </c>
      <c r="G2207">
        <v>19955.900000000001</v>
      </c>
      <c r="H2207">
        <v>3.7637800000000001</v>
      </c>
      <c r="I2207">
        <v>20089.900000000001</v>
      </c>
      <c r="J2207">
        <v>33.581899999999997</v>
      </c>
    </row>
    <row r="2208" spans="1:10" x14ac:dyDescent="0.25">
      <c r="A2208">
        <v>15</v>
      </c>
      <c r="B2208">
        <v>109.39100000000001</v>
      </c>
      <c r="C2208">
        <v>118.369</v>
      </c>
      <c r="D2208">
        <v>189.68700000000001</v>
      </c>
      <c r="E2208">
        <v>7710.24</v>
      </c>
      <c r="F2208">
        <v>11310.2</v>
      </c>
      <c r="G2208">
        <v>19955.900000000001</v>
      </c>
      <c r="H2208">
        <v>1.92126</v>
      </c>
      <c r="I2208">
        <v>22527.200000000001</v>
      </c>
      <c r="J2208">
        <v>21.841100000000001</v>
      </c>
    </row>
    <row r="2209" spans="1:10" x14ac:dyDescent="0.25">
      <c r="A2209">
        <v>15</v>
      </c>
      <c r="B2209">
        <v>105.848</v>
      </c>
      <c r="C2209">
        <v>114.913</v>
      </c>
      <c r="D2209">
        <v>189.06</v>
      </c>
      <c r="E2209">
        <v>7710.24</v>
      </c>
      <c r="F2209">
        <v>14881.9</v>
      </c>
      <c r="G2209">
        <v>22677.200000000001</v>
      </c>
      <c r="H2209">
        <v>1.09449</v>
      </c>
      <c r="I2209">
        <v>28153.9</v>
      </c>
      <c r="J2209">
        <v>16.915900000000001</v>
      </c>
    </row>
    <row r="2210" spans="1:10" x14ac:dyDescent="0.25">
      <c r="A2210">
        <v>15</v>
      </c>
      <c r="B2210">
        <v>102.777</v>
      </c>
      <c r="C2210">
        <v>123.081</v>
      </c>
      <c r="D2210">
        <v>182.47900000000001</v>
      </c>
      <c r="E2210">
        <v>7200</v>
      </c>
      <c r="F2210">
        <v>10800</v>
      </c>
      <c r="G2210">
        <v>19955.900000000001</v>
      </c>
      <c r="H2210">
        <v>3.7637800000000001</v>
      </c>
      <c r="I2210">
        <v>20089.900000000001</v>
      </c>
      <c r="J2210">
        <v>33.581899999999997</v>
      </c>
    </row>
    <row r="2211" spans="1:10" x14ac:dyDescent="0.25">
      <c r="A2211">
        <v>15</v>
      </c>
      <c r="B2211">
        <v>105.848</v>
      </c>
      <c r="C2211">
        <v>114.913</v>
      </c>
      <c r="D2211">
        <v>189.06</v>
      </c>
      <c r="E2211">
        <v>7710.24</v>
      </c>
      <c r="F2211">
        <v>14881.9</v>
      </c>
      <c r="G2211">
        <v>22677.200000000001</v>
      </c>
      <c r="H2211">
        <v>1.09449</v>
      </c>
      <c r="I2211">
        <v>28153.9</v>
      </c>
      <c r="J2211">
        <v>16.915900000000001</v>
      </c>
    </row>
    <row r="2212" spans="1:10" x14ac:dyDescent="0.25">
      <c r="A2212">
        <v>15</v>
      </c>
      <c r="B2212">
        <v>109.39100000000001</v>
      </c>
      <c r="C2212">
        <v>118.369</v>
      </c>
      <c r="D2212">
        <v>189.68700000000001</v>
      </c>
      <c r="E2212">
        <v>7710.24</v>
      </c>
      <c r="F2212">
        <v>11310.2</v>
      </c>
      <c r="G2212">
        <v>19955.900000000001</v>
      </c>
      <c r="H2212">
        <v>1.92126</v>
      </c>
      <c r="I2212">
        <v>22527.200000000001</v>
      </c>
      <c r="J2212">
        <v>21.841100000000001</v>
      </c>
    </row>
    <row r="2213" spans="1:10" x14ac:dyDescent="0.25">
      <c r="A2213">
        <v>15</v>
      </c>
      <c r="B2213">
        <v>102.777</v>
      </c>
      <c r="C2213">
        <v>123.081</v>
      </c>
      <c r="D2213">
        <v>182.47900000000001</v>
      </c>
      <c r="E2213">
        <v>7200</v>
      </c>
      <c r="F2213">
        <v>10800</v>
      </c>
      <c r="G2213">
        <v>19955.900000000001</v>
      </c>
      <c r="H2213">
        <v>3.7637800000000001</v>
      </c>
      <c r="I2213">
        <v>20089.900000000001</v>
      </c>
      <c r="J2213">
        <v>33.581899999999997</v>
      </c>
    </row>
    <row r="2214" spans="1:10" x14ac:dyDescent="0.25">
      <c r="A2214">
        <v>15</v>
      </c>
      <c r="B2214">
        <v>105.848</v>
      </c>
      <c r="C2214">
        <v>114.913</v>
      </c>
      <c r="D2214">
        <v>189.06</v>
      </c>
      <c r="E2214">
        <v>7710.24</v>
      </c>
      <c r="F2214">
        <v>14881.9</v>
      </c>
      <c r="G2214">
        <v>22677.200000000001</v>
      </c>
      <c r="H2214">
        <v>1.09449</v>
      </c>
      <c r="I2214">
        <v>28153.9</v>
      </c>
      <c r="J2214">
        <v>16.915900000000001</v>
      </c>
    </row>
    <row r="2215" spans="1:10" x14ac:dyDescent="0.25">
      <c r="A2215">
        <v>15</v>
      </c>
      <c r="B2215">
        <v>109.39100000000001</v>
      </c>
      <c r="C2215">
        <v>118.369</v>
      </c>
      <c r="D2215">
        <v>189.68700000000001</v>
      </c>
      <c r="E2215">
        <v>7710.24</v>
      </c>
      <c r="F2215">
        <v>11310.2</v>
      </c>
      <c r="G2215">
        <v>19955.900000000001</v>
      </c>
      <c r="H2215">
        <v>1.92126</v>
      </c>
      <c r="I2215">
        <v>22527.200000000001</v>
      </c>
      <c r="J2215">
        <v>21.841100000000001</v>
      </c>
    </row>
    <row r="2216" spans="1:10" x14ac:dyDescent="0.25">
      <c r="A2216">
        <v>15</v>
      </c>
      <c r="B2216">
        <v>102.777</v>
      </c>
      <c r="C2216">
        <v>123.081</v>
      </c>
      <c r="D2216">
        <v>182.47900000000001</v>
      </c>
      <c r="E2216">
        <v>7200</v>
      </c>
      <c r="F2216">
        <v>10800</v>
      </c>
      <c r="G2216">
        <v>19955.900000000001</v>
      </c>
      <c r="H2216">
        <v>3.7637800000000001</v>
      </c>
      <c r="I2216">
        <v>20089.900000000001</v>
      </c>
      <c r="J2216">
        <v>33.581899999999997</v>
      </c>
    </row>
    <row r="2217" spans="1:10" x14ac:dyDescent="0.25">
      <c r="A2217">
        <v>15</v>
      </c>
      <c r="B2217">
        <v>102.777</v>
      </c>
      <c r="C2217">
        <v>123.081</v>
      </c>
      <c r="D2217">
        <v>182.47900000000001</v>
      </c>
      <c r="E2217">
        <v>7200</v>
      </c>
      <c r="F2217">
        <v>10800</v>
      </c>
      <c r="G2217">
        <v>19955.900000000001</v>
      </c>
      <c r="H2217">
        <v>3.7637800000000001</v>
      </c>
      <c r="I2217">
        <v>20089.900000000001</v>
      </c>
      <c r="J2217">
        <v>33.581899999999997</v>
      </c>
    </row>
    <row r="2218" spans="1:10" x14ac:dyDescent="0.25">
      <c r="A2218">
        <v>15</v>
      </c>
      <c r="B2218">
        <v>109.39100000000001</v>
      </c>
      <c r="C2218">
        <v>118.369</v>
      </c>
      <c r="D2218">
        <v>189.68700000000001</v>
      </c>
      <c r="E2218">
        <v>7710.24</v>
      </c>
      <c r="F2218">
        <v>11310.2</v>
      </c>
      <c r="G2218">
        <v>19955.900000000001</v>
      </c>
      <c r="H2218">
        <v>1.92126</v>
      </c>
      <c r="I2218">
        <v>22527.200000000001</v>
      </c>
      <c r="J2218">
        <v>21.841100000000001</v>
      </c>
    </row>
    <row r="2219" spans="1:10" x14ac:dyDescent="0.25">
      <c r="A2219">
        <v>15</v>
      </c>
      <c r="B2219">
        <v>102.777</v>
      </c>
      <c r="C2219">
        <v>123.081</v>
      </c>
      <c r="D2219">
        <v>182.47900000000001</v>
      </c>
      <c r="E2219">
        <v>7200</v>
      </c>
      <c r="F2219">
        <v>10800</v>
      </c>
      <c r="G2219">
        <v>19955.900000000001</v>
      </c>
      <c r="H2219">
        <v>3.7637800000000001</v>
      </c>
      <c r="I2219">
        <v>20089.900000000001</v>
      </c>
      <c r="J2219">
        <v>33.581899999999997</v>
      </c>
    </row>
    <row r="2220" spans="1:10" x14ac:dyDescent="0.25">
      <c r="A2220">
        <v>15</v>
      </c>
      <c r="B2220">
        <v>102.777</v>
      </c>
      <c r="C2220">
        <v>123.081</v>
      </c>
      <c r="D2220">
        <v>182.47900000000001</v>
      </c>
      <c r="E2220">
        <v>7200</v>
      </c>
      <c r="F2220">
        <v>10800</v>
      </c>
      <c r="G2220">
        <v>19955.900000000001</v>
      </c>
      <c r="H2220">
        <v>3.7637800000000001</v>
      </c>
      <c r="I2220">
        <v>20089.900000000001</v>
      </c>
      <c r="J2220">
        <v>33.581899999999997</v>
      </c>
    </row>
    <row r="2221" spans="1:10" x14ac:dyDescent="0.25">
      <c r="A2221">
        <v>15</v>
      </c>
      <c r="B2221">
        <v>108.446</v>
      </c>
      <c r="C2221">
        <v>118.369</v>
      </c>
      <c r="D2221">
        <v>190</v>
      </c>
      <c r="E2221">
        <v>10431.5</v>
      </c>
      <c r="F2221">
        <v>10800</v>
      </c>
      <c r="G2221">
        <v>19615.7</v>
      </c>
      <c r="H2221">
        <v>1.1181099999999999</v>
      </c>
      <c r="I2221">
        <v>26815.1</v>
      </c>
      <c r="J2221">
        <v>17.5837</v>
      </c>
    </row>
    <row r="2222" spans="1:10" x14ac:dyDescent="0.25">
      <c r="A2222">
        <v>15</v>
      </c>
      <c r="B2222">
        <v>108.68300000000001</v>
      </c>
      <c r="C2222">
        <v>119.625</v>
      </c>
      <c r="D2222">
        <v>189.68700000000001</v>
      </c>
      <c r="E2222">
        <v>10431.5</v>
      </c>
      <c r="F2222">
        <v>10800</v>
      </c>
      <c r="G2222">
        <v>25398.400000000001</v>
      </c>
      <c r="H2222">
        <v>1.40157</v>
      </c>
      <c r="I2222">
        <v>25658</v>
      </c>
      <c r="J2222">
        <v>18.511700000000001</v>
      </c>
    </row>
    <row r="2223" spans="1:10" x14ac:dyDescent="0.25">
      <c r="A2223">
        <v>15</v>
      </c>
      <c r="B2223">
        <v>110.1</v>
      </c>
      <c r="C2223">
        <v>123.395</v>
      </c>
      <c r="D2223">
        <v>189.06</v>
      </c>
      <c r="E2223">
        <v>7370.08</v>
      </c>
      <c r="F2223">
        <v>10800</v>
      </c>
      <c r="G2223">
        <v>21316.5</v>
      </c>
      <c r="H2223">
        <v>3.0787399999999998</v>
      </c>
      <c r="I2223">
        <v>21028.799999999999</v>
      </c>
      <c r="J2223">
        <v>25.227799999999998</v>
      </c>
    </row>
    <row r="2224" spans="1:10" x14ac:dyDescent="0.25">
      <c r="A2224">
        <v>15</v>
      </c>
      <c r="B2224">
        <v>109.39100000000001</v>
      </c>
      <c r="C2224">
        <v>118.369</v>
      </c>
      <c r="D2224">
        <v>189.68700000000001</v>
      </c>
      <c r="E2224">
        <v>7710.24</v>
      </c>
      <c r="F2224">
        <v>11310.2</v>
      </c>
      <c r="G2224">
        <v>19955.900000000001</v>
      </c>
      <c r="H2224">
        <v>1.92126</v>
      </c>
      <c r="I2224">
        <v>22527.200000000001</v>
      </c>
      <c r="J2224">
        <v>21.841100000000001</v>
      </c>
    </row>
    <row r="2225" spans="1:10" x14ac:dyDescent="0.25">
      <c r="A2225">
        <v>15</v>
      </c>
      <c r="B2225">
        <v>106.79300000000001</v>
      </c>
      <c r="C2225">
        <v>124.024</v>
      </c>
      <c r="D2225">
        <v>184.04599999999999</v>
      </c>
      <c r="E2225">
        <v>10516.5</v>
      </c>
      <c r="F2225">
        <v>19984.3</v>
      </c>
      <c r="G2225">
        <v>20636.2</v>
      </c>
      <c r="H2225">
        <v>2.25197</v>
      </c>
      <c r="I2225">
        <v>36430.5</v>
      </c>
      <c r="J2225">
        <v>16.778199999999998</v>
      </c>
    </row>
    <row r="2226" spans="1:10" x14ac:dyDescent="0.25">
      <c r="A2226">
        <v>15</v>
      </c>
      <c r="B2226">
        <v>102.777</v>
      </c>
      <c r="C2226">
        <v>123.081</v>
      </c>
      <c r="D2226">
        <v>182.47900000000001</v>
      </c>
      <c r="E2226">
        <v>7200</v>
      </c>
      <c r="F2226">
        <v>10800</v>
      </c>
      <c r="G2226">
        <v>19955.900000000001</v>
      </c>
      <c r="H2226">
        <v>3.7637800000000001</v>
      </c>
      <c r="I2226">
        <v>20089.900000000001</v>
      </c>
      <c r="J2226">
        <v>33.581899999999997</v>
      </c>
    </row>
    <row r="2227" spans="1:10" x14ac:dyDescent="0.25">
      <c r="A2227">
        <v>15</v>
      </c>
      <c r="B2227">
        <v>110.1</v>
      </c>
      <c r="C2227">
        <v>123.395</v>
      </c>
      <c r="D2227">
        <v>189.06</v>
      </c>
      <c r="E2227">
        <v>7370.08</v>
      </c>
      <c r="F2227">
        <v>10800</v>
      </c>
      <c r="G2227">
        <v>21316.5</v>
      </c>
      <c r="H2227">
        <v>3.0787399999999998</v>
      </c>
      <c r="I2227">
        <v>21028.799999999999</v>
      </c>
      <c r="J2227">
        <v>25.227799999999998</v>
      </c>
    </row>
    <row r="2228" spans="1:10" x14ac:dyDescent="0.25">
      <c r="A2228">
        <v>15</v>
      </c>
      <c r="B2228">
        <v>108.446</v>
      </c>
      <c r="C2228">
        <v>118.369</v>
      </c>
      <c r="D2228">
        <v>190</v>
      </c>
      <c r="E2228">
        <v>10431.5</v>
      </c>
      <c r="F2228">
        <v>10800</v>
      </c>
      <c r="G2228">
        <v>19615.7</v>
      </c>
      <c r="H2228">
        <v>1.1181099999999999</v>
      </c>
      <c r="I2228">
        <v>26815.1</v>
      </c>
      <c r="J2228">
        <v>17.5837</v>
      </c>
    </row>
    <row r="2229" spans="1:10" x14ac:dyDescent="0.25">
      <c r="A2229">
        <v>15</v>
      </c>
      <c r="B2229">
        <v>108.446</v>
      </c>
      <c r="C2229">
        <v>118.369</v>
      </c>
      <c r="D2229">
        <v>190</v>
      </c>
      <c r="E2229">
        <v>10431.5</v>
      </c>
      <c r="F2229">
        <v>10800</v>
      </c>
      <c r="G2229">
        <v>19615.7</v>
      </c>
      <c r="H2229">
        <v>1.1181099999999999</v>
      </c>
      <c r="I2229">
        <v>26815.1</v>
      </c>
      <c r="J2229">
        <v>17.5837</v>
      </c>
    </row>
    <row r="2230" spans="1:10" x14ac:dyDescent="0.25">
      <c r="A2230">
        <v>15</v>
      </c>
      <c r="B2230">
        <v>109.39100000000001</v>
      </c>
      <c r="C2230">
        <v>118.369</v>
      </c>
      <c r="D2230">
        <v>189.68700000000001</v>
      </c>
      <c r="E2230">
        <v>7710.24</v>
      </c>
      <c r="F2230">
        <v>11310.2</v>
      </c>
      <c r="G2230">
        <v>19955.900000000001</v>
      </c>
      <c r="H2230">
        <v>1.92126</v>
      </c>
      <c r="I2230">
        <v>22527.200000000001</v>
      </c>
      <c r="J2230">
        <v>21.841100000000001</v>
      </c>
    </row>
    <row r="2231" spans="1:10" x14ac:dyDescent="0.25">
      <c r="A2231">
        <v>15</v>
      </c>
      <c r="B2231">
        <v>102.777</v>
      </c>
      <c r="C2231">
        <v>123.081</v>
      </c>
      <c r="D2231">
        <v>182.47900000000001</v>
      </c>
      <c r="E2231">
        <v>7200</v>
      </c>
      <c r="F2231">
        <v>10800</v>
      </c>
      <c r="G2231">
        <v>19955.900000000001</v>
      </c>
      <c r="H2231">
        <v>3.7637800000000001</v>
      </c>
      <c r="I2231">
        <v>20089.900000000001</v>
      </c>
      <c r="J2231">
        <v>33.581899999999997</v>
      </c>
    </row>
    <row r="2232" spans="1:10" x14ac:dyDescent="0.25">
      <c r="A2232">
        <v>15</v>
      </c>
      <c r="B2232">
        <v>102.777</v>
      </c>
      <c r="C2232">
        <v>123.081</v>
      </c>
      <c r="D2232">
        <v>182.47900000000001</v>
      </c>
      <c r="E2232">
        <v>7200</v>
      </c>
      <c r="F2232">
        <v>10800</v>
      </c>
      <c r="G2232">
        <v>19955.900000000001</v>
      </c>
      <c r="H2232">
        <v>3.7637800000000001</v>
      </c>
      <c r="I2232">
        <v>20089.900000000001</v>
      </c>
      <c r="J2232">
        <v>33.581899999999997</v>
      </c>
    </row>
    <row r="2233" spans="1:10" x14ac:dyDescent="0.25">
      <c r="A2233">
        <v>15</v>
      </c>
      <c r="B2233">
        <v>109.39100000000001</v>
      </c>
      <c r="C2233">
        <v>118.369</v>
      </c>
      <c r="D2233">
        <v>189.68700000000001</v>
      </c>
      <c r="E2233">
        <v>7710.24</v>
      </c>
      <c r="F2233">
        <v>11310.2</v>
      </c>
      <c r="G2233">
        <v>19955.900000000001</v>
      </c>
      <c r="H2233">
        <v>1.92126</v>
      </c>
      <c r="I2233">
        <v>22527.200000000001</v>
      </c>
      <c r="J2233">
        <v>21.841100000000001</v>
      </c>
    </row>
    <row r="2234" spans="1:10" x14ac:dyDescent="0.25">
      <c r="A2234">
        <v>15</v>
      </c>
      <c r="B2234">
        <v>108.446</v>
      </c>
      <c r="C2234">
        <v>119.625</v>
      </c>
      <c r="D2234">
        <v>189.68700000000001</v>
      </c>
      <c r="E2234">
        <v>9070.8700000000008</v>
      </c>
      <c r="F2234">
        <v>10800</v>
      </c>
      <c r="G2234">
        <v>19955.900000000001</v>
      </c>
      <c r="H2234">
        <v>1.4960599999999999</v>
      </c>
      <c r="I2234">
        <v>24098.3</v>
      </c>
      <c r="J2234">
        <v>19.2303</v>
      </c>
    </row>
    <row r="2235" spans="1:10" x14ac:dyDescent="0.25">
      <c r="A2235">
        <v>15</v>
      </c>
      <c r="B2235">
        <v>102.777</v>
      </c>
      <c r="C2235">
        <v>123.081</v>
      </c>
      <c r="D2235">
        <v>182.47900000000001</v>
      </c>
      <c r="E2235">
        <v>7200</v>
      </c>
      <c r="F2235">
        <v>10800</v>
      </c>
      <c r="G2235">
        <v>19955.900000000001</v>
      </c>
      <c r="H2235">
        <v>3.7637800000000001</v>
      </c>
      <c r="I2235">
        <v>20089.900000000001</v>
      </c>
      <c r="J2235">
        <v>33.581899999999997</v>
      </c>
    </row>
    <row r="2236" spans="1:10" x14ac:dyDescent="0.25">
      <c r="A2236">
        <v>15</v>
      </c>
      <c r="B2236">
        <v>109.628</v>
      </c>
      <c r="C2236">
        <v>118.369</v>
      </c>
      <c r="D2236">
        <v>189.68700000000001</v>
      </c>
      <c r="E2236">
        <v>7710.24</v>
      </c>
      <c r="F2236">
        <v>11310.2</v>
      </c>
      <c r="G2236">
        <v>19955.900000000001</v>
      </c>
      <c r="H2236">
        <v>1.92126</v>
      </c>
      <c r="I2236">
        <v>22542</v>
      </c>
      <c r="J2236">
        <v>20.9635</v>
      </c>
    </row>
    <row r="2237" spans="1:10" x14ac:dyDescent="0.25">
      <c r="A2237">
        <v>15</v>
      </c>
      <c r="B2237">
        <v>109.628</v>
      </c>
      <c r="C2237">
        <v>118.369</v>
      </c>
      <c r="D2237">
        <v>189.68700000000001</v>
      </c>
      <c r="E2237">
        <v>7710.24</v>
      </c>
      <c r="F2237">
        <v>11310.2</v>
      </c>
      <c r="G2237">
        <v>19955.900000000001</v>
      </c>
      <c r="H2237">
        <v>1.92126</v>
      </c>
      <c r="I2237">
        <v>22542</v>
      </c>
      <c r="J2237">
        <v>20.9635</v>
      </c>
    </row>
    <row r="2238" spans="1:10" x14ac:dyDescent="0.25">
      <c r="A2238">
        <v>15</v>
      </c>
      <c r="B2238">
        <v>108.446</v>
      </c>
      <c r="C2238">
        <v>117.74</v>
      </c>
      <c r="D2238">
        <v>189.68700000000001</v>
      </c>
      <c r="E2238">
        <v>9921.26</v>
      </c>
      <c r="F2238">
        <v>10800</v>
      </c>
      <c r="G2238">
        <v>18595.3</v>
      </c>
      <c r="H2238">
        <v>1.1653500000000001</v>
      </c>
      <c r="I2238">
        <v>25881.9</v>
      </c>
      <c r="J2238">
        <v>18.015799999999999</v>
      </c>
    </row>
    <row r="2239" spans="1:10" x14ac:dyDescent="0.25">
      <c r="A2239">
        <v>15</v>
      </c>
      <c r="B2239">
        <v>109.155</v>
      </c>
      <c r="C2239">
        <v>128.422</v>
      </c>
      <c r="D2239">
        <v>189.68700000000001</v>
      </c>
      <c r="E2239">
        <v>7370.08</v>
      </c>
      <c r="F2239">
        <v>10800</v>
      </c>
      <c r="G2239">
        <v>22507.1</v>
      </c>
      <c r="H2239">
        <v>3.3149600000000001</v>
      </c>
      <c r="I2239">
        <v>20692</v>
      </c>
      <c r="J2239">
        <v>28.869900000000001</v>
      </c>
    </row>
    <row r="2240" spans="1:10" x14ac:dyDescent="0.25">
      <c r="A2240">
        <v>15</v>
      </c>
      <c r="B2240">
        <v>108.446</v>
      </c>
      <c r="C2240">
        <v>119.625</v>
      </c>
      <c r="D2240">
        <v>189.68700000000001</v>
      </c>
      <c r="E2240">
        <v>9070.8700000000008</v>
      </c>
      <c r="F2240">
        <v>10800</v>
      </c>
      <c r="G2240">
        <v>19955.900000000001</v>
      </c>
      <c r="H2240">
        <v>1.4960599999999999</v>
      </c>
      <c r="I2240">
        <v>24098.3</v>
      </c>
      <c r="J2240">
        <v>19.2303</v>
      </c>
    </row>
    <row r="2241" spans="1:10" x14ac:dyDescent="0.25">
      <c r="A2241">
        <v>16</v>
      </c>
      <c r="B2241">
        <v>109.155</v>
      </c>
      <c r="C2241">
        <v>128.73599999999999</v>
      </c>
      <c r="D2241">
        <v>189.68700000000001</v>
      </c>
      <c r="E2241">
        <v>7370.08</v>
      </c>
      <c r="F2241">
        <v>10800</v>
      </c>
      <c r="G2241">
        <v>19785.8</v>
      </c>
      <c r="H2241">
        <v>3.4094500000000001</v>
      </c>
      <c r="I2241">
        <v>20964.3</v>
      </c>
      <c r="J2241">
        <v>27.779299999999999</v>
      </c>
    </row>
    <row r="2242" spans="1:10" x14ac:dyDescent="0.25">
      <c r="A2242">
        <v>16</v>
      </c>
      <c r="B2242">
        <v>108.446</v>
      </c>
      <c r="C2242">
        <v>119.625</v>
      </c>
      <c r="D2242">
        <v>187.18</v>
      </c>
      <c r="E2242">
        <v>7795.28</v>
      </c>
      <c r="F2242">
        <v>11310.2</v>
      </c>
      <c r="G2242">
        <v>22677.200000000001</v>
      </c>
      <c r="H2242">
        <v>1.89764</v>
      </c>
      <c r="I2242">
        <v>22677.5</v>
      </c>
      <c r="J2242">
        <v>21.387599999999999</v>
      </c>
    </row>
    <row r="2243" spans="1:10" x14ac:dyDescent="0.25">
      <c r="A2243">
        <v>16</v>
      </c>
      <c r="B2243">
        <v>109.39100000000001</v>
      </c>
      <c r="C2243">
        <v>118.369</v>
      </c>
      <c r="D2243">
        <v>189.68700000000001</v>
      </c>
      <c r="E2243">
        <v>7710.24</v>
      </c>
      <c r="F2243">
        <v>11310.2</v>
      </c>
      <c r="G2243">
        <v>19955.900000000001</v>
      </c>
      <c r="H2243">
        <v>1.92126</v>
      </c>
      <c r="I2243">
        <v>22527.200000000001</v>
      </c>
      <c r="J2243">
        <v>21.841100000000001</v>
      </c>
    </row>
    <row r="2244" spans="1:10" x14ac:dyDescent="0.25">
      <c r="A2244">
        <v>16</v>
      </c>
      <c r="B2244">
        <v>110.1</v>
      </c>
      <c r="C2244">
        <v>123.395</v>
      </c>
      <c r="D2244">
        <v>189.06</v>
      </c>
      <c r="E2244">
        <v>7370.08</v>
      </c>
      <c r="F2244">
        <v>10800</v>
      </c>
      <c r="G2244">
        <v>21316.5</v>
      </c>
      <c r="H2244">
        <v>3.0787399999999998</v>
      </c>
      <c r="I2244">
        <v>21028.799999999999</v>
      </c>
      <c r="J2244">
        <v>25.227799999999998</v>
      </c>
    </row>
    <row r="2245" spans="1:10" x14ac:dyDescent="0.25">
      <c r="A2245">
        <v>16</v>
      </c>
      <c r="B2245">
        <v>108.446</v>
      </c>
      <c r="C2245">
        <v>118.369</v>
      </c>
      <c r="D2245">
        <v>190</v>
      </c>
      <c r="E2245">
        <v>10431.5</v>
      </c>
      <c r="F2245">
        <v>10800</v>
      </c>
      <c r="G2245">
        <v>19615.7</v>
      </c>
      <c r="H2245">
        <v>1.1181099999999999</v>
      </c>
      <c r="I2245">
        <v>26815.1</v>
      </c>
      <c r="J2245">
        <v>17.5837</v>
      </c>
    </row>
    <row r="2246" spans="1:10" x14ac:dyDescent="0.25">
      <c r="A2246">
        <v>16</v>
      </c>
      <c r="B2246">
        <v>109.39100000000001</v>
      </c>
      <c r="C2246">
        <v>119.625</v>
      </c>
      <c r="D2246">
        <v>189.68700000000001</v>
      </c>
      <c r="E2246">
        <v>7370.08</v>
      </c>
      <c r="F2246">
        <v>10800</v>
      </c>
      <c r="G2246">
        <v>21316.5</v>
      </c>
      <c r="H2246">
        <v>2.5118100000000001</v>
      </c>
      <c r="I2246">
        <v>20968.8</v>
      </c>
      <c r="J2246">
        <v>30.363499999999998</v>
      </c>
    </row>
    <row r="2247" spans="1:10" x14ac:dyDescent="0.25">
      <c r="A2247">
        <v>16</v>
      </c>
      <c r="B2247">
        <v>110.1</v>
      </c>
      <c r="C2247">
        <v>123.395</v>
      </c>
      <c r="D2247">
        <v>189.06</v>
      </c>
      <c r="E2247">
        <v>7370.08</v>
      </c>
      <c r="F2247">
        <v>10800</v>
      </c>
      <c r="G2247">
        <v>21316.5</v>
      </c>
      <c r="H2247">
        <v>3.0787399999999998</v>
      </c>
      <c r="I2247">
        <v>21028.799999999999</v>
      </c>
      <c r="J2247">
        <v>25.227799999999998</v>
      </c>
    </row>
    <row r="2248" spans="1:10" x14ac:dyDescent="0.25">
      <c r="A2248">
        <v>16</v>
      </c>
      <c r="B2248">
        <v>108.919</v>
      </c>
      <c r="C2248">
        <v>119.625</v>
      </c>
      <c r="D2248">
        <v>189.68700000000001</v>
      </c>
      <c r="E2248">
        <v>7710.24</v>
      </c>
      <c r="F2248">
        <v>10800</v>
      </c>
      <c r="G2248">
        <v>19955.900000000001</v>
      </c>
      <c r="H2248">
        <v>3.00787</v>
      </c>
      <c r="I2248">
        <v>20919</v>
      </c>
      <c r="J2248">
        <v>36.4435</v>
      </c>
    </row>
    <row r="2249" spans="1:10" x14ac:dyDescent="0.25">
      <c r="A2249">
        <v>16</v>
      </c>
      <c r="B2249">
        <v>108.68300000000001</v>
      </c>
      <c r="C2249">
        <v>124.652</v>
      </c>
      <c r="D2249">
        <v>189.68700000000001</v>
      </c>
      <c r="E2249">
        <v>7710.24</v>
      </c>
      <c r="F2249">
        <v>10800</v>
      </c>
      <c r="G2249">
        <v>19955.900000000001</v>
      </c>
      <c r="H2249">
        <v>1.92126</v>
      </c>
      <c r="I2249">
        <v>22183.1</v>
      </c>
      <c r="J2249">
        <v>97.7667</v>
      </c>
    </row>
    <row r="2250" spans="1:10" x14ac:dyDescent="0.25">
      <c r="A2250">
        <v>16</v>
      </c>
      <c r="B2250">
        <v>108.446</v>
      </c>
      <c r="C2250">
        <v>119.625</v>
      </c>
      <c r="D2250">
        <v>189.68700000000001</v>
      </c>
      <c r="E2250">
        <v>7710.24</v>
      </c>
      <c r="F2250">
        <v>10800</v>
      </c>
      <c r="G2250">
        <v>22677.200000000001</v>
      </c>
      <c r="H2250">
        <v>1.92126</v>
      </c>
      <c r="I2250">
        <v>21969.1</v>
      </c>
      <c r="J2250">
        <v>53.631</v>
      </c>
    </row>
    <row r="2251" spans="1:10" x14ac:dyDescent="0.25">
      <c r="A2251">
        <v>16</v>
      </c>
      <c r="B2251">
        <v>108.446</v>
      </c>
      <c r="C2251">
        <v>119.93899999999999</v>
      </c>
      <c r="D2251">
        <v>188.43299999999999</v>
      </c>
      <c r="E2251">
        <v>7370.08</v>
      </c>
      <c r="F2251">
        <v>10800</v>
      </c>
      <c r="G2251">
        <v>21316.5</v>
      </c>
      <c r="H2251">
        <v>3.2677200000000002</v>
      </c>
      <c r="I2251">
        <v>20474.8</v>
      </c>
      <c r="J2251">
        <v>44.041899999999998</v>
      </c>
    </row>
    <row r="2252" spans="1:10" x14ac:dyDescent="0.25">
      <c r="A2252">
        <v>16</v>
      </c>
      <c r="B2252">
        <v>108.446</v>
      </c>
      <c r="C2252">
        <v>118.369</v>
      </c>
      <c r="D2252">
        <v>189.68700000000001</v>
      </c>
      <c r="E2252">
        <v>10431.5</v>
      </c>
      <c r="F2252">
        <v>11310.2</v>
      </c>
      <c r="G2252">
        <v>19615.7</v>
      </c>
      <c r="H2252">
        <v>1.09449</v>
      </c>
      <c r="I2252">
        <v>26997.3</v>
      </c>
      <c r="J2252">
        <v>19.840699999999998</v>
      </c>
    </row>
    <row r="2253" spans="1:10" x14ac:dyDescent="0.25">
      <c r="A2253">
        <v>16</v>
      </c>
      <c r="B2253">
        <v>108.446</v>
      </c>
      <c r="C2253">
        <v>118.369</v>
      </c>
      <c r="D2253">
        <v>189.68700000000001</v>
      </c>
      <c r="E2253">
        <v>7710.24</v>
      </c>
      <c r="F2253">
        <v>11820.5</v>
      </c>
      <c r="G2253">
        <v>19615.7</v>
      </c>
      <c r="H2253">
        <v>1.1653500000000001</v>
      </c>
      <c r="I2253">
        <v>24805.1</v>
      </c>
      <c r="J2253">
        <v>46.244999999999997</v>
      </c>
    </row>
    <row r="2254" spans="1:10" x14ac:dyDescent="0.25">
      <c r="A2254">
        <v>16</v>
      </c>
      <c r="B2254">
        <v>108.446</v>
      </c>
      <c r="C2254">
        <v>129.679</v>
      </c>
      <c r="D2254">
        <v>189.68700000000001</v>
      </c>
      <c r="E2254">
        <v>7795.28</v>
      </c>
      <c r="F2254">
        <v>11310.2</v>
      </c>
      <c r="G2254">
        <v>19785.8</v>
      </c>
      <c r="H2254">
        <v>3.4094500000000001</v>
      </c>
      <c r="I2254">
        <v>21719.3</v>
      </c>
      <c r="J2254">
        <v>123.914</v>
      </c>
    </row>
    <row r="2255" spans="1:10" x14ac:dyDescent="0.25">
      <c r="A2255">
        <v>16</v>
      </c>
      <c r="B2255">
        <v>109.39100000000001</v>
      </c>
      <c r="C2255">
        <v>118.369</v>
      </c>
      <c r="D2255">
        <v>189.68700000000001</v>
      </c>
      <c r="E2255">
        <v>7370.08</v>
      </c>
      <c r="F2255">
        <v>10800</v>
      </c>
      <c r="G2255">
        <v>19955.900000000001</v>
      </c>
      <c r="H2255">
        <v>1.87402</v>
      </c>
      <c r="I2255">
        <v>21889.7</v>
      </c>
      <c r="J2255">
        <v>38.313099999999999</v>
      </c>
    </row>
    <row r="2256" spans="1:10" x14ac:dyDescent="0.25">
      <c r="A2256">
        <v>16</v>
      </c>
      <c r="B2256">
        <v>109.864</v>
      </c>
      <c r="C2256">
        <v>119.93899999999999</v>
      </c>
      <c r="D2256">
        <v>189.68700000000001</v>
      </c>
      <c r="E2256">
        <v>7370.08</v>
      </c>
      <c r="F2256">
        <v>10800</v>
      </c>
      <c r="G2256">
        <v>7710.24</v>
      </c>
      <c r="H2256">
        <v>3.3622000000000001</v>
      </c>
      <c r="I2256">
        <v>20436.3</v>
      </c>
      <c r="J2256">
        <v>49.525500000000001</v>
      </c>
    </row>
    <row r="2257" spans="1:10" x14ac:dyDescent="0.25">
      <c r="A2257">
        <v>16</v>
      </c>
      <c r="B2257">
        <v>109.155</v>
      </c>
      <c r="C2257">
        <v>118.369</v>
      </c>
      <c r="D2257">
        <v>189.68700000000001</v>
      </c>
      <c r="E2257">
        <v>8730.7099999999991</v>
      </c>
      <c r="F2257">
        <v>10800</v>
      </c>
      <c r="G2257">
        <v>19955.900000000001</v>
      </c>
      <c r="H2257">
        <v>2.1338599999999999</v>
      </c>
      <c r="I2257">
        <v>22746.799999999999</v>
      </c>
      <c r="J2257">
        <v>44.395000000000003</v>
      </c>
    </row>
    <row r="2258" spans="1:10" x14ac:dyDescent="0.25">
      <c r="A2258">
        <v>16</v>
      </c>
      <c r="B2258">
        <v>108.446</v>
      </c>
      <c r="C2258">
        <v>118.369</v>
      </c>
      <c r="D2258">
        <v>189.68700000000001</v>
      </c>
      <c r="E2258">
        <v>9070.8700000000008</v>
      </c>
      <c r="F2258">
        <v>10800</v>
      </c>
      <c r="G2258">
        <v>19955.900000000001</v>
      </c>
      <c r="H2258">
        <v>1.87402</v>
      </c>
      <c r="I2258">
        <v>23484.6</v>
      </c>
      <c r="J2258">
        <v>28.1053</v>
      </c>
    </row>
    <row r="2259" spans="1:10" x14ac:dyDescent="0.25">
      <c r="A2259">
        <v>16</v>
      </c>
      <c r="B2259">
        <v>108.68300000000001</v>
      </c>
      <c r="C2259">
        <v>118.369</v>
      </c>
      <c r="D2259">
        <v>189.68700000000001</v>
      </c>
      <c r="E2259">
        <v>10431.5</v>
      </c>
      <c r="F2259">
        <v>10800</v>
      </c>
      <c r="G2259">
        <v>19955.900000000001</v>
      </c>
      <c r="H2259">
        <v>1.7795300000000001</v>
      </c>
      <c r="I2259">
        <v>25094.799999999999</v>
      </c>
      <c r="J2259">
        <v>19.5199</v>
      </c>
    </row>
    <row r="2260" spans="1:10" x14ac:dyDescent="0.25">
      <c r="A2260">
        <v>16</v>
      </c>
      <c r="B2260">
        <v>109.155</v>
      </c>
      <c r="C2260">
        <v>118.369</v>
      </c>
      <c r="D2260">
        <v>189.68700000000001</v>
      </c>
      <c r="E2260">
        <v>9921.26</v>
      </c>
      <c r="F2260">
        <v>10800</v>
      </c>
      <c r="G2260">
        <v>18595.3</v>
      </c>
      <c r="H2260">
        <v>1.1653500000000001</v>
      </c>
      <c r="I2260">
        <v>25881.4</v>
      </c>
      <c r="J2260">
        <v>19.1127</v>
      </c>
    </row>
    <row r="2261" spans="1:10" x14ac:dyDescent="0.25">
      <c r="A2261">
        <v>16</v>
      </c>
      <c r="B2261">
        <v>108.446</v>
      </c>
      <c r="C2261">
        <v>119.625</v>
      </c>
      <c r="D2261">
        <v>189.68700000000001</v>
      </c>
      <c r="E2261">
        <v>7710.24</v>
      </c>
      <c r="F2261">
        <v>11310.2</v>
      </c>
      <c r="G2261">
        <v>19955.900000000001</v>
      </c>
      <c r="H2261">
        <v>1.89764</v>
      </c>
      <c r="I2261">
        <v>22422.3</v>
      </c>
      <c r="J2261">
        <v>23.048500000000001</v>
      </c>
    </row>
    <row r="2262" spans="1:10" x14ac:dyDescent="0.25">
      <c r="A2262">
        <v>16</v>
      </c>
      <c r="B2262">
        <v>109.628</v>
      </c>
      <c r="C2262">
        <v>128.422</v>
      </c>
      <c r="D2262">
        <v>189.68700000000001</v>
      </c>
      <c r="E2262">
        <v>10091.299999999999</v>
      </c>
      <c r="F2262">
        <v>10800</v>
      </c>
      <c r="G2262">
        <v>21316.5</v>
      </c>
      <c r="H2262">
        <v>2.9133900000000001</v>
      </c>
      <c r="I2262">
        <v>23948.6</v>
      </c>
      <c r="J2262">
        <v>110.494</v>
      </c>
    </row>
    <row r="2263" spans="1:10" x14ac:dyDescent="0.25">
      <c r="A2263">
        <v>16</v>
      </c>
      <c r="B2263">
        <v>110.1</v>
      </c>
      <c r="C2263">
        <v>124.652</v>
      </c>
      <c r="D2263">
        <v>189.68700000000001</v>
      </c>
      <c r="E2263">
        <v>7710.24</v>
      </c>
      <c r="F2263">
        <v>10800</v>
      </c>
      <c r="G2263">
        <v>11792.1</v>
      </c>
      <c r="H2263">
        <v>1.37795</v>
      </c>
      <c r="I2263">
        <v>23628.799999999999</v>
      </c>
      <c r="J2263">
        <v>95.194000000000003</v>
      </c>
    </row>
    <row r="2264" spans="1:10" x14ac:dyDescent="0.25">
      <c r="A2264">
        <v>16</v>
      </c>
      <c r="B2264">
        <v>108.919</v>
      </c>
      <c r="C2264">
        <v>118.369</v>
      </c>
      <c r="D2264">
        <v>189.68700000000001</v>
      </c>
      <c r="E2264">
        <v>9921.26</v>
      </c>
      <c r="F2264">
        <v>10800</v>
      </c>
      <c r="G2264">
        <v>21316.5</v>
      </c>
      <c r="H2264">
        <v>2.6299199999999998</v>
      </c>
      <c r="I2264">
        <v>23541.8</v>
      </c>
      <c r="J2264">
        <v>31.635100000000001</v>
      </c>
    </row>
    <row r="2265" spans="1:10" x14ac:dyDescent="0.25">
      <c r="A2265">
        <v>16</v>
      </c>
      <c r="B2265">
        <v>108.68300000000001</v>
      </c>
      <c r="C2265">
        <v>128.73599999999999</v>
      </c>
      <c r="D2265">
        <v>190</v>
      </c>
      <c r="E2265">
        <v>7370.08</v>
      </c>
      <c r="F2265">
        <v>10800</v>
      </c>
      <c r="G2265">
        <v>19785.8</v>
      </c>
      <c r="H2265">
        <v>3.6929099999999999</v>
      </c>
      <c r="I2265">
        <v>20762.7</v>
      </c>
      <c r="J2265">
        <v>117.363</v>
      </c>
    </row>
    <row r="2266" spans="1:10" x14ac:dyDescent="0.25">
      <c r="A2266">
        <v>16</v>
      </c>
      <c r="B2266">
        <v>109.864</v>
      </c>
      <c r="C2266">
        <v>119.93899999999999</v>
      </c>
      <c r="D2266">
        <v>189.68700000000001</v>
      </c>
      <c r="E2266">
        <v>7370.08</v>
      </c>
      <c r="F2266">
        <v>10800</v>
      </c>
      <c r="G2266">
        <v>18595.3</v>
      </c>
      <c r="H2266">
        <v>2.9842499999999998</v>
      </c>
      <c r="I2266">
        <v>20670</v>
      </c>
      <c r="J2266">
        <v>38.142099999999999</v>
      </c>
    </row>
    <row r="2267" spans="1:10" x14ac:dyDescent="0.25">
      <c r="A2267">
        <v>16</v>
      </c>
      <c r="B2267">
        <v>108.446</v>
      </c>
      <c r="C2267">
        <v>119.93899999999999</v>
      </c>
      <c r="D2267">
        <v>187.49299999999999</v>
      </c>
      <c r="E2267">
        <v>7455.12</v>
      </c>
      <c r="F2267">
        <v>10800</v>
      </c>
      <c r="G2267">
        <v>19955.900000000001</v>
      </c>
      <c r="H2267">
        <v>3.3385799999999999</v>
      </c>
      <c r="I2267">
        <v>20645.099999999999</v>
      </c>
      <c r="J2267">
        <v>44.856200000000001</v>
      </c>
    </row>
    <row r="2268" spans="1:10" x14ac:dyDescent="0.25">
      <c r="A2268">
        <v>16</v>
      </c>
      <c r="B2268">
        <v>109.39100000000001</v>
      </c>
      <c r="C2268">
        <v>119.625</v>
      </c>
      <c r="D2268">
        <v>189.68700000000001</v>
      </c>
      <c r="E2268">
        <v>7370.08</v>
      </c>
      <c r="F2268">
        <v>10800</v>
      </c>
      <c r="G2268">
        <v>21316.5</v>
      </c>
      <c r="H2268">
        <v>2.5354299999999999</v>
      </c>
      <c r="I2268">
        <v>21029.1</v>
      </c>
      <c r="J2268">
        <v>33.447200000000002</v>
      </c>
    </row>
    <row r="2269" spans="1:10" x14ac:dyDescent="0.25">
      <c r="A2269">
        <v>16</v>
      </c>
      <c r="B2269">
        <v>109.39100000000001</v>
      </c>
      <c r="C2269">
        <v>118.68300000000001</v>
      </c>
      <c r="D2269">
        <v>189.68700000000001</v>
      </c>
      <c r="E2269">
        <v>7370.08</v>
      </c>
      <c r="F2269">
        <v>10800</v>
      </c>
      <c r="G2269">
        <v>18595.3</v>
      </c>
      <c r="H2269">
        <v>3.4330699999999998</v>
      </c>
      <c r="I2269">
        <v>20448.599999999999</v>
      </c>
      <c r="J2269">
        <v>46.731200000000001</v>
      </c>
    </row>
    <row r="2270" spans="1:10" x14ac:dyDescent="0.25">
      <c r="A2270">
        <v>16</v>
      </c>
      <c r="B2270">
        <v>108.446</v>
      </c>
      <c r="C2270">
        <v>119.625</v>
      </c>
      <c r="D2270">
        <v>189.68700000000001</v>
      </c>
      <c r="E2270">
        <v>7710.24</v>
      </c>
      <c r="F2270">
        <v>11310.2</v>
      </c>
      <c r="G2270">
        <v>22337</v>
      </c>
      <c r="H2270">
        <v>1.85039</v>
      </c>
      <c r="I2270">
        <v>22830.400000000001</v>
      </c>
      <c r="J2270">
        <v>59.4358</v>
      </c>
    </row>
    <row r="2271" spans="1:10" x14ac:dyDescent="0.25">
      <c r="A2271">
        <v>16</v>
      </c>
      <c r="B2271">
        <v>106.32</v>
      </c>
      <c r="C2271">
        <v>119.625</v>
      </c>
      <c r="D2271">
        <v>189.06</v>
      </c>
      <c r="E2271">
        <v>7370.08</v>
      </c>
      <c r="F2271">
        <v>10800</v>
      </c>
      <c r="G2271">
        <v>18595.3</v>
      </c>
      <c r="H2271">
        <v>3.00787</v>
      </c>
      <c r="I2271">
        <v>20773.099999999999</v>
      </c>
      <c r="J2271">
        <v>49.7545</v>
      </c>
    </row>
    <row r="2272" spans="1:10" x14ac:dyDescent="0.25">
      <c r="A2272">
        <v>16</v>
      </c>
      <c r="B2272">
        <v>108.919</v>
      </c>
      <c r="C2272">
        <v>119.93899999999999</v>
      </c>
      <c r="D2272">
        <v>189.68700000000001</v>
      </c>
      <c r="E2272">
        <v>8730.7099999999991</v>
      </c>
      <c r="F2272">
        <v>10800</v>
      </c>
      <c r="G2272">
        <v>22677.200000000001</v>
      </c>
      <c r="H2272">
        <v>1.4960599999999999</v>
      </c>
      <c r="I2272">
        <v>23733.7</v>
      </c>
      <c r="J2272">
        <v>42.357900000000001</v>
      </c>
    </row>
    <row r="2273" spans="1:10" x14ac:dyDescent="0.25">
      <c r="A2273">
        <v>16</v>
      </c>
      <c r="B2273">
        <v>108.446</v>
      </c>
      <c r="C2273">
        <v>119.625</v>
      </c>
      <c r="D2273">
        <v>190</v>
      </c>
      <c r="E2273">
        <v>10431.5</v>
      </c>
      <c r="F2273">
        <v>10800</v>
      </c>
      <c r="G2273">
        <v>19955.900000000001</v>
      </c>
      <c r="H2273">
        <v>1.1653500000000001</v>
      </c>
      <c r="I2273">
        <v>26438.5</v>
      </c>
      <c r="J2273">
        <v>17.756900000000002</v>
      </c>
    </row>
    <row r="2274" spans="1:10" x14ac:dyDescent="0.25">
      <c r="A2274">
        <v>16</v>
      </c>
      <c r="B2274">
        <v>93.328299999999999</v>
      </c>
      <c r="C2274">
        <v>118.369</v>
      </c>
      <c r="D2274">
        <v>189.68700000000001</v>
      </c>
      <c r="E2274">
        <v>10091.299999999999</v>
      </c>
      <c r="F2274">
        <v>10800</v>
      </c>
      <c r="G2274">
        <v>22677.200000000001</v>
      </c>
      <c r="H2274">
        <v>1.02362</v>
      </c>
      <c r="I2274">
        <v>26807</v>
      </c>
      <c r="J2274">
        <v>60.221699999999998</v>
      </c>
    </row>
    <row r="2275" spans="1:10" x14ac:dyDescent="0.25">
      <c r="A2275">
        <v>16</v>
      </c>
      <c r="B2275">
        <v>108.919</v>
      </c>
      <c r="C2275">
        <v>119.625</v>
      </c>
      <c r="D2275">
        <v>187.18</v>
      </c>
      <c r="E2275">
        <v>9070.8700000000008</v>
      </c>
      <c r="F2275">
        <v>10800</v>
      </c>
      <c r="G2275">
        <v>22677.200000000001</v>
      </c>
      <c r="H2275">
        <v>2.4173200000000001</v>
      </c>
      <c r="I2275">
        <v>22732.3</v>
      </c>
      <c r="J2275">
        <v>36.556199999999997</v>
      </c>
    </row>
    <row r="2276" spans="1:10" x14ac:dyDescent="0.25">
      <c r="A2276">
        <v>16</v>
      </c>
      <c r="B2276">
        <v>109.155</v>
      </c>
      <c r="C2276">
        <v>124.652</v>
      </c>
      <c r="D2276">
        <v>189.37299999999999</v>
      </c>
      <c r="E2276">
        <v>7370.08</v>
      </c>
      <c r="F2276">
        <v>10800</v>
      </c>
      <c r="G2276">
        <v>19955.900000000001</v>
      </c>
      <c r="H2276">
        <v>3.8582700000000001</v>
      </c>
      <c r="I2276">
        <v>20425.900000000001</v>
      </c>
      <c r="J2276">
        <v>33.058799999999998</v>
      </c>
    </row>
    <row r="2277" spans="1:10" x14ac:dyDescent="0.25">
      <c r="A2277">
        <v>16</v>
      </c>
      <c r="B2277">
        <v>108.446</v>
      </c>
      <c r="C2277">
        <v>118.68300000000001</v>
      </c>
      <c r="D2277">
        <v>189.68700000000001</v>
      </c>
      <c r="E2277">
        <v>7455.12</v>
      </c>
      <c r="F2277">
        <v>10800</v>
      </c>
      <c r="G2277">
        <v>21316.5</v>
      </c>
      <c r="H2277">
        <v>1.85039</v>
      </c>
      <c r="I2277">
        <v>21846</v>
      </c>
      <c r="J2277">
        <v>43.035800000000002</v>
      </c>
    </row>
    <row r="2278" spans="1:10" x14ac:dyDescent="0.25">
      <c r="A2278">
        <v>16</v>
      </c>
      <c r="B2278">
        <v>109.628</v>
      </c>
      <c r="C2278">
        <v>129.679</v>
      </c>
      <c r="D2278">
        <v>189.68700000000001</v>
      </c>
      <c r="E2278">
        <v>10091.299999999999</v>
      </c>
      <c r="F2278">
        <v>10800</v>
      </c>
      <c r="G2278">
        <v>22507.1</v>
      </c>
      <c r="H2278">
        <v>1.89764</v>
      </c>
      <c r="I2278">
        <v>24658.6</v>
      </c>
      <c r="J2278">
        <v>118.175</v>
      </c>
    </row>
    <row r="2279" spans="1:10" x14ac:dyDescent="0.25">
      <c r="A2279">
        <v>16</v>
      </c>
      <c r="B2279">
        <v>108.919</v>
      </c>
      <c r="C2279">
        <v>129.99299999999999</v>
      </c>
      <c r="D2279">
        <v>189.68700000000001</v>
      </c>
      <c r="E2279">
        <v>7370.08</v>
      </c>
      <c r="F2279">
        <v>10800</v>
      </c>
      <c r="G2279">
        <v>22507.1</v>
      </c>
      <c r="H2279">
        <v>3.9763799999999998</v>
      </c>
      <c r="I2279">
        <v>20367.7</v>
      </c>
      <c r="J2279">
        <v>125.345</v>
      </c>
    </row>
    <row r="2280" spans="1:10" x14ac:dyDescent="0.25">
      <c r="A2280">
        <v>16</v>
      </c>
      <c r="B2280">
        <v>109.864</v>
      </c>
      <c r="C2280">
        <v>119.625</v>
      </c>
      <c r="D2280">
        <v>189.68700000000001</v>
      </c>
      <c r="E2280">
        <v>7370.08</v>
      </c>
      <c r="F2280">
        <v>10800</v>
      </c>
      <c r="G2280">
        <v>21316.5</v>
      </c>
      <c r="H2280">
        <v>2.5118100000000001</v>
      </c>
      <c r="I2280">
        <v>20993.1</v>
      </c>
      <c r="J2280">
        <v>28.6403</v>
      </c>
    </row>
    <row r="2281" spans="1:10" x14ac:dyDescent="0.25">
      <c r="A2281">
        <v>16</v>
      </c>
      <c r="B2281">
        <v>108.446</v>
      </c>
      <c r="C2281">
        <v>119.93899999999999</v>
      </c>
      <c r="D2281">
        <v>189.68700000000001</v>
      </c>
      <c r="E2281">
        <v>7370.08</v>
      </c>
      <c r="F2281">
        <v>10800</v>
      </c>
      <c r="G2281">
        <v>11622</v>
      </c>
      <c r="H2281">
        <v>3.9291299999999998</v>
      </c>
      <c r="I2281">
        <v>20224.400000000001</v>
      </c>
      <c r="J2281">
        <v>48.874200000000002</v>
      </c>
    </row>
    <row r="2282" spans="1:10" x14ac:dyDescent="0.25">
      <c r="A2282">
        <v>16</v>
      </c>
      <c r="B2282">
        <v>104.667</v>
      </c>
      <c r="C2282">
        <v>129.99299999999999</v>
      </c>
      <c r="D2282">
        <v>189.06</v>
      </c>
      <c r="E2282">
        <v>7370.08</v>
      </c>
      <c r="F2282">
        <v>10800</v>
      </c>
      <c r="G2282">
        <v>18595.3</v>
      </c>
      <c r="H2282">
        <v>3.0787399999999998</v>
      </c>
      <c r="I2282">
        <v>20831.5</v>
      </c>
      <c r="J2282">
        <v>125.99299999999999</v>
      </c>
    </row>
    <row r="2283" spans="1:10" x14ac:dyDescent="0.25">
      <c r="A2283">
        <v>16</v>
      </c>
      <c r="B2283">
        <v>108.446</v>
      </c>
      <c r="C2283">
        <v>119.625</v>
      </c>
      <c r="D2283">
        <v>190</v>
      </c>
      <c r="E2283">
        <v>10091.299999999999</v>
      </c>
      <c r="F2283">
        <v>10800</v>
      </c>
      <c r="G2283">
        <v>19955.900000000001</v>
      </c>
      <c r="H2283">
        <v>1.02362</v>
      </c>
      <c r="I2283">
        <v>26697.1</v>
      </c>
      <c r="J2283">
        <v>31.1067</v>
      </c>
    </row>
    <row r="2284" spans="1:10" x14ac:dyDescent="0.25">
      <c r="A2284">
        <v>16</v>
      </c>
      <c r="B2284">
        <v>108.919</v>
      </c>
      <c r="C2284">
        <v>114.598</v>
      </c>
      <c r="D2284">
        <v>169.31700000000001</v>
      </c>
      <c r="E2284">
        <v>7370.08</v>
      </c>
      <c r="F2284">
        <v>10800</v>
      </c>
      <c r="G2284">
        <v>22677.200000000001</v>
      </c>
      <c r="H2284">
        <v>3.00787</v>
      </c>
      <c r="I2284">
        <v>21954.799999999999</v>
      </c>
      <c r="J2284">
        <v>84.707599999999999</v>
      </c>
    </row>
    <row r="2285" spans="1:10" x14ac:dyDescent="0.25">
      <c r="A2285">
        <v>16</v>
      </c>
      <c r="B2285">
        <v>108.446</v>
      </c>
      <c r="C2285">
        <v>119.93899999999999</v>
      </c>
      <c r="D2285">
        <v>189.68700000000001</v>
      </c>
      <c r="E2285">
        <v>7370.08</v>
      </c>
      <c r="F2285">
        <v>11820.5</v>
      </c>
      <c r="G2285">
        <v>18425.2</v>
      </c>
      <c r="H2285">
        <v>3.64567</v>
      </c>
      <c r="I2285">
        <v>21461.7</v>
      </c>
      <c r="J2285">
        <v>43.057200000000002</v>
      </c>
    </row>
    <row r="2286" spans="1:10" x14ac:dyDescent="0.25">
      <c r="A2286">
        <v>16</v>
      </c>
      <c r="B2286">
        <v>110.1</v>
      </c>
      <c r="C2286">
        <v>128.422</v>
      </c>
      <c r="D2286">
        <v>189.68700000000001</v>
      </c>
      <c r="E2286">
        <v>7370.08</v>
      </c>
      <c r="F2286">
        <v>10800</v>
      </c>
      <c r="G2286">
        <v>21316.5</v>
      </c>
      <c r="H2286">
        <v>2.70079</v>
      </c>
      <c r="I2286">
        <v>21147.1</v>
      </c>
      <c r="J2286">
        <v>115.468</v>
      </c>
    </row>
    <row r="2287" spans="1:10" x14ac:dyDescent="0.25">
      <c r="A2287">
        <v>16</v>
      </c>
      <c r="B2287">
        <v>109.39100000000001</v>
      </c>
      <c r="C2287">
        <v>128.422</v>
      </c>
      <c r="D2287">
        <v>189.68700000000001</v>
      </c>
      <c r="E2287">
        <v>7370.08</v>
      </c>
      <c r="F2287">
        <v>10800</v>
      </c>
      <c r="G2287">
        <v>22677.200000000001</v>
      </c>
      <c r="H2287">
        <v>1.6377999999999999</v>
      </c>
      <c r="I2287">
        <v>22973.8</v>
      </c>
      <c r="J2287">
        <v>111.54</v>
      </c>
    </row>
    <row r="2288" spans="1:10" x14ac:dyDescent="0.25">
      <c r="A2288">
        <v>16</v>
      </c>
      <c r="B2288">
        <v>105.139</v>
      </c>
      <c r="C2288">
        <v>119.31100000000001</v>
      </c>
      <c r="D2288">
        <v>187.18</v>
      </c>
      <c r="E2288">
        <v>7370.08</v>
      </c>
      <c r="F2288">
        <v>11310.2</v>
      </c>
      <c r="G2288">
        <v>22677.200000000001</v>
      </c>
      <c r="H2288">
        <v>2.3228300000000002</v>
      </c>
      <c r="I2288">
        <v>21770.9</v>
      </c>
      <c r="J2288">
        <v>42.634999999999998</v>
      </c>
    </row>
    <row r="2289" spans="1:10" x14ac:dyDescent="0.25">
      <c r="A2289">
        <v>16</v>
      </c>
      <c r="B2289">
        <v>108.68300000000001</v>
      </c>
      <c r="C2289">
        <v>119.625</v>
      </c>
      <c r="D2289">
        <v>190</v>
      </c>
      <c r="E2289">
        <v>7370.08</v>
      </c>
      <c r="F2289">
        <v>10800</v>
      </c>
      <c r="G2289">
        <v>18595.3</v>
      </c>
      <c r="H2289">
        <v>3.6692900000000002</v>
      </c>
      <c r="I2289">
        <v>20399.900000000001</v>
      </c>
      <c r="J2289">
        <v>45.793999999999997</v>
      </c>
    </row>
    <row r="2290" spans="1:10" x14ac:dyDescent="0.25">
      <c r="A2290">
        <v>16</v>
      </c>
      <c r="B2290">
        <v>108.446</v>
      </c>
      <c r="C2290">
        <v>118.369</v>
      </c>
      <c r="D2290">
        <v>189.68700000000001</v>
      </c>
      <c r="E2290">
        <v>9155.91</v>
      </c>
      <c r="F2290">
        <v>11310.2</v>
      </c>
      <c r="G2290">
        <v>19955.900000000001</v>
      </c>
      <c r="H2290">
        <v>1.1181099999999999</v>
      </c>
      <c r="I2290">
        <v>25934.9</v>
      </c>
      <c r="J2290">
        <v>24.226800000000001</v>
      </c>
    </row>
    <row r="2291" spans="1:10" x14ac:dyDescent="0.25">
      <c r="A2291">
        <v>16</v>
      </c>
      <c r="B2291">
        <v>108.446</v>
      </c>
      <c r="C2291">
        <v>119.625</v>
      </c>
      <c r="D2291">
        <v>189.68700000000001</v>
      </c>
      <c r="E2291">
        <v>7370.08</v>
      </c>
      <c r="F2291">
        <v>10800</v>
      </c>
      <c r="G2291">
        <v>19955.900000000001</v>
      </c>
      <c r="H2291">
        <v>1.7795300000000001</v>
      </c>
      <c r="I2291">
        <v>22017.9</v>
      </c>
      <c r="J2291">
        <v>38.423900000000003</v>
      </c>
    </row>
    <row r="2292" spans="1:10" x14ac:dyDescent="0.25">
      <c r="A2292">
        <v>16</v>
      </c>
      <c r="B2292">
        <v>108.919</v>
      </c>
      <c r="C2292">
        <v>118.68300000000001</v>
      </c>
      <c r="D2292">
        <v>189.68700000000001</v>
      </c>
      <c r="E2292">
        <v>10091.299999999999</v>
      </c>
      <c r="F2292">
        <v>10800</v>
      </c>
      <c r="G2292">
        <v>21316.5</v>
      </c>
      <c r="H2292">
        <v>2.2283499999999998</v>
      </c>
      <c r="I2292">
        <v>23894.400000000001</v>
      </c>
      <c r="J2292">
        <v>20.4404</v>
      </c>
    </row>
    <row r="2293" spans="1:10" x14ac:dyDescent="0.25">
      <c r="A2293">
        <v>16</v>
      </c>
      <c r="B2293">
        <v>108.446</v>
      </c>
      <c r="C2293">
        <v>118.369</v>
      </c>
      <c r="D2293">
        <v>189.68700000000001</v>
      </c>
      <c r="E2293">
        <v>7370.08</v>
      </c>
      <c r="F2293">
        <v>11310.2</v>
      </c>
      <c r="G2293">
        <v>22677.200000000001</v>
      </c>
      <c r="H2293">
        <v>3.59843</v>
      </c>
      <c r="I2293">
        <v>20863</v>
      </c>
      <c r="J2293">
        <v>45.026299999999999</v>
      </c>
    </row>
    <row r="2294" spans="1:10" x14ac:dyDescent="0.25">
      <c r="A2294">
        <v>16</v>
      </c>
      <c r="B2294">
        <v>108.446</v>
      </c>
      <c r="C2294">
        <v>119.93899999999999</v>
      </c>
      <c r="D2294">
        <v>189.68700000000001</v>
      </c>
      <c r="E2294">
        <v>7455.12</v>
      </c>
      <c r="F2294">
        <v>10800</v>
      </c>
      <c r="G2294">
        <v>18595.3</v>
      </c>
      <c r="H2294">
        <v>3.7873999999999999</v>
      </c>
      <c r="I2294">
        <v>20393.900000000001</v>
      </c>
      <c r="J2294">
        <v>43.598999999999997</v>
      </c>
    </row>
    <row r="2295" spans="1:10" x14ac:dyDescent="0.25">
      <c r="A2295">
        <v>16</v>
      </c>
      <c r="B2295">
        <v>108.446</v>
      </c>
      <c r="C2295">
        <v>118.369</v>
      </c>
      <c r="D2295">
        <v>189.68700000000001</v>
      </c>
      <c r="E2295">
        <v>10431.5</v>
      </c>
      <c r="F2295">
        <v>10800</v>
      </c>
      <c r="G2295">
        <v>19955.900000000001</v>
      </c>
      <c r="H2295">
        <v>1.1181099999999999</v>
      </c>
      <c r="I2295">
        <v>26820.6</v>
      </c>
      <c r="J2295">
        <v>17.5837</v>
      </c>
    </row>
    <row r="2296" spans="1:10" x14ac:dyDescent="0.25">
      <c r="A2296">
        <v>16</v>
      </c>
      <c r="B2296">
        <v>108.919</v>
      </c>
      <c r="C2296">
        <v>119.625</v>
      </c>
      <c r="D2296">
        <v>189.68700000000001</v>
      </c>
      <c r="E2296">
        <v>7370.08</v>
      </c>
      <c r="F2296">
        <v>10800</v>
      </c>
      <c r="G2296">
        <v>19955.900000000001</v>
      </c>
      <c r="H2296">
        <v>3.4094500000000001</v>
      </c>
      <c r="I2296">
        <v>20380.2</v>
      </c>
      <c r="J2296">
        <v>40.484000000000002</v>
      </c>
    </row>
    <row r="2297" spans="1:10" x14ac:dyDescent="0.25">
      <c r="A2297">
        <v>16</v>
      </c>
      <c r="B2297">
        <v>109.39100000000001</v>
      </c>
      <c r="C2297">
        <v>119.625</v>
      </c>
      <c r="D2297">
        <v>187.18</v>
      </c>
      <c r="E2297">
        <v>9921.26</v>
      </c>
      <c r="F2297">
        <v>10800</v>
      </c>
      <c r="G2297">
        <v>22677.200000000001</v>
      </c>
      <c r="H2297">
        <v>1.1653500000000001</v>
      </c>
      <c r="I2297">
        <v>26043.4</v>
      </c>
      <c r="J2297">
        <v>18.639700000000001</v>
      </c>
    </row>
    <row r="2298" spans="1:10" x14ac:dyDescent="0.25">
      <c r="A2298">
        <v>16</v>
      </c>
      <c r="B2298">
        <v>110.1</v>
      </c>
      <c r="C2298">
        <v>119.625</v>
      </c>
      <c r="D2298">
        <v>189.06</v>
      </c>
      <c r="E2298">
        <v>7370.08</v>
      </c>
      <c r="F2298">
        <v>10800</v>
      </c>
      <c r="G2298">
        <v>21316.5</v>
      </c>
      <c r="H2298">
        <v>1.1889799999999999</v>
      </c>
      <c r="I2298">
        <v>23492.799999999999</v>
      </c>
      <c r="J2298">
        <v>29.315799999999999</v>
      </c>
    </row>
    <row r="2299" spans="1:10" x14ac:dyDescent="0.25">
      <c r="A2299">
        <v>16</v>
      </c>
      <c r="B2299">
        <v>109.628</v>
      </c>
      <c r="C2299">
        <v>119.625</v>
      </c>
      <c r="D2299">
        <v>190</v>
      </c>
      <c r="E2299">
        <v>7370.08</v>
      </c>
      <c r="F2299">
        <v>10800</v>
      </c>
      <c r="G2299">
        <v>11792.1</v>
      </c>
      <c r="H2299">
        <v>1.4960599999999999</v>
      </c>
      <c r="I2299">
        <v>22335.8</v>
      </c>
      <c r="J2299">
        <v>43.461100000000002</v>
      </c>
    </row>
    <row r="2300" spans="1:10" x14ac:dyDescent="0.25">
      <c r="A2300">
        <v>16</v>
      </c>
      <c r="B2300">
        <v>110.1</v>
      </c>
      <c r="C2300">
        <v>123.395</v>
      </c>
      <c r="D2300">
        <v>189.06</v>
      </c>
      <c r="E2300">
        <v>7370.08</v>
      </c>
      <c r="F2300">
        <v>11820.5</v>
      </c>
      <c r="G2300">
        <v>21316.5</v>
      </c>
      <c r="H2300">
        <v>1.6614199999999999</v>
      </c>
      <c r="I2300">
        <v>23132</v>
      </c>
      <c r="J2300">
        <v>30.837299999999999</v>
      </c>
    </row>
    <row r="2301" spans="1:10" x14ac:dyDescent="0.25">
      <c r="A2301">
        <v>16</v>
      </c>
      <c r="B2301">
        <v>108.919</v>
      </c>
      <c r="C2301">
        <v>119.625</v>
      </c>
      <c r="D2301">
        <v>189.68700000000001</v>
      </c>
      <c r="E2301">
        <v>7370.08</v>
      </c>
      <c r="F2301">
        <v>11310.2</v>
      </c>
      <c r="G2301">
        <v>21316.5</v>
      </c>
      <c r="H2301">
        <v>2.0393699999999999</v>
      </c>
      <c r="I2301">
        <v>22016.1</v>
      </c>
      <c r="J2301">
        <v>27.0718</v>
      </c>
    </row>
    <row r="2302" spans="1:10" x14ac:dyDescent="0.25">
      <c r="A2302">
        <v>16</v>
      </c>
      <c r="B2302">
        <v>108.446</v>
      </c>
      <c r="C2302">
        <v>119.625</v>
      </c>
      <c r="D2302">
        <v>189.68700000000001</v>
      </c>
      <c r="E2302">
        <v>11792.1</v>
      </c>
      <c r="F2302">
        <v>10800</v>
      </c>
      <c r="G2302">
        <v>19955.900000000001</v>
      </c>
      <c r="H2302">
        <v>1.1181099999999999</v>
      </c>
      <c r="I2302">
        <v>28191.8</v>
      </c>
      <c r="J2302">
        <v>29.491800000000001</v>
      </c>
    </row>
    <row r="2303" spans="1:10" x14ac:dyDescent="0.25">
      <c r="A2303">
        <v>16</v>
      </c>
      <c r="B2303">
        <v>109.628</v>
      </c>
      <c r="C2303">
        <v>118.68300000000001</v>
      </c>
      <c r="D2303">
        <v>189.68700000000001</v>
      </c>
      <c r="E2303">
        <v>7370.08</v>
      </c>
      <c r="F2303">
        <v>10800</v>
      </c>
      <c r="G2303">
        <v>22677.200000000001</v>
      </c>
      <c r="H2303">
        <v>2.8897599999999999</v>
      </c>
      <c r="I2303">
        <v>20764</v>
      </c>
      <c r="J2303">
        <v>37.4754</v>
      </c>
    </row>
    <row r="2304" spans="1:10" x14ac:dyDescent="0.25">
      <c r="A2304">
        <v>16</v>
      </c>
      <c r="B2304">
        <v>108.446</v>
      </c>
      <c r="C2304">
        <v>119.93899999999999</v>
      </c>
      <c r="D2304">
        <v>187.18</v>
      </c>
      <c r="E2304">
        <v>7710.24</v>
      </c>
      <c r="F2304">
        <v>11310.2</v>
      </c>
      <c r="G2304">
        <v>21146.5</v>
      </c>
      <c r="H2304">
        <v>3.7873999999999999</v>
      </c>
      <c r="I2304">
        <v>21231.5</v>
      </c>
      <c r="J2304">
        <v>35.554900000000004</v>
      </c>
    </row>
    <row r="2305" spans="1:10" x14ac:dyDescent="0.25">
      <c r="A2305">
        <v>16</v>
      </c>
      <c r="B2305">
        <v>105.376</v>
      </c>
      <c r="C2305">
        <v>119.625</v>
      </c>
      <c r="D2305">
        <v>189.68700000000001</v>
      </c>
      <c r="E2305">
        <v>10091.299999999999</v>
      </c>
      <c r="F2305">
        <v>10800</v>
      </c>
      <c r="G2305">
        <v>22677.200000000001</v>
      </c>
      <c r="H2305">
        <v>2.1338599999999999</v>
      </c>
      <c r="I2305">
        <v>24003.3</v>
      </c>
      <c r="J2305">
        <v>44.098999999999997</v>
      </c>
    </row>
    <row r="2306" spans="1:10" x14ac:dyDescent="0.25">
      <c r="A2306">
        <v>16</v>
      </c>
      <c r="B2306">
        <v>108.446</v>
      </c>
      <c r="C2306">
        <v>118.369</v>
      </c>
      <c r="D2306">
        <v>189.06</v>
      </c>
      <c r="E2306">
        <v>7795.28</v>
      </c>
      <c r="F2306">
        <v>11310.2</v>
      </c>
      <c r="G2306">
        <v>22677.200000000001</v>
      </c>
      <c r="H2306">
        <v>1.09449</v>
      </c>
      <c r="I2306">
        <v>24617.8</v>
      </c>
      <c r="J2306">
        <v>31.681699999999999</v>
      </c>
    </row>
    <row r="2307" spans="1:10" x14ac:dyDescent="0.25">
      <c r="A2307">
        <v>16</v>
      </c>
      <c r="B2307">
        <v>109.39100000000001</v>
      </c>
      <c r="C2307">
        <v>119.625</v>
      </c>
      <c r="D2307">
        <v>189.68700000000001</v>
      </c>
      <c r="E2307">
        <v>10091.299999999999</v>
      </c>
      <c r="F2307">
        <v>10800</v>
      </c>
      <c r="G2307">
        <v>19785.8</v>
      </c>
      <c r="H2307">
        <v>3.4330699999999998</v>
      </c>
      <c r="I2307">
        <v>23606.2</v>
      </c>
      <c r="J2307">
        <v>25.227799999999998</v>
      </c>
    </row>
    <row r="2308" spans="1:10" x14ac:dyDescent="0.25">
      <c r="A2308">
        <v>16</v>
      </c>
      <c r="B2308">
        <v>108.919</v>
      </c>
      <c r="C2308">
        <v>118.68300000000001</v>
      </c>
      <c r="D2308">
        <v>190</v>
      </c>
      <c r="E2308">
        <v>7370.08</v>
      </c>
      <c r="F2308">
        <v>10800</v>
      </c>
      <c r="G2308">
        <v>21316.5</v>
      </c>
      <c r="H2308">
        <v>3.7401599999999999</v>
      </c>
      <c r="I2308">
        <v>20340.900000000001</v>
      </c>
      <c r="J2308">
        <v>49.812899999999999</v>
      </c>
    </row>
    <row r="2309" spans="1:10" x14ac:dyDescent="0.25">
      <c r="A2309">
        <v>16</v>
      </c>
      <c r="B2309">
        <v>108.446</v>
      </c>
      <c r="C2309">
        <v>118.369</v>
      </c>
      <c r="D2309">
        <v>187.18</v>
      </c>
      <c r="E2309">
        <v>10091.299999999999</v>
      </c>
      <c r="F2309">
        <v>10800</v>
      </c>
      <c r="G2309">
        <v>19955.900000000001</v>
      </c>
      <c r="H2309">
        <v>1.40157</v>
      </c>
      <c r="I2309">
        <v>25389.1</v>
      </c>
      <c r="J2309">
        <v>18.889700000000001</v>
      </c>
    </row>
    <row r="2310" spans="1:10" x14ac:dyDescent="0.25">
      <c r="A2310">
        <v>16</v>
      </c>
      <c r="B2310">
        <v>109.628</v>
      </c>
      <c r="C2310">
        <v>123.395</v>
      </c>
      <c r="D2310">
        <v>189.68700000000001</v>
      </c>
      <c r="E2310">
        <v>7710.24</v>
      </c>
      <c r="F2310">
        <v>10800</v>
      </c>
      <c r="G2310">
        <v>18595.3</v>
      </c>
      <c r="H2310">
        <v>2.8897599999999999</v>
      </c>
      <c r="I2310">
        <v>21211.5</v>
      </c>
      <c r="J2310">
        <v>91.565200000000004</v>
      </c>
    </row>
    <row r="2311" spans="1:10" x14ac:dyDescent="0.25">
      <c r="A2311">
        <v>16</v>
      </c>
      <c r="B2311">
        <v>109.864</v>
      </c>
      <c r="C2311">
        <v>119.625</v>
      </c>
      <c r="D2311">
        <v>189.68700000000001</v>
      </c>
      <c r="E2311">
        <v>7710.24</v>
      </c>
      <c r="F2311">
        <v>11310.2</v>
      </c>
      <c r="G2311">
        <v>18595.3</v>
      </c>
      <c r="H2311">
        <v>1.1181099999999999</v>
      </c>
      <c r="I2311">
        <v>24259.8</v>
      </c>
      <c r="J2311">
        <v>34.351999999999997</v>
      </c>
    </row>
    <row r="2312" spans="1:10" x14ac:dyDescent="0.25">
      <c r="A2312">
        <v>16</v>
      </c>
      <c r="B2312">
        <v>110.1</v>
      </c>
      <c r="C2312">
        <v>124.652</v>
      </c>
      <c r="D2312">
        <v>189.68700000000001</v>
      </c>
      <c r="E2312">
        <v>7370.08</v>
      </c>
      <c r="F2312">
        <v>10800</v>
      </c>
      <c r="G2312">
        <v>21316.5</v>
      </c>
      <c r="H2312">
        <v>2.70079</v>
      </c>
      <c r="I2312">
        <v>21277.4</v>
      </c>
      <c r="J2312">
        <v>107.173</v>
      </c>
    </row>
    <row r="2313" spans="1:10" x14ac:dyDescent="0.25">
      <c r="A2313">
        <v>16</v>
      </c>
      <c r="B2313">
        <v>109.39100000000001</v>
      </c>
      <c r="C2313">
        <v>119.625</v>
      </c>
      <c r="D2313">
        <v>189.68700000000001</v>
      </c>
      <c r="E2313">
        <v>7710.24</v>
      </c>
      <c r="F2313">
        <v>10800</v>
      </c>
      <c r="G2313">
        <v>19615.7</v>
      </c>
      <c r="H2313">
        <v>1.7559100000000001</v>
      </c>
      <c r="I2313">
        <v>22324</v>
      </c>
      <c r="J2313">
        <v>34.716900000000003</v>
      </c>
    </row>
    <row r="2314" spans="1:10" x14ac:dyDescent="0.25">
      <c r="A2314">
        <v>16</v>
      </c>
      <c r="B2314">
        <v>108.446</v>
      </c>
      <c r="C2314">
        <v>114.598</v>
      </c>
      <c r="D2314">
        <v>189.68700000000001</v>
      </c>
      <c r="E2314">
        <v>11622</v>
      </c>
      <c r="F2314">
        <v>10800</v>
      </c>
      <c r="G2314">
        <v>19955.900000000001</v>
      </c>
      <c r="H2314">
        <v>1.4960599999999999</v>
      </c>
      <c r="I2314">
        <v>26561.5</v>
      </c>
      <c r="J2314">
        <v>27.033000000000001</v>
      </c>
    </row>
    <row r="2315" spans="1:10" x14ac:dyDescent="0.25">
      <c r="A2315">
        <v>16</v>
      </c>
      <c r="B2315">
        <v>108.919</v>
      </c>
      <c r="C2315">
        <v>129.99299999999999</v>
      </c>
      <c r="D2315">
        <v>189.68700000000001</v>
      </c>
      <c r="E2315">
        <v>7370.08</v>
      </c>
      <c r="F2315">
        <v>10800</v>
      </c>
      <c r="G2315">
        <v>19785.8</v>
      </c>
      <c r="H2315">
        <v>3.4330699999999998</v>
      </c>
      <c r="I2315">
        <v>20803.900000000001</v>
      </c>
      <c r="J2315">
        <v>123.735</v>
      </c>
    </row>
    <row r="2316" spans="1:10" x14ac:dyDescent="0.25">
      <c r="A2316">
        <v>16</v>
      </c>
      <c r="B2316">
        <v>108.446</v>
      </c>
      <c r="C2316">
        <v>119.625</v>
      </c>
      <c r="D2316">
        <v>187.18</v>
      </c>
      <c r="E2316">
        <v>10091.299999999999</v>
      </c>
      <c r="F2316">
        <v>10800</v>
      </c>
      <c r="G2316">
        <v>19955.900000000001</v>
      </c>
      <c r="H2316">
        <v>1.1417299999999999</v>
      </c>
      <c r="I2316">
        <v>26014</v>
      </c>
      <c r="J2316">
        <v>18.7805</v>
      </c>
    </row>
    <row r="2317" spans="1:10" x14ac:dyDescent="0.25">
      <c r="A2317">
        <v>16</v>
      </c>
      <c r="B2317">
        <v>109.864</v>
      </c>
      <c r="C2317">
        <v>119.625</v>
      </c>
      <c r="D2317">
        <v>189.68700000000001</v>
      </c>
      <c r="E2317">
        <v>7370.08</v>
      </c>
      <c r="F2317">
        <v>10800</v>
      </c>
      <c r="G2317">
        <v>9070.8700000000008</v>
      </c>
      <c r="H2317">
        <v>2.6063000000000001</v>
      </c>
      <c r="I2317">
        <v>20965.8</v>
      </c>
      <c r="J2317">
        <v>31.6509</v>
      </c>
    </row>
    <row r="2318" spans="1:10" x14ac:dyDescent="0.25">
      <c r="A2318">
        <v>16</v>
      </c>
      <c r="B2318">
        <v>108.446</v>
      </c>
      <c r="C2318">
        <v>118.369</v>
      </c>
      <c r="D2318">
        <v>189.68700000000001</v>
      </c>
      <c r="E2318">
        <v>7710.24</v>
      </c>
      <c r="F2318">
        <v>10800</v>
      </c>
      <c r="G2318">
        <v>19955.900000000001</v>
      </c>
      <c r="H2318">
        <v>1.82677</v>
      </c>
      <c r="I2318">
        <v>22200.1</v>
      </c>
      <c r="J2318">
        <v>41.056100000000001</v>
      </c>
    </row>
    <row r="2319" spans="1:10" x14ac:dyDescent="0.25">
      <c r="A2319">
        <v>16</v>
      </c>
      <c r="B2319">
        <v>107.502</v>
      </c>
      <c r="C2319">
        <v>118.369</v>
      </c>
      <c r="D2319">
        <v>189.68700000000001</v>
      </c>
      <c r="E2319">
        <v>10431.5</v>
      </c>
      <c r="F2319">
        <v>10800</v>
      </c>
      <c r="G2319">
        <v>19955.900000000001</v>
      </c>
      <c r="H2319">
        <v>1.92126</v>
      </c>
      <c r="I2319">
        <v>24837.1</v>
      </c>
      <c r="J2319">
        <v>37.080100000000002</v>
      </c>
    </row>
    <row r="2320" spans="1:10" x14ac:dyDescent="0.25">
      <c r="A2320">
        <v>16</v>
      </c>
      <c r="B2320">
        <v>109.628</v>
      </c>
      <c r="C2320">
        <v>128.422</v>
      </c>
      <c r="D2320">
        <v>187.18</v>
      </c>
      <c r="E2320">
        <v>10091.299999999999</v>
      </c>
      <c r="F2320">
        <v>10800</v>
      </c>
      <c r="G2320">
        <v>21316.5</v>
      </c>
      <c r="H2320">
        <v>3.45669</v>
      </c>
      <c r="I2320">
        <v>23658.2</v>
      </c>
      <c r="J2320">
        <v>118.41200000000001</v>
      </c>
    </row>
    <row r="2321" spans="1:10" x14ac:dyDescent="0.25">
      <c r="A2321">
        <v>16</v>
      </c>
      <c r="B2321">
        <v>108.446</v>
      </c>
      <c r="C2321">
        <v>119.625</v>
      </c>
      <c r="D2321">
        <v>189.68700000000001</v>
      </c>
      <c r="E2321">
        <v>10431.5</v>
      </c>
      <c r="F2321">
        <v>10800</v>
      </c>
      <c r="G2321">
        <v>19615.7</v>
      </c>
      <c r="H2321">
        <v>1.1181099999999999</v>
      </c>
      <c r="I2321">
        <v>26419.3</v>
      </c>
      <c r="J2321">
        <v>18.099799999999998</v>
      </c>
    </row>
    <row r="2322" spans="1:10" x14ac:dyDescent="0.25">
      <c r="A2322">
        <v>16</v>
      </c>
      <c r="B2322">
        <v>108.446</v>
      </c>
      <c r="C2322">
        <v>119.625</v>
      </c>
      <c r="D2322">
        <v>190</v>
      </c>
      <c r="E2322">
        <v>10431.5</v>
      </c>
      <c r="F2322">
        <v>10800</v>
      </c>
      <c r="G2322">
        <v>19615.7</v>
      </c>
      <c r="H2322">
        <v>1.87402</v>
      </c>
      <c r="I2322">
        <v>24854.799999999999</v>
      </c>
      <c r="J2322">
        <v>37.2485</v>
      </c>
    </row>
    <row r="2323" spans="1:10" x14ac:dyDescent="0.25">
      <c r="A2323">
        <v>16</v>
      </c>
      <c r="B2323">
        <v>108.446</v>
      </c>
      <c r="C2323">
        <v>119.625</v>
      </c>
      <c r="D2323">
        <v>187.18</v>
      </c>
      <c r="E2323">
        <v>7455.12</v>
      </c>
      <c r="F2323">
        <v>10800</v>
      </c>
      <c r="G2323">
        <v>18595.3</v>
      </c>
      <c r="H2323">
        <v>1.85039</v>
      </c>
      <c r="I2323">
        <v>22011.1</v>
      </c>
      <c r="J2323">
        <v>42.509799999999998</v>
      </c>
    </row>
    <row r="2324" spans="1:10" x14ac:dyDescent="0.25">
      <c r="A2324">
        <v>16</v>
      </c>
      <c r="B2324">
        <v>108.446</v>
      </c>
      <c r="C2324">
        <v>119.625</v>
      </c>
      <c r="D2324">
        <v>189.68700000000001</v>
      </c>
      <c r="E2324">
        <v>7455.12</v>
      </c>
      <c r="F2324">
        <v>11310.2</v>
      </c>
      <c r="G2324">
        <v>22677.200000000001</v>
      </c>
      <c r="H2324">
        <v>1.80315</v>
      </c>
      <c r="I2324">
        <v>22399.7</v>
      </c>
      <c r="J2324">
        <v>40.573799999999999</v>
      </c>
    </row>
    <row r="2325" spans="1:10" x14ac:dyDescent="0.25">
      <c r="A2325">
        <v>16</v>
      </c>
      <c r="B2325">
        <v>108.919</v>
      </c>
      <c r="C2325">
        <v>118.369</v>
      </c>
      <c r="D2325">
        <v>189.68700000000001</v>
      </c>
      <c r="E2325">
        <v>10431.5</v>
      </c>
      <c r="F2325">
        <v>10800</v>
      </c>
      <c r="G2325">
        <v>19615.7</v>
      </c>
      <c r="H2325">
        <v>1.4960599999999999</v>
      </c>
      <c r="I2325">
        <v>25565.9</v>
      </c>
      <c r="J2325">
        <v>18.1692</v>
      </c>
    </row>
    <row r="2326" spans="1:10" x14ac:dyDescent="0.25">
      <c r="A2326">
        <v>16</v>
      </c>
      <c r="B2326">
        <v>109.39100000000001</v>
      </c>
      <c r="C2326">
        <v>119.625</v>
      </c>
      <c r="D2326">
        <v>189.68700000000001</v>
      </c>
      <c r="E2326">
        <v>10431.5</v>
      </c>
      <c r="F2326">
        <v>10800</v>
      </c>
      <c r="G2326">
        <v>22677.200000000001</v>
      </c>
      <c r="H2326">
        <v>1.4960599999999999</v>
      </c>
      <c r="I2326">
        <v>25715.1</v>
      </c>
      <c r="J2326">
        <v>20.767299999999999</v>
      </c>
    </row>
    <row r="2327" spans="1:10" x14ac:dyDescent="0.25">
      <c r="A2327">
        <v>16</v>
      </c>
      <c r="B2327">
        <v>110.1</v>
      </c>
      <c r="C2327">
        <v>123.395</v>
      </c>
      <c r="D2327">
        <v>189.06</v>
      </c>
      <c r="E2327">
        <v>7370.08</v>
      </c>
      <c r="F2327">
        <v>10800</v>
      </c>
      <c r="G2327">
        <v>21316.5</v>
      </c>
      <c r="H2327">
        <v>3.0787399999999998</v>
      </c>
      <c r="I2327">
        <v>21028.799999999999</v>
      </c>
      <c r="J2327">
        <v>25.227799999999998</v>
      </c>
    </row>
    <row r="2328" spans="1:10" x14ac:dyDescent="0.25">
      <c r="A2328">
        <v>16</v>
      </c>
      <c r="B2328">
        <v>110.1</v>
      </c>
      <c r="C2328">
        <v>123.395</v>
      </c>
      <c r="D2328">
        <v>189.06</v>
      </c>
      <c r="E2328">
        <v>7710.24</v>
      </c>
      <c r="F2328">
        <v>10800</v>
      </c>
      <c r="G2328">
        <v>19955.900000000001</v>
      </c>
      <c r="H2328">
        <v>1.6377999999999999</v>
      </c>
      <c r="I2328">
        <v>22282.799999999999</v>
      </c>
      <c r="J2328">
        <v>20.198799999999999</v>
      </c>
    </row>
    <row r="2329" spans="1:10" x14ac:dyDescent="0.25">
      <c r="A2329">
        <v>16</v>
      </c>
      <c r="B2329">
        <v>108.919</v>
      </c>
      <c r="C2329">
        <v>119.625</v>
      </c>
      <c r="D2329">
        <v>189.68700000000001</v>
      </c>
      <c r="E2329">
        <v>7370.08</v>
      </c>
      <c r="F2329">
        <v>10800</v>
      </c>
      <c r="G2329">
        <v>18595.3</v>
      </c>
      <c r="H2329">
        <v>3.9291299999999998</v>
      </c>
      <c r="I2329">
        <v>20193.8</v>
      </c>
      <c r="J2329">
        <v>44.023600000000002</v>
      </c>
    </row>
    <row r="2330" spans="1:10" x14ac:dyDescent="0.25">
      <c r="A2330">
        <v>16</v>
      </c>
      <c r="B2330">
        <v>108.919</v>
      </c>
      <c r="C2330">
        <v>119.625</v>
      </c>
      <c r="D2330">
        <v>190</v>
      </c>
      <c r="E2330">
        <v>7370.08</v>
      </c>
      <c r="F2330">
        <v>10800</v>
      </c>
      <c r="G2330">
        <v>19615.7</v>
      </c>
      <c r="H2330">
        <v>2.79528</v>
      </c>
      <c r="I2330">
        <v>20731.8</v>
      </c>
      <c r="J2330">
        <v>44.339500000000001</v>
      </c>
    </row>
    <row r="2331" spans="1:10" x14ac:dyDescent="0.25">
      <c r="A2331">
        <v>16</v>
      </c>
      <c r="B2331">
        <v>108.446</v>
      </c>
      <c r="C2331">
        <v>118.369</v>
      </c>
      <c r="D2331">
        <v>189.68700000000001</v>
      </c>
      <c r="E2331">
        <v>10091.299999999999</v>
      </c>
      <c r="F2331">
        <v>10800</v>
      </c>
      <c r="G2331">
        <v>21316.5</v>
      </c>
      <c r="H2331">
        <v>2.2283499999999998</v>
      </c>
      <c r="I2331">
        <v>24059.200000000001</v>
      </c>
      <c r="J2331">
        <v>22.494499999999999</v>
      </c>
    </row>
    <row r="2332" spans="1:10" x14ac:dyDescent="0.25">
      <c r="A2332">
        <v>16</v>
      </c>
      <c r="B2332">
        <v>109.39100000000001</v>
      </c>
      <c r="C2332">
        <v>113.342</v>
      </c>
      <c r="D2332">
        <v>189.37299999999999</v>
      </c>
      <c r="E2332">
        <v>7455.12</v>
      </c>
      <c r="F2332">
        <v>11310.2</v>
      </c>
      <c r="G2332">
        <v>21316.5</v>
      </c>
      <c r="H2332">
        <v>3.5748000000000002</v>
      </c>
      <c r="I2332">
        <v>21085.5</v>
      </c>
      <c r="J2332">
        <v>65.790499999999994</v>
      </c>
    </row>
    <row r="2333" spans="1:10" x14ac:dyDescent="0.25">
      <c r="A2333">
        <v>16</v>
      </c>
      <c r="B2333">
        <v>108.919</v>
      </c>
      <c r="C2333">
        <v>119.93899999999999</v>
      </c>
      <c r="D2333">
        <v>189.68700000000001</v>
      </c>
      <c r="E2333">
        <v>10091.299999999999</v>
      </c>
      <c r="F2333">
        <v>10800</v>
      </c>
      <c r="G2333">
        <v>19955.900000000001</v>
      </c>
      <c r="H2333">
        <v>1.40157</v>
      </c>
      <c r="I2333">
        <v>25875.5</v>
      </c>
      <c r="J2333">
        <v>20.278700000000001</v>
      </c>
    </row>
    <row r="2334" spans="1:10" x14ac:dyDescent="0.25">
      <c r="A2334">
        <v>16</v>
      </c>
      <c r="B2334">
        <v>109.39100000000001</v>
      </c>
      <c r="C2334">
        <v>119.625</v>
      </c>
      <c r="D2334">
        <v>189.68700000000001</v>
      </c>
      <c r="E2334">
        <v>7370.08</v>
      </c>
      <c r="F2334">
        <v>10800</v>
      </c>
      <c r="G2334">
        <v>19955.900000000001</v>
      </c>
      <c r="H2334">
        <v>2.8897599999999999</v>
      </c>
      <c r="I2334">
        <v>20832.099999999999</v>
      </c>
      <c r="J2334">
        <v>39.306699999999999</v>
      </c>
    </row>
    <row r="2335" spans="1:10" x14ac:dyDescent="0.25">
      <c r="A2335">
        <v>16</v>
      </c>
      <c r="B2335">
        <v>108.446</v>
      </c>
      <c r="C2335">
        <v>119.625</v>
      </c>
      <c r="D2335">
        <v>189.68700000000001</v>
      </c>
      <c r="E2335">
        <v>7710.24</v>
      </c>
      <c r="F2335">
        <v>10800</v>
      </c>
      <c r="G2335">
        <v>22677.200000000001</v>
      </c>
      <c r="H2335">
        <v>1.1417299999999999</v>
      </c>
      <c r="I2335">
        <v>23790.3</v>
      </c>
      <c r="J2335">
        <v>34.097200000000001</v>
      </c>
    </row>
    <row r="2336" spans="1:10" x14ac:dyDescent="0.25">
      <c r="A2336">
        <v>16</v>
      </c>
      <c r="B2336">
        <v>110.1</v>
      </c>
      <c r="C2336">
        <v>119.93899999999999</v>
      </c>
      <c r="D2336">
        <v>189.68700000000001</v>
      </c>
      <c r="E2336">
        <v>7370.08</v>
      </c>
      <c r="F2336">
        <v>10800</v>
      </c>
      <c r="G2336">
        <v>18425.2</v>
      </c>
      <c r="H2336">
        <v>3.7401599999999999</v>
      </c>
      <c r="I2336">
        <v>20241.8</v>
      </c>
      <c r="J2336">
        <v>55.460700000000003</v>
      </c>
    </row>
    <row r="2337" spans="1:10" x14ac:dyDescent="0.25">
      <c r="A2337">
        <v>16</v>
      </c>
      <c r="B2337">
        <v>109.39100000000001</v>
      </c>
      <c r="C2337">
        <v>123.395</v>
      </c>
      <c r="D2337">
        <v>190</v>
      </c>
      <c r="E2337">
        <v>7370.08</v>
      </c>
      <c r="F2337">
        <v>10800</v>
      </c>
      <c r="G2337">
        <v>22337</v>
      </c>
      <c r="H2337">
        <v>2.2283499999999998</v>
      </c>
      <c r="I2337">
        <v>21699.1</v>
      </c>
      <c r="J2337">
        <v>91.760199999999998</v>
      </c>
    </row>
    <row r="2338" spans="1:10" x14ac:dyDescent="0.25">
      <c r="A2338">
        <v>16</v>
      </c>
      <c r="B2338">
        <v>108.68300000000001</v>
      </c>
      <c r="C2338">
        <v>125.90900000000001</v>
      </c>
      <c r="D2338">
        <v>189.68700000000001</v>
      </c>
      <c r="E2338">
        <v>10431.5</v>
      </c>
      <c r="F2338">
        <v>14881.9</v>
      </c>
      <c r="G2338">
        <v>19615.7</v>
      </c>
      <c r="H2338">
        <v>3.3858299999999999</v>
      </c>
      <c r="I2338">
        <v>27996.400000000001</v>
      </c>
      <c r="J2338">
        <v>111.735</v>
      </c>
    </row>
    <row r="2339" spans="1:10" x14ac:dyDescent="0.25">
      <c r="A2339">
        <v>16</v>
      </c>
      <c r="B2339">
        <v>108.919</v>
      </c>
      <c r="C2339">
        <v>118.68300000000001</v>
      </c>
      <c r="D2339">
        <v>189.68700000000001</v>
      </c>
      <c r="E2339">
        <v>7370.08</v>
      </c>
      <c r="F2339">
        <v>10800</v>
      </c>
      <c r="G2339">
        <v>11622</v>
      </c>
      <c r="H2339">
        <v>3.9763799999999998</v>
      </c>
      <c r="I2339">
        <v>20268.8</v>
      </c>
      <c r="J2339">
        <v>51.209899999999998</v>
      </c>
    </row>
    <row r="2340" spans="1:10" x14ac:dyDescent="0.25">
      <c r="A2340">
        <v>16</v>
      </c>
      <c r="B2340">
        <v>108.919</v>
      </c>
      <c r="C2340">
        <v>119.625</v>
      </c>
      <c r="D2340">
        <v>189.68700000000001</v>
      </c>
      <c r="E2340">
        <v>8730.7099999999991</v>
      </c>
      <c r="F2340">
        <v>10800</v>
      </c>
      <c r="G2340">
        <v>18595.3</v>
      </c>
      <c r="H2340">
        <v>3.6692900000000002</v>
      </c>
      <c r="I2340">
        <v>21787</v>
      </c>
      <c r="J2340">
        <v>52.4938</v>
      </c>
    </row>
    <row r="2341" spans="1:10" x14ac:dyDescent="0.25">
      <c r="A2341">
        <v>16</v>
      </c>
      <c r="B2341">
        <v>109.155</v>
      </c>
      <c r="C2341">
        <v>118.369</v>
      </c>
      <c r="D2341">
        <v>189.68700000000001</v>
      </c>
      <c r="E2341">
        <v>10091.299999999999</v>
      </c>
      <c r="F2341">
        <v>10800</v>
      </c>
      <c r="G2341">
        <v>19955.900000000001</v>
      </c>
      <c r="H2341">
        <v>1.40157</v>
      </c>
      <c r="I2341">
        <v>25253.200000000001</v>
      </c>
      <c r="J2341">
        <v>18.960899999999999</v>
      </c>
    </row>
    <row r="2342" spans="1:10" x14ac:dyDescent="0.25">
      <c r="A2342">
        <v>16</v>
      </c>
      <c r="B2342">
        <v>109.155</v>
      </c>
      <c r="C2342">
        <v>128.73599999999999</v>
      </c>
      <c r="D2342">
        <v>189.68700000000001</v>
      </c>
      <c r="E2342">
        <v>7370.08</v>
      </c>
      <c r="F2342">
        <v>10800</v>
      </c>
      <c r="G2342">
        <v>19785.8</v>
      </c>
      <c r="H2342">
        <v>3.4094500000000001</v>
      </c>
      <c r="I2342">
        <v>20964.3</v>
      </c>
      <c r="J2342">
        <v>27.779299999999999</v>
      </c>
    </row>
    <row r="2343" spans="1:10" x14ac:dyDescent="0.25">
      <c r="A2343">
        <v>16</v>
      </c>
      <c r="B2343">
        <v>108.68300000000001</v>
      </c>
      <c r="C2343">
        <v>118.369</v>
      </c>
      <c r="D2343">
        <v>190</v>
      </c>
      <c r="E2343">
        <v>10091.299999999999</v>
      </c>
      <c r="F2343">
        <v>10800</v>
      </c>
      <c r="G2343">
        <v>19955.900000000001</v>
      </c>
      <c r="H2343">
        <v>1.40157</v>
      </c>
      <c r="I2343">
        <v>25363.200000000001</v>
      </c>
      <c r="J2343">
        <v>18.910900000000002</v>
      </c>
    </row>
    <row r="2344" spans="1:10" x14ac:dyDescent="0.25">
      <c r="A2344">
        <v>16</v>
      </c>
      <c r="B2344">
        <v>108.446</v>
      </c>
      <c r="C2344">
        <v>119.625</v>
      </c>
      <c r="D2344">
        <v>190</v>
      </c>
      <c r="E2344">
        <v>10431.5</v>
      </c>
      <c r="F2344">
        <v>10800</v>
      </c>
      <c r="G2344">
        <v>19955.900000000001</v>
      </c>
      <c r="H2344">
        <v>1.1653500000000001</v>
      </c>
      <c r="I2344">
        <v>26438.5</v>
      </c>
      <c r="J2344">
        <v>17.756900000000002</v>
      </c>
    </row>
    <row r="2345" spans="1:10" x14ac:dyDescent="0.25">
      <c r="A2345">
        <v>16</v>
      </c>
      <c r="B2345">
        <v>109.155</v>
      </c>
      <c r="C2345">
        <v>124.652</v>
      </c>
      <c r="D2345">
        <v>189.37299999999999</v>
      </c>
      <c r="E2345">
        <v>7370.08</v>
      </c>
      <c r="F2345">
        <v>10800</v>
      </c>
      <c r="G2345">
        <v>19955.900000000001</v>
      </c>
      <c r="H2345">
        <v>3.8582700000000001</v>
      </c>
      <c r="I2345">
        <v>20425.900000000001</v>
      </c>
      <c r="J2345">
        <v>33.058799999999998</v>
      </c>
    </row>
    <row r="2346" spans="1:10" x14ac:dyDescent="0.25">
      <c r="A2346">
        <v>16</v>
      </c>
      <c r="B2346">
        <v>108.446</v>
      </c>
      <c r="C2346">
        <v>118.369</v>
      </c>
      <c r="D2346">
        <v>187.18</v>
      </c>
      <c r="E2346">
        <v>10091.299999999999</v>
      </c>
      <c r="F2346">
        <v>10800</v>
      </c>
      <c r="G2346">
        <v>19955.900000000001</v>
      </c>
      <c r="H2346">
        <v>1.40157</v>
      </c>
      <c r="I2346">
        <v>25389.1</v>
      </c>
      <c r="J2346">
        <v>18.889700000000001</v>
      </c>
    </row>
    <row r="2347" spans="1:10" x14ac:dyDescent="0.25">
      <c r="A2347">
        <v>16</v>
      </c>
      <c r="B2347">
        <v>102.777</v>
      </c>
      <c r="C2347">
        <v>123.081</v>
      </c>
      <c r="D2347">
        <v>182.47900000000001</v>
      </c>
      <c r="E2347">
        <v>7200</v>
      </c>
      <c r="F2347">
        <v>10800</v>
      </c>
      <c r="G2347">
        <v>19955.900000000001</v>
      </c>
      <c r="H2347">
        <v>3.7637800000000001</v>
      </c>
      <c r="I2347">
        <v>20089.900000000001</v>
      </c>
      <c r="J2347">
        <v>33.581899999999997</v>
      </c>
    </row>
    <row r="2348" spans="1:10" x14ac:dyDescent="0.25">
      <c r="A2348">
        <v>16</v>
      </c>
      <c r="B2348">
        <v>110.1</v>
      </c>
      <c r="C2348">
        <v>123.395</v>
      </c>
      <c r="D2348">
        <v>189.06</v>
      </c>
      <c r="E2348">
        <v>7710.24</v>
      </c>
      <c r="F2348">
        <v>10800</v>
      </c>
      <c r="G2348">
        <v>19955.900000000001</v>
      </c>
      <c r="H2348">
        <v>1.6377999999999999</v>
      </c>
      <c r="I2348">
        <v>22282.799999999999</v>
      </c>
      <c r="J2348">
        <v>20.198799999999999</v>
      </c>
    </row>
    <row r="2349" spans="1:10" x14ac:dyDescent="0.25">
      <c r="A2349">
        <v>16</v>
      </c>
      <c r="B2349">
        <v>105.848</v>
      </c>
      <c r="C2349">
        <v>114.913</v>
      </c>
      <c r="D2349">
        <v>189.06</v>
      </c>
      <c r="E2349">
        <v>7710.24</v>
      </c>
      <c r="F2349">
        <v>14881.9</v>
      </c>
      <c r="G2349">
        <v>22677.200000000001</v>
      </c>
      <c r="H2349">
        <v>1.09449</v>
      </c>
      <c r="I2349">
        <v>28153.9</v>
      </c>
      <c r="J2349">
        <v>16.915900000000001</v>
      </c>
    </row>
    <row r="2350" spans="1:10" x14ac:dyDescent="0.25">
      <c r="A2350">
        <v>16</v>
      </c>
      <c r="B2350">
        <v>102.777</v>
      </c>
      <c r="C2350">
        <v>123.081</v>
      </c>
      <c r="D2350">
        <v>182.47900000000001</v>
      </c>
      <c r="E2350">
        <v>7200</v>
      </c>
      <c r="F2350">
        <v>10800</v>
      </c>
      <c r="G2350">
        <v>19955.900000000001</v>
      </c>
      <c r="H2350">
        <v>3.7637800000000001</v>
      </c>
      <c r="I2350">
        <v>20089.900000000001</v>
      </c>
      <c r="J2350">
        <v>33.581899999999997</v>
      </c>
    </row>
    <row r="2351" spans="1:10" x14ac:dyDescent="0.25">
      <c r="A2351">
        <v>16</v>
      </c>
      <c r="B2351">
        <v>105.848</v>
      </c>
      <c r="C2351">
        <v>114.913</v>
      </c>
      <c r="D2351">
        <v>189.06</v>
      </c>
      <c r="E2351">
        <v>7710.24</v>
      </c>
      <c r="F2351">
        <v>14881.9</v>
      </c>
      <c r="G2351">
        <v>22677.200000000001</v>
      </c>
      <c r="H2351">
        <v>1.09449</v>
      </c>
      <c r="I2351">
        <v>28153.9</v>
      </c>
      <c r="J2351">
        <v>16.915900000000001</v>
      </c>
    </row>
    <row r="2352" spans="1:10" x14ac:dyDescent="0.25">
      <c r="A2352">
        <v>16</v>
      </c>
      <c r="B2352">
        <v>110.1</v>
      </c>
      <c r="C2352">
        <v>123.395</v>
      </c>
      <c r="D2352">
        <v>189.06</v>
      </c>
      <c r="E2352">
        <v>7710.24</v>
      </c>
      <c r="F2352">
        <v>10800</v>
      </c>
      <c r="G2352">
        <v>19955.900000000001</v>
      </c>
      <c r="H2352">
        <v>1.6377999999999999</v>
      </c>
      <c r="I2352">
        <v>22282.799999999999</v>
      </c>
      <c r="J2352">
        <v>20.198799999999999</v>
      </c>
    </row>
    <row r="2353" spans="1:10" x14ac:dyDescent="0.25">
      <c r="A2353">
        <v>16</v>
      </c>
      <c r="B2353">
        <v>102.777</v>
      </c>
      <c r="C2353">
        <v>123.081</v>
      </c>
      <c r="D2353">
        <v>182.47900000000001</v>
      </c>
      <c r="E2353">
        <v>7200</v>
      </c>
      <c r="F2353">
        <v>10800</v>
      </c>
      <c r="G2353">
        <v>19955.900000000001</v>
      </c>
      <c r="H2353">
        <v>3.7637800000000001</v>
      </c>
      <c r="I2353">
        <v>20089.900000000001</v>
      </c>
      <c r="J2353">
        <v>33.581899999999997</v>
      </c>
    </row>
    <row r="2354" spans="1:10" x14ac:dyDescent="0.25">
      <c r="A2354">
        <v>16</v>
      </c>
      <c r="B2354">
        <v>105.848</v>
      </c>
      <c r="C2354">
        <v>114.913</v>
      </c>
      <c r="D2354">
        <v>189.06</v>
      </c>
      <c r="E2354">
        <v>7710.24</v>
      </c>
      <c r="F2354">
        <v>14881.9</v>
      </c>
      <c r="G2354">
        <v>22677.200000000001</v>
      </c>
      <c r="H2354">
        <v>1.09449</v>
      </c>
      <c r="I2354">
        <v>28153.9</v>
      </c>
      <c r="J2354">
        <v>16.915900000000001</v>
      </c>
    </row>
    <row r="2355" spans="1:10" x14ac:dyDescent="0.25">
      <c r="A2355">
        <v>16</v>
      </c>
      <c r="B2355">
        <v>110.1</v>
      </c>
      <c r="C2355">
        <v>123.395</v>
      </c>
      <c r="D2355">
        <v>189.06</v>
      </c>
      <c r="E2355">
        <v>7710.24</v>
      </c>
      <c r="F2355">
        <v>10800</v>
      </c>
      <c r="G2355">
        <v>19955.900000000001</v>
      </c>
      <c r="H2355">
        <v>1.6377999999999999</v>
      </c>
      <c r="I2355">
        <v>22282.799999999999</v>
      </c>
      <c r="J2355">
        <v>20.198799999999999</v>
      </c>
    </row>
    <row r="2356" spans="1:10" x14ac:dyDescent="0.25">
      <c r="A2356">
        <v>16</v>
      </c>
      <c r="B2356">
        <v>102.777</v>
      </c>
      <c r="C2356">
        <v>123.081</v>
      </c>
      <c r="D2356">
        <v>182.47900000000001</v>
      </c>
      <c r="E2356">
        <v>7200</v>
      </c>
      <c r="F2356">
        <v>10800</v>
      </c>
      <c r="G2356">
        <v>19955.900000000001</v>
      </c>
      <c r="H2356">
        <v>3.7637800000000001</v>
      </c>
      <c r="I2356">
        <v>20089.900000000001</v>
      </c>
      <c r="J2356">
        <v>33.581899999999997</v>
      </c>
    </row>
    <row r="2357" spans="1:10" x14ac:dyDescent="0.25">
      <c r="A2357">
        <v>16</v>
      </c>
      <c r="B2357">
        <v>102.777</v>
      </c>
      <c r="C2357">
        <v>123.081</v>
      </c>
      <c r="D2357">
        <v>182.47900000000001</v>
      </c>
      <c r="E2357">
        <v>7200</v>
      </c>
      <c r="F2357">
        <v>10800</v>
      </c>
      <c r="G2357">
        <v>19955.900000000001</v>
      </c>
      <c r="H2357">
        <v>3.7637800000000001</v>
      </c>
      <c r="I2357">
        <v>20089.900000000001</v>
      </c>
      <c r="J2357">
        <v>33.581899999999997</v>
      </c>
    </row>
    <row r="2358" spans="1:10" x14ac:dyDescent="0.25">
      <c r="A2358">
        <v>16</v>
      </c>
      <c r="B2358">
        <v>110.1</v>
      </c>
      <c r="C2358">
        <v>123.395</v>
      </c>
      <c r="D2358">
        <v>189.06</v>
      </c>
      <c r="E2358">
        <v>7710.24</v>
      </c>
      <c r="F2358">
        <v>10800</v>
      </c>
      <c r="G2358">
        <v>19955.900000000001</v>
      </c>
      <c r="H2358">
        <v>1.6377999999999999</v>
      </c>
      <c r="I2358">
        <v>22282.799999999999</v>
      </c>
      <c r="J2358">
        <v>20.198799999999999</v>
      </c>
    </row>
    <row r="2359" spans="1:10" x14ac:dyDescent="0.25">
      <c r="A2359">
        <v>16</v>
      </c>
      <c r="B2359">
        <v>102.777</v>
      </c>
      <c r="C2359">
        <v>123.081</v>
      </c>
      <c r="D2359">
        <v>182.47900000000001</v>
      </c>
      <c r="E2359">
        <v>7200</v>
      </c>
      <c r="F2359">
        <v>10800</v>
      </c>
      <c r="G2359">
        <v>19955.900000000001</v>
      </c>
      <c r="H2359">
        <v>3.7637800000000001</v>
      </c>
      <c r="I2359">
        <v>20089.900000000001</v>
      </c>
      <c r="J2359">
        <v>33.581899999999997</v>
      </c>
    </row>
    <row r="2360" spans="1:10" x14ac:dyDescent="0.25">
      <c r="A2360">
        <v>16</v>
      </c>
      <c r="B2360">
        <v>102.777</v>
      </c>
      <c r="C2360">
        <v>123.081</v>
      </c>
      <c r="D2360">
        <v>182.47900000000001</v>
      </c>
      <c r="E2360">
        <v>7200</v>
      </c>
      <c r="F2360">
        <v>10800</v>
      </c>
      <c r="G2360">
        <v>19955.900000000001</v>
      </c>
      <c r="H2360">
        <v>3.7637800000000001</v>
      </c>
      <c r="I2360">
        <v>20089.900000000001</v>
      </c>
      <c r="J2360">
        <v>33.581899999999997</v>
      </c>
    </row>
    <row r="2361" spans="1:10" x14ac:dyDescent="0.25">
      <c r="A2361">
        <v>16</v>
      </c>
      <c r="B2361">
        <v>108.446</v>
      </c>
      <c r="C2361">
        <v>118.369</v>
      </c>
      <c r="D2361">
        <v>190</v>
      </c>
      <c r="E2361">
        <v>10431.5</v>
      </c>
      <c r="F2361">
        <v>10800</v>
      </c>
      <c r="G2361">
        <v>19615.7</v>
      </c>
      <c r="H2361">
        <v>1.1181099999999999</v>
      </c>
      <c r="I2361">
        <v>26815.1</v>
      </c>
      <c r="J2361">
        <v>17.5837</v>
      </c>
    </row>
    <row r="2362" spans="1:10" x14ac:dyDescent="0.25">
      <c r="A2362">
        <v>16</v>
      </c>
      <c r="B2362">
        <v>108.919</v>
      </c>
      <c r="C2362">
        <v>118.369</v>
      </c>
      <c r="D2362">
        <v>189.68700000000001</v>
      </c>
      <c r="E2362">
        <v>10431.5</v>
      </c>
      <c r="F2362">
        <v>10800</v>
      </c>
      <c r="G2362">
        <v>19615.7</v>
      </c>
      <c r="H2362">
        <v>1.4960599999999999</v>
      </c>
      <c r="I2362">
        <v>25565.9</v>
      </c>
      <c r="J2362">
        <v>18.1692</v>
      </c>
    </row>
    <row r="2363" spans="1:10" x14ac:dyDescent="0.25">
      <c r="A2363">
        <v>16</v>
      </c>
      <c r="B2363">
        <v>110.1</v>
      </c>
      <c r="C2363">
        <v>123.395</v>
      </c>
      <c r="D2363">
        <v>189.06</v>
      </c>
      <c r="E2363">
        <v>7370.08</v>
      </c>
      <c r="F2363">
        <v>10800</v>
      </c>
      <c r="G2363">
        <v>21316.5</v>
      </c>
      <c r="H2363">
        <v>3.0787399999999998</v>
      </c>
      <c r="I2363">
        <v>21028.799999999999</v>
      </c>
      <c r="J2363">
        <v>25.227799999999998</v>
      </c>
    </row>
    <row r="2364" spans="1:10" x14ac:dyDescent="0.25">
      <c r="A2364">
        <v>16</v>
      </c>
      <c r="B2364">
        <v>110.1</v>
      </c>
      <c r="C2364">
        <v>123.395</v>
      </c>
      <c r="D2364">
        <v>189.06</v>
      </c>
      <c r="E2364">
        <v>7710.24</v>
      </c>
      <c r="F2364">
        <v>10800</v>
      </c>
      <c r="G2364">
        <v>19955.900000000001</v>
      </c>
      <c r="H2364">
        <v>1.6377999999999999</v>
      </c>
      <c r="I2364">
        <v>22282.799999999999</v>
      </c>
      <c r="J2364">
        <v>20.198799999999999</v>
      </c>
    </row>
    <row r="2365" spans="1:10" x14ac:dyDescent="0.25">
      <c r="A2365">
        <v>16</v>
      </c>
      <c r="B2365">
        <v>106.79300000000001</v>
      </c>
      <c r="C2365">
        <v>124.024</v>
      </c>
      <c r="D2365">
        <v>184.04599999999999</v>
      </c>
      <c r="E2365">
        <v>10516.5</v>
      </c>
      <c r="F2365">
        <v>19984.3</v>
      </c>
      <c r="G2365">
        <v>20636.2</v>
      </c>
      <c r="H2365">
        <v>2.25197</v>
      </c>
      <c r="I2365">
        <v>36430.5</v>
      </c>
      <c r="J2365">
        <v>16.778199999999998</v>
      </c>
    </row>
    <row r="2366" spans="1:10" x14ac:dyDescent="0.25">
      <c r="A2366">
        <v>16</v>
      </c>
      <c r="B2366">
        <v>102.777</v>
      </c>
      <c r="C2366">
        <v>123.081</v>
      </c>
      <c r="D2366">
        <v>182.47900000000001</v>
      </c>
      <c r="E2366">
        <v>7200</v>
      </c>
      <c r="F2366">
        <v>10800</v>
      </c>
      <c r="G2366">
        <v>19955.900000000001</v>
      </c>
      <c r="H2366">
        <v>3.7637800000000001</v>
      </c>
      <c r="I2366">
        <v>20089.900000000001</v>
      </c>
      <c r="J2366">
        <v>33.581899999999997</v>
      </c>
    </row>
    <row r="2367" spans="1:10" x14ac:dyDescent="0.25">
      <c r="A2367">
        <v>16</v>
      </c>
      <c r="B2367">
        <v>110.1</v>
      </c>
      <c r="C2367">
        <v>123.395</v>
      </c>
      <c r="D2367">
        <v>189.06</v>
      </c>
      <c r="E2367">
        <v>7370.08</v>
      </c>
      <c r="F2367">
        <v>10800</v>
      </c>
      <c r="G2367">
        <v>21316.5</v>
      </c>
      <c r="H2367">
        <v>3.0787399999999998</v>
      </c>
      <c r="I2367">
        <v>21028.799999999999</v>
      </c>
      <c r="J2367">
        <v>25.227799999999998</v>
      </c>
    </row>
    <row r="2368" spans="1:10" x14ac:dyDescent="0.25">
      <c r="A2368">
        <v>16</v>
      </c>
      <c r="B2368">
        <v>108.446</v>
      </c>
      <c r="C2368">
        <v>118.369</v>
      </c>
      <c r="D2368">
        <v>190</v>
      </c>
      <c r="E2368">
        <v>10431.5</v>
      </c>
      <c r="F2368">
        <v>10800</v>
      </c>
      <c r="G2368">
        <v>19615.7</v>
      </c>
      <c r="H2368">
        <v>1.1181099999999999</v>
      </c>
      <c r="I2368">
        <v>26815.1</v>
      </c>
      <c r="J2368">
        <v>17.5837</v>
      </c>
    </row>
    <row r="2369" spans="1:10" x14ac:dyDescent="0.25">
      <c r="A2369">
        <v>16</v>
      </c>
      <c r="B2369">
        <v>108.446</v>
      </c>
      <c r="C2369">
        <v>118.369</v>
      </c>
      <c r="D2369">
        <v>190</v>
      </c>
      <c r="E2369">
        <v>10431.5</v>
      </c>
      <c r="F2369">
        <v>10800</v>
      </c>
      <c r="G2369">
        <v>19615.7</v>
      </c>
      <c r="H2369">
        <v>1.1181099999999999</v>
      </c>
      <c r="I2369">
        <v>26815.1</v>
      </c>
      <c r="J2369">
        <v>17.5837</v>
      </c>
    </row>
    <row r="2370" spans="1:10" x14ac:dyDescent="0.25">
      <c r="A2370">
        <v>16</v>
      </c>
      <c r="B2370">
        <v>110.1</v>
      </c>
      <c r="C2370">
        <v>123.395</v>
      </c>
      <c r="D2370">
        <v>189.06</v>
      </c>
      <c r="E2370">
        <v>7710.24</v>
      </c>
      <c r="F2370">
        <v>10800</v>
      </c>
      <c r="G2370">
        <v>19955.900000000001</v>
      </c>
      <c r="H2370">
        <v>1.6377999999999999</v>
      </c>
      <c r="I2370">
        <v>22282.799999999999</v>
      </c>
      <c r="J2370">
        <v>20.198799999999999</v>
      </c>
    </row>
    <row r="2371" spans="1:10" x14ac:dyDescent="0.25">
      <c r="A2371">
        <v>16</v>
      </c>
      <c r="B2371">
        <v>102.777</v>
      </c>
      <c r="C2371">
        <v>123.081</v>
      </c>
      <c r="D2371">
        <v>182.47900000000001</v>
      </c>
      <c r="E2371">
        <v>7200</v>
      </c>
      <c r="F2371">
        <v>10800</v>
      </c>
      <c r="G2371">
        <v>19955.900000000001</v>
      </c>
      <c r="H2371">
        <v>3.7637800000000001</v>
      </c>
      <c r="I2371">
        <v>20089.900000000001</v>
      </c>
      <c r="J2371">
        <v>33.581899999999997</v>
      </c>
    </row>
    <row r="2372" spans="1:10" x14ac:dyDescent="0.25">
      <c r="A2372">
        <v>16</v>
      </c>
      <c r="B2372">
        <v>102.777</v>
      </c>
      <c r="C2372">
        <v>123.081</v>
      </c>
      <c r="D2372">
        <v>182.47900000000001</v>
      </c>
      <c r="E2372">
        <v>7200</v>
      </c>
      <c r="F2372">
        <v>10800</v>
      </c>
      <c r="G2372">
        <v>19955.900000000001</v>
      </c>
      <c r="H2372">
        <v>3.7637800000000001</v>
      </c>
      <c r="I2372">
        <v>20089.900000000001</v>
      </c>
      <c r="J2372">
        <v>33.581899999999997</v>
      </c>
    </row>
    <row r="2373" spans="1:10" x14ac:dyDescent="0.25">
      <c r="A2373">
        <v>16</v>
      </c>
      <c r="B2373">
        <v>110.1</v>
      </c>
      <c r="C2373">
        <v>123.395</v>
      </c>
      <c r="D2373">
        <v>189.06</v>
      </c>
      <c r="E2373">
        <v>7710.24</v>
      </c>
      <c r="F2373">
        <v>10800</v>
      </c>
      <c r="G2373">
        <v>19955.900000000001</v>
      </c>
      <c r="H2373">
        <v>1.6377999999999999</v>
      </c>
      <c r="I2373">
        <v>22282.799999999999</v>
      </c>
      <c r="J2373">
        <v>20.198799999999999</v>
      </c>
    </row>
    <row r="2374" spans="1:10" x14ac:dyDescent="0.25">
      <c r="A2374">
        <v>16</v>
      </c>
      <c r="B2374">
        <v>108.446</v>
      </c>
      <c r="C2374">
        <v>119.625</v>
      </c>
      <c r="D2374">
        <v>189.68700000000001</v>
      </c>
      <c r="E2374">
        <v>9070.8700000000008</v>
      </c>
      <c r="F2374">
        <v>10800</v>
      </c>
      <c r="G2374">
        <v>19955.900000000001</v>
      </c>
      <c r="H2374">
        <v>1.4960599999999999</v>
      </c>
      <c r="I2374">
        <v>24098.3</v>
      </c>
      <c r="J2374">
        <v>19.2303</v>
      </c>
    </row>
    <row r="2375" spans="1:10" x14ac:dyDescent="0.25">
      <c r="A2375">
        <v>16</v>
      </c>
      <c r="B2375">
        <v>102.777</v>
      </c>
      <c r="C2375">
        <v>123.081</v>
      </c>
      <c r="D2375">
        <v>182.47900000000001</v>
      </c>
      <c r="E2375">
        <v>7200</v>
      </c>
      <c r="F2375">
        <v>10800</v>
      </c>
      <c r="G2375">
        <v>19955.900000000001</v>
      </c>
      <c r="H2375">
        <v>3.7637800000000001</v>
      </c>
      <c r="I2375">
        <v>20089.900000000001</v>
      </c>
      <c r="J2375">
        <v>33.581899999999997</v>
      </c>
    </row>
    <row r="2376" spans="1:10" x14ac:dyDescent="0.25">
      <c r="A2376">
        <v>16</v>
      </c>
      <c r="B2376">
        <v>110.1</v>
      </c>
      <c r="C2376">
        <v>123.395</v>
      </c>
      <c r="D2376">
        <v>189.06</v>
      </c>
      <c r="E2376">
        <v>7710.24</v>
      </c>
      <c r="F2376">
        <v>10800</v>
      </c>
      <c r="G2376">
        <v>19955.900000000001</v>
      </c>
      <c r="H2376">
        <v>1.6377999999999999</v>
      </c>
      <c r="I2376">
        <v>22282.799999999999</v>
      </c>
      <c r="J2376">
        <v>20.198799999999999</v>
      </c>
    </row>
    <row r="2377" spans="1:10" x14ac:dyDescent="0.25">
      <c r="A2377">
        <v>16</v>
      </c>
      <c r="B2377">
        <v>110.1</v>
      </c>
      <c r="C2377">
        <v>123.395</v>
      </c>
      <c r="D2377">
        <v>189.06</v>
      </c>
      <c r="E2377">
        <v>7710.24</v>
      </c>
      <c r="F2377">
        <v>10800</v>
      </c>
      <c r="G2377">
        <v>19955.900000000001</v>
      </c>
      <c r="H2377">
        <v>1.6377999999999999</v>
      </c>
      <c r="I2377">
        <v>22282.799999999999</v>
      </c>
      <c r="J2377">
        <v>20.198799999999999</v>
      </c>
    </row>
    <row r="2378" spans="1:10" x14ac:dyDescent="0.25">
      <c r="A2378">
        <v>16</v>
      </c>
      <c r="B2378">
        <v>108.446</v>
      </c>
      <c r="C2378">
        <v>117.74</v>
      </c>
      <c r="D2378">
        <v>189.68700000000001</v>
      </c>
      <c r="E2378">
        <v>9921.26</v>
      </c>
      <c r="F2378">
        <v>10800</v>
      </c>
      <c r="G2378">
        <v>18595.3</v>
      </c>
      <c r="H2378">
        <v>1.1653500000000001</v>
      </c>
      <c r="I2378">
        <v>25881.9</v>
      </c>
      <c r="J2378">
        <v>18.015799999999999</v>
      </c>
    </row>
    <row r="2379" spans="1:10" x14ac:dyDescent="0.25">
      <c r="A2379">
        <v>16</v>
      </c>
      <c r="B2379">
        <v>109.155</v>
      </c>
      <c r="C2379">
        <v>128.422</v>
      </c>
      <c r="D2379">
        <v>189.68700000000001</v>
      </c>
      <c r="E2379">
        <v>7370.08</v>
      </c>
      <c r="F2379">
        <v>10800</v>
      </c>
      <c r="G2379">
        <v>22507.1</v>
      </c>
      <c r="H2379">
        <v>3.3149600000000001</v>
      </c>
      <c r="I2379">
        <v>20692</v>
      </c>
      <c r="J2379">
        <v>28.869900000000001</v>
      </c>
    </row>
    <row r="2380" spans="1:10" x14ac:dyDescent="0.25">
      <c r="A2380">
        <v>16</v>
      </c>
      <c r="B2380">
        <v>108.446</v>
      </c>
      <c r="C2380">
        <v>119.625</v>
      </c>
      <c r="D2380">
        <v>189.68700000000001</v>
      </c>
      <c r="E2380">
        <v>9070.8700000000008</v>
      </c>
      <c r="F2380">
        <v>10800</v>
      </c>
      <c r="G2380">
        <v>19955.900000000001</v>
      </c>
      <c r="H2380">
        <v>1.4960599999999999</v>
      </c>
      <c r="I2380">
        <v>24098.3</v>
      </c>
      <c r="J2380">
        <v>19.2303</v>
      </c>
    </row>
    <row r="2381" spans="1:10" x14ac:dyDescent="0.25">
      <c r="A2381">
        <v>17</v>
      </c>
      <c r="B2381">
        <v>110.1</v>
      </c>
      <c r="C2381">
        <v>123.395</v>
      </c>
      <c r="D2381">
        <v>189.06</v>
      </c>
      <c r="E2381">
        <v>7710.24</v>
      </c>
      <c r="F2381">
        <v>10800</v>
      </c>
      <c r="G2381">
        <v>19955.900000000001</v>
      </c>
      <c r="H2381">
        <v>1.6377999999999999</v>
      </c>
      <c r="I2381">
        <v>22282.799999999999</v>
      </c>
      <c r="J2381">
        <v>20.198799999999999</v>
      </c>
    </row>
    <row r="2382" spans="1:10" x14ac:dyDescent="0.25">
      <c r="A2382">
        <v>17</v>
      </c>
      <c r="B2382">
        <v>109.155</v>
      </c>
      <c r="C2382">
        <v>124.652</v>
      </c>
      <c r="D2382">
        <v>189.37299999999999</v>
      </c>
      <c r="E2382">
        <v>7370.08</v>
      </c>
      <c r="F2382">
        <v>10800</v>
      </c>
      <c r="G2382">
        <v>19955.900000000001</v>
      </c>
      <c r="H2382">
        <v>3.8582700000000001</v>
      </c>
      <c r="I2382">
        <v>20425.900000000001</v>
      </c>
      <c r="J2382">
        <v>33.058799999999998</v>
      </c>
    </row>
    <row r="2383" spans="1:10" x14ac:dyDescent="0.25">
      <c r="A2383">
        <v>17</v>
      </c>
      <c r="B2383">
        <v>109.155</v>
      </c>
      <c r="C2383">
        <v>128.73599999999999</v>
      </c>
      <c r="D2383">
        <v>189.68700000000001</v>
      </c>
      <c r="E2383">
        <v>7370.08</v>
      </c>
      <c r="F2383">
        <v>10800</v>
      </c>
      <c r="G2383">
        <v>19785.8</v>
      </c>
      <c r="H2383">
        <v>3.4094500000000001</v>
      </c>
      <c r="I2383">
        <v>20964.3</v>
      </c>
      <c r="J2383">
        <v>27.779299999999999</v>
      </c>
    </row>
    <row r="2384" spans="1:10" x14ac:dyDescent="0.25">
      <c r="A2384">
        <v>17</v>
      </c>
      <c r="B2384">
        <v>108.446</v>
      </c>
      <c r="C2384">
        <v>119.625</v>
      </c>
      <c r="D2384">
        <v>189.68700000000001</v>
      </c>
      <c r="E2384">
        <v>7710.24</v>
      </c>
      <c r="F2384">
        <v>11310.2</v>
      </c>
      <c r="G2384">
        <v>19955.900000000001</v>
      </c>
      <c r="H2384">
        <v>1.89764</v>
      </c>
      <c r="I2384">
        <v>22422.3</v>
      </c>
      <c r="J2384">
        <v>23.048500000000001</v>
      </c>
    </row>
    <row r="2385" spans="1:10" x14ac:dyDescent="0.25">
      <c r="A2385">
        <v>17</v>
      </c>
      <c r="B2385">
        <v>108.446</v>
      </c>
      <c r="C2385">
        <v>119.625</v>
      </c>
      <c r="D2385">
        <v>190</v>
      </c>
      <c r="E2385">
        <v>10431.5</v>
      </c>
      <c r="F2385">
        <v>10800</v>
      </c>
      <c r="G2385">
        <v>19955.900000000001</v>
      </c>
      <c r="H2385">
        <v>1.1653500000000001</v>
      </c>
      <c r="I2385">
        <v>26438.5</v>
      </c>
      <c r="J2385">
        <v>17.756900000000002</v>
      </c>
    </row>
    <row r="2386" spans="1:10" x14ac:dyDescent="0.25">
      <c r="A2386">
        <v>17</v>
      </c>
      <c r="B2386">
        <v>109.864</v>
      </c>
      <c r="C2386">
        <v>119.625</v>
      </c>
      <c r="D2386">
        <v>189.68700000000001</v>
      </c>
      <c r="E2386">
        <v>7370.08</v>
      </c>
      <c r="F2386">
        <v>10800</v>
      </c>
      <c r="G2386">
        <v>21316.5</v>
      </c>
      <c r="H2386">
        <v>2.5118100000000001</v>
      </c>
      <c r="I2386">
        <v>20993.1</v>
      </c>
      <c r="J2386">
        <v>28.6403</v>
      </c>
    </row>
    <row r="2387" spans="1:10" x14ac:dyDescent="0.25">
      <c r="A2387">
        <v>17</v>
      </c>
      <c r="B2387">
        <v>109.864</v>
      </c>
      <c r="C2387">
        <v>119.625</v>
      </c>
      <c r="D2387">
        <v>189.68700000000001</v>
      </c>
      <c r="E2387">
        <v>7370.08</v>
      </c>
      <c r="F2387">
        <v>10800</v>
      </c>
      <c r="G2387">
        <v>9070.8700000000008</v>
      </c>
      <c r="H2387">
        <v>2.6063000000000001</v>
      </c>
      <c r="I2387">
        <v>20965.8</v>
      </c>
      <c r="J2387">
        <v>31.6509</v>
      </c>
    </row>
    <row r="2388" spans="1:10" x14ac:dyDescent="0.25">
      <c r="A2388">
        <v>17</v>
      </c>
      <c r="B2388">
        <v>108.68300000000001</v>
      </c>
      <c r="C2388">
        <v>118.369</v>
      </c>
      <c r="D2388">
        <v>189.68700000000001</v>
      </c>
      <c r="E2388">
        <v>10431.5</v>
      </c>
      <c r="F2388">
        <v>10800</v>
      </c>
      <c r="G2388">
        <v>19955.900000000001</v>
      </c>
      <c r="H2388">
        <v>1.7795300000000001</v>
      </c>
      <c r="I2388">
        <v>25094.799999999999</v>
      </c>
      <c r="J2388">
        <v>19.5199</v>
      </c>
    </row>
    <row r="2389" spans="1:10" x14ac:dyDescent="0.25">
      <c r="A2389">
        <v>17</v>
      </c>
      <c r="B2389">
        <v>109.864</v>
      </c>
      <c r="C2389">
        <v>119.93899999999999</v>
      </c>
      <c r="D2389">
        <v>189.68700000000001</v>
      </c>
      <c r="E2389">
        <v>7370.08</v>
      </c>
      <c r="F2389">
        <v>10800</v>
      </c>
      <c r="G2389">
        <v>18595.3</v>
      </c>
      <c r="H2389">
        <v>2.6063000000000001</v>
      </c>
      <c r="I2389">
        <v>20989.9</v>
      </c>
      <c r="J2389">
        <v>32.294400000000003</v>
      </c>
    </row>
    <row r="2390" spans="1:10" x14ac:dyDescent="0.25">
      <c r="A2390">
        <v>17</v>
      </c>
      <c r="B2390">
        <v>108.446</v>
      </c>
      <c r="C2390">
        <v>118.369</v>
      </c>
      <c r="D2390">
        <v>190</v>
      </c>
      <c r="E2390">
        <v>7710.24</v>
      </c>
      <c r="F2390">
        <v>10800</v>
      </c>
      <c r="G2390">
        <v>19955.900000000001</v>
      </c>
      <c r="H2390">
        <v>3.00787</v>
      </c>
      <c r="I2390">
        <v>20971.9</v>
      </c>
      <c r="J2390">
        <v>45.134999999999998</v>
      </c>
    </row>
    <row r="2391" spans="1:10" x14ac:dyDescent="0.25">
      <c r="A2391">
        <v>17</v>
      </c>
      <c r="B2391">
        <v>108.446</v>
      </c>
      <c r="C2391">
        <v>119.625</v>
      </c>
      <c r="D2391">
        <v>189.68700000000001</v>
      </c>
      <c r="E2391">
        <v>10431.5</v>
      </c>
      <c r="F2391">
        <v>10800</v>
      </c>
      <c r="G2391">
        <v>19615.7</v>
      </c>
      <c r="H2391">
        <v>1.4960599999999999</v>
      </c>
      <c r="I2391">
        <v>25304.799999999999</v>
      </c>
      <c r="J2391">
        <v>30.305599999999998</v>
      </c>
    </row>
    <row r="2392" spans="1:10" x14ac:dyDescent="0.25">
      <c r="A2392">
        <v>17</v>
      </c>
      <c r="B2392">
        <v>110.1</v>
      </c>
      <c r="C2392">
        <v>113.342</v>
      </c>
      <c r="D2392">
        <v>189.68700000000001</v>
      </c>
      <c r="E2392">
        <v>7370.08</v>
      </c>
      <c r="F2392">
        <v>10800</v>
      </c>
      <c r="G2392">
        <v>18595.3</v>
      </c>
      <c r="H2392">
        <v>3.0787399999999998</v>
      </c>
      <c r="I2392">
        <v>20750.5</v>
      </c>
      <c r="J2392">
        <v>67.166200000000003</v>
      </c>
    </row>
    <row r="2393" spans="1:10" x14ac:dyDescent="0.25">
      <c r="A2393">
        <v>17</v>
      </c>
      <c r="B2393">
        <v>109.864</v>
      </c>
      <c r="C2393">
        <v>119.93899999999999</v>
      </c>
      <c r="D2393">
        <v>189.68700000000001</v>
      </c>
      <c r="E2393">
        <v>10091.299999999999</v>
      </c>
      <c r="F2393">
        <v>10800</v>
      </c>
      <c r="G2393">
        <v>19955.900000000001</v>
      </c>
      <c r="H2393">
        <v>1.37795</v>
      </c>
      <c r="I2393">
        <v>25630.7</v>
      </c>
      <c r="J2393">
        <v>24.915400000000002</v>
      </c>
    </row>
    <row r="2394" spans="1:10" x14ac:dyDescent="0.25">
      <c r="A2394">
        <v>17</v>
      </c>
      <c r="B2394">
        <v>108.919</v>
      </c>
      <c r="C2394">
        <v>118.369</v>
      </c>
      <c r="D2394">
        <v>189.68700000000001</v>
      </c>
      <c r="E2394">
        <v>10431.5</v>
      </c>
      <c r="F2394">
        <v>10800</v>
      </c>
      <c r="G2394">
        <v>19955.900000000001</v>
      </c>
      <c r="H2394">
        <v>1.02362</v>
      </c>
      <c r="I2394">
        <v>27106.7</v>
      </c>
      <c r="J2394">
        <v>29.239699999999999</v>
      </c>
    </row>
    <row r="2395" spans="1:10" x14ac:dyDescent="0.25">
      <c r="A2395">
        <v>17</v>
      </c>
      <c r="B2395">
        <v>108.446</v>
      </c>
      <c r="C2395">
        <v>119.625</v>
      </c>
      <c r="D2395">
        <v>189.06</v>
      </c>
      <c r="E2395">
        <v>10431.5</v>
      </c>
      <c r="F2395">
        <v>11310.2</v>
      </c>
      <c r="G2395">
        <v>19615.7</v>
      </c>
      <c r="H2395">
        <v>1.09449</v>
      </c>
      <c r="I2395">
        <v>28497.1</v>
      </c>
      <c r="J2395">
        <v>20.597100000000001</v>
      </c>
    </row>
    <row r="2396" spans="1:10" x14ac:dyDescent="0.25">
      <c r="A2396">
        <v>17</v>
      </c>
      <c r="B2396">
        <v>108.446</v>
      </c>
      <c r="C2396">
        <v>119.625</v>
      </c>
      <c r="D2396">
        <v>190</v>
      </c>
      <c r="E2396">
        <v>10091.299999999999</v>
      </c>
      <c r="F2396">
        <v>10800</v>
      </c>
      <c r="G2396">
        <v>19615.7</v>
      </c>
      <c r="H2396">
        <v>3.55118</v>
      </c>
      <c r="I2396">
        <v>23009.9</v>
      </c>
      <c r="J2396">
        <v>50.918599999999998</v>
      </c>
    </row>
    <row r="2397" spans="1:10" x14ac:dyDescent="0.25">
      <c r="A2397">
        <v>17</v>
      </c>
      <c r="B2397">
        <v>108.446</v>
      </c>
      <c r="C2397">
        <v>119.625</v>
      </c>
      <c r="D2397">
        <v>187.18</v>
      </c>
      <c r="E2397">
        <v>7710.24</v>
      </c>
      <c r="F2397">
        <v>11310.2</v>
      </c>
      <c r="G2397">
        <v>22677.200000000001</v>
      </c>
      <c r="H2397">
        <v>1.89764</v>
      </c>
      <c r="I2397">
        <v>22421.7</v>
      </c>
      <c r="J2397">
        <v>24.899899999999999</v>
      </c>
    </row>
    <row r="2398" spans="1:10" x14ac:dyDescent="0.25">
      <c r="A2398">
        <v>17</v>
      </c>
      <c r="B2398">
        <v>108.919</v>
      </c>
      <c r="C2398">
        <v>119.31100000000001</v>
      </c>
      <c r="D2398">
        <v>189.68700000000001</v>
      </c>
      <c r="E2398">
        <v>7370.08</v>
      </c>
      <c r="F2398">
        <v>10800</v>
      </c>
      <c r="G2398">
        <v>18595.3</v>
      </c>
      <c r="H2398">
        <v>2.9842499999999998</v>
      </c>
      <c r="I2398">
        <v>20624.099999999999</v>
      </c>
      <c r="J2398">
        <v>47.306399999999996</v>
      </c>
    </row>
    <row r="2399" spans="1:10" x14ac:dyDescent="0.25">
      <c r="A2399">
        <v>17</v>
      </c>
      <c r="B2399">
        <v>110.1</v>
      </c>
      <c r="C2399">
        <v>118.369</v>
      </c>
      <c r="D2399">
        <v>189.68700000000001</v>
      </c>
      <c r="E2399">
        <v>10431.5</v>
      </c>
      <c r="F2399">
        <v>10800</v>
      </c>
      <c r="G2399">
        <v>20976.400000000001</v>
      </c>
      <c r="H2399">
        <v>1.47244</v>
      </c>
      <c r="I2399">
        <v>25692.2</v>
      </c>
      <c r="J2399">
        <v>30.894300000000001</v>
      </c>
    </row>
    <row r="2400" spans="1:10" x14ac:dyDescent="0.25">
      <c r="A2400">
        <v>17</v>
      </c>
      <c r="B2400">
        <v>109.39100000000001</v>
      </c>
      <c r="C2400">
        <v>119.625</v>
      </c>
      <c r="D2400">
        <v>189.68700000000001</v>
      </c>
      <c r="E2400">
        <v>7370.08</v>
      </c>
      <c r="F2400">
        <v>10800</v>
      </c>
      <c r="G2400">
        <v>18425.2</v>
      </c>
      <c r="H2400">
        <v>2.9133900000000001</v>
      </c>
      <c r="I2400">
        <v>20788.5</v>
      </c>
      <c r="J2400">
        <v>42.933399999999999</v>
      </c>
    </row>
    <row r="2401" spans="1:10" x14ac:dyDescent="0.25">
      <c r="A2401">
        <v>17</v>
      </c>
      <c r="B2401">
        <v>109.39100000000001</v>
      </c>
      <c r="C2401">
        <v>124.652</v>
      </c>
      <c r="D2401">
        <v>190</v>
      </c>
      <c r="E2401">
        <v>7710.24</v>
      </c>
      <c r="F2401">
        <v>10800</v>
      </c>
      <c r="G2401">
        <v>19955.900000000001</v>
      </c>
      <c r="H2401">
        <v>1.2598400000000001</v>
      </c>
      <c r="I2401">
        <v>23557</v>
      </c>
      <c r="J2401">
        <v>93.431200000000004</v>
      </c>
    </row>
    <row r="2402" spans="1:10" x14ac:dyDescent="0.25">
      <c r="A2402">
        <v>17</v>
      </c>
      <c r="B2402">
        <v>109.39100000000001</v>
      </c>
      <c r="C2402">
        <v>119.625</v>
      </c>
      <c r="D2402">
        <v>189.68700000000001</v>
      </c>
      <c r="E2402">
        <v>11792.1</v>
      </c>
      <c r="F2402">
        <v>10800</v>
      </c>
      <c r="G2402">
        <v>21316.5</v>
      </c>
      <c r="H2402">
        <v>1.1181099999999999</v>
      </c>
      <c r="I2402">
        <v>28197</v>
      </c>
      <c r="J2402">
        <v>27.590900000000001</v>
      </c>
    </row>
    <row r="2403" spans="1:10" x14ac:dyDescent="0.25">
      <c r="A2403">
        <v>17</v>
      </c>
      <c r="B2403">
        <v>108.919</v>
      </c>
      <c r="C2403">
        <v>118.68300000000001</v>
      </c>
      <c r="D2403">
        <v>189.68700000000001</v>
      </c>
      <c r="E2403">
        <v>7710.24</v>
      </c>
      <c r="F2403">
        <v>10800</v>
      </c>
      <c r="G2403">
        <v>18595.3</v>
      </c>
      <c r="H2403">
        <v>1.85039</v>
      </c>
      <c r="I2403">
        <v>22014.799999999999</v>
      </c>
      <c r="J2403">
        <v>34.762099999999997</v>
      </c>
    </row>
    <row r="2404" spans="1:10" x14ac:dyDescent="0.25">
      <c r="A2404">
        <v>17</v>
      </c>
      <c r="B2404">
        <v>109.864</v>
      </c>
      <c r="C2404">
        <v>119.625</v>
      </c>
      <c r="D2404">
        <v>189.68700000000001</v>
      </c>
      <c r="E2404">
        <v>7370.08</v>
      </c>
      <c r="F2404">
        <v>10800</v>
      </c>
      <c r="G2404">
        <v>9070.8700000000008</v>
      </c>
      <c r="H2404">
        <v>2.6063000000000001</v>
      </c>
      <c r="I2404">
        <v>20965.8</v>
      </c>
      <c r="J2404">
        <v>31.6509</v>
      </c>
    </row>
    <row r="2405" spans="1:10" x14ac:dyDescent="0.25">
      <c r="A2405">
        <v>17</v>
      </c>
      <c r="B2405">
        <v>108.919</v>
      </c>
      <c r="C2405">
        <v>129.99299999999999</v>
      </c>
      <c r="D2405">
        <v>189.68700000000001</v>
      </c>
      <c r="E2405">
        <v>7370.08</v>
      </c>
      <c r="F2405">
        <v>10800</v>
      </c>
      <c r="G2405">
        <v>19955.900000000001</v>
      </c>
      <c r="H2405">
        <v>3.9763799999999998</v>
      </c>
      <c r="I2405">
        <v>20367.7</v>
      </c>
      <c r="J2405">
        <v>125.345</v>
      </c>
    </row>
    <row r="2406" spans="1:10" x14ac:dyDescent="0.25">
      <c r="A2406">
        <v>17</v>
      </c>
      <c r="B2406">
        <v>109.155</v>
      </c>
      <c r="C2406">
        <v>124.652</v>
      </c>
      <c r="D2406">
        <v>189.37299999999999</v>
      </c>
      <c r="E2406">
        <v>7370.08</v>
      </c>
      <c r="F2406">
        <v>10800</v>
      </c>
      <c r="G2406">
        <v>19955.900000000001</v>
      </c>
      <c r="H2406">
        <v>3.8582700000000001</v>
      </c>
      <c r="I2406">
        <v>20425.900000000001</v>
      </c>
      <c r="J2406">
        <v>33.058799999999998</v>
      </c>
    </row>
    <row r="2407" spans="1:10" x14ac:dyDescent="0.25">
      <c r="A2407">
        <v>17</v>
      </c>
      <c r="B2407">
        <v>108.446</v>
      </c>
      <c r="C2407">
        <v>119.93899999999999</v>
      </c>
      <c r="D2407">
        <v>187.18</v>
      </c>
      <c r="E2407">
        <v>7795.28</v>
      </c>
      <c r="F2407">
        <v>11310.2</v>
      </c>
      <c r="G2407">
        <v>22677.200000000001</v>
      </c>
      <c r="H2407">
        <v>2.4173200000000001</v>
      </c>
      <c r="I2407">
        <v>21995</v>
      </c>
      <c r="J2407">
        <v>26.891300000000001</v>
      </c>
    </row>
    <row r="2408" spans="1:10" x14ac:dyDescent="0.25">
      <c r="A2408">
        <v>17</v>
      </c>
      <c r="B2408">
        <v>108.446</v>
      </c>
      <c r="C2408">
        <v>119.625</v>
      </c>
      <c r="D2408">
        <v>189.68700000000001</v>
      </c>
      <c r="E2408">
        <v>10431.5</v>
      </c>
      <c r="F2408">
        <v>10800</v>
      </c>
      <c r="G2408">
        <v>11792.1</v>
      </c>
      <c r="H2408">
        <v>1.09449</v>
      </c>
      <c r="I2408">
        <v>27677.7</v>
      </c>
      <c r="J2408">
        <v>20.597100000000001</v>
      </c>
    </row>
    <row r="2409" spans="1:10" x14ac:dyDescent="0.25">
      <c r="A2409">
        <v>17</v>
      </c>
      <c r="B2409">
        <v>108.919</v>
      </c>
      <c r="C2409">
        <v>119.625</v>
      </c>
      <c r="D2409">
        <v>189.68700000000001</v>
      </c>
      <c r="E2409">
        <v>10091.299999999999</v>
      </c>
      <c r="F2409">
        <v>10800</v>
      </c>
      <c r="G2409">
        <v>21316.5</v>
      </c>
      <c r="H2409">
        <v>1.0472399999999999</v>
      </c>
      <c r="I2409">
        <v>27160</v>
      </c>
      <c r="J2409">
        <v>53.642200000000003</v>
      </c>
    </row>
    <row r="2410" spans="1:10" x14ac:dyDescent="0.25">
      <c r="A2410">
        <v>17</v>
      </c>
      <c r="B2410">
        <v>108.446</v>
      </c>
      <c r="C2410">
        <v>119.625</v>
      </c>
      <c r="D2410">
        <v>189.68700000000001</v>
      </c>
      <c r="E2410">
        <v>7710.24</v>
      </c>
      <c r="F2410">
        <v>10800</v>
      </c>
      <c r="G2410">
        <v>20976.400000000001</v>
      </c>
      <c r="H2410">
        <v>2.6299199999999998</v>
      </c>
      <c r="I2410">
        <v>21212.9</v>
      </c>
      <c r="J2410">
        <v>36.110100000000003</v>
      </c>
    </row>
    <row r="2411" spans="1:10" x14ac:dyDescent="0.25">
      <c r="A2411">
        <v>17</v>
      </c>
      <c r="B2411">
        <v>109.155</v>
      </c>
      <c r="C2411">
        <v>128.73599999999999</v>
      </c>
      <c r="D2411">
        <v>189.68700000000001</v>
      </c>
      <c r="E2411">
        <v>7370.08</v>
      </c>
      <c r="F2411">
        <v>10800</v>
      </c>
      <c r="G2411">
        <v>19785.8</v>
      </c>
      <c r="H2411">
        <v>3.4094500000000001</v>
      </c>
      <c r="I2411">
        <v>20964.3</v>
      </c>
      <c r="J2411">
        <v>27.779299999999999</v>
      </c>
    </row>
    <row r="2412" spans="1:10" x14ac:dyDescent="0.25">
      <c r="A2412">
        <v>17</v>
      </c>
      <c r="B2412">
        <v>109.628</v>
      </c>
      <c r="C2412">
        <v>118.369</v>
      </c>
      <c r="D2412">
        <v>189.68700000000001</v>
      </c>
      <c r="E2412">
        <v>7710.24</v>
      </c>
      <c r="F2412">
        <v>10800</v>
      </c>
      <c r="G2412">
        <v>19955.900000000001</v>
      </c>
      <c r="H2412">
        <v>1.35433</v>
      </c>
      <c r="I2412">
        <v>23032.5</v>
      </c>
      <c r="J2412">
        <v>30.824100000000001</v>
      </c>
    </row>
    <row r="2413" spans="1:10" x14ac:dyDescent="0.25">
      <c r="A2413">
        <v>17</v>
      </c>
      <c r="B2413">
        <v>108.919</v>
      </c>
      <c r="C2413">
        <v>118.369</v>
      </c>
      <c r="D2413">
        <v>189.68700000000001</v>
      </c>
      <c r="E2413">
        <v>10431.5</v>
      </c>
      <c r="F2413">
        <v>10800</v>
      </c>
      <c r="G2413">
        <v>19955.900000000001</v>
      </c>
      <c r="H2413">
        <v>2.6771699999999998</v>
      </c>
      <c r="I2413">
        <v>24049.1</v>
      </c>
      <c r="J2413">
        <v>26.524000000000001</v>
      </c>
    </row>
    <row r="2414" spans="1:10" x14ac:dyDescent="0.25">
      <c r="A2414">
        <v>17</v>
      </c>
      <c r="B2414">
        <v>109.864</v>
      </c>
      <c r="C2414">
        <v>119.93899999999999</v>
      </c>
      <c r="D2414">
        <v>189.68700000000001</v>
      </c>
      <c r="E2414">
        <v>7370.08</v>
      </c>
      <c r="F2414">
        <v>10800</v>
      </c>
      <c r="G2414">
        <v>19955.900000000001</v>
      </c>
      <c r="H2414">
        <v>1.85039</v>
      </c>
      <c r="I2414">
        <v>21711</v>
      </c>
      <c r="J2414">
        <v>43.151200000000003</v>
      </c>
    </row>
    <row r="2415" spans="1:10" x14ac:dyDescent="0.25">
      <c r="A2415">
        <v>17</v>
      </c>
      <c r="B2415">
        <v>108.446</v>
      </c>
      <c r="C2415">
        <v>129.36500000000001</v>
      </c>
      <c r="D2415">
        <v>187.18</v>
      </c>
      <c r="E2415">
        <v>7710.24</v>
      </c>
      <c r="F2415">
        <v>10800</v>
      </c>
      <c r="G2415">
        <v>22677.200000000001</v>
      </c>
      <c r="H2415">
        <v>1.89764</v>
      </c>
      <c r="I2415">
        <v>22320.5</v>
      </c>
      <c r="J2415">
        <v>115.351</v>
      </c>
    </row>
    <row r="2416" spans="1:10" x14ac:dyDescent="0.25">
      <c r="A2416">
        <v>17</v>
      </c>
      <c r="B2416">
        <v>108.919</v>
      </c>
      <c r="C2416">
        <v>119.625</v>
      </c>
      <c r="D2416">
        <v>189.68700000000001</v>
      </c>
      <c r="E2416">
        <v>10091.299999999999</v>
      </c>
      <c r="F2416">
        <v>10800</v>
      </c>
      <c r="G2416">
        <v>21316.5</v>
      </c>
      <c r="H2416">
        <v>2.6063000000000001</v>
      </c>
      <c r="I2416">
        <v>23643.8</v>
      </c>
      <c r="J2416">
        <v>23.947700000000001</v>
      </c>
    </row>
    <row r="2417" spans="1:10" x14ac:dyDescent="0.25">
      <c r="A2417">
        <v>17</v>
      </c>
      <c r="B2417">
        <v>109.628</v>
      </c>
      <c r="C2417">
        <v>119.625</v>
      </c>
      <c r="D2417">
        <v>189.68700000000001</v>
      </c>
      <c r="E2417">
        <v>10091.299999999999</v>
      </c>
      <c r="F2417">
        <v>10800</v>
      </c>
      <c r="G2417">
        <v>21316.5</v>
      </c>
      <c r="H2417">
        <v>1.7795300000000001</v>
      </c>
      <c r="I2417">
        <v>25033.3</v>
      </c>
      <c r="J2417">
        <v>21.6</v>
      </c>
    </row>
    <row r="2418" spans="1:10" x14ac:dyDescent="0.25">
      <c r="A2418">
        <v>17</v>
      </c>
      <c r="B2418">
        <v>108.446</v>
      </c>
      <c r="C2418">
        <v>118.68300000000001</v>
      </c>
      <c r="D2418">
        <v>187.49299999999999</v>
      </c>
      <c r="E2418">
        <v>7200</v>
      </c>
      <c r="F2418">
        <v>10800</v>
      </c>
      <c r="G2418">
        <v>21316.5</v>
      </c>
      <c r="H2418">
        <v>3.0314999999999999</v>
      </c>
      <c r="I2418">
        <v>20486.2</v>
      </c>
      <c r="J2418">
        <v>53.531399999999998</v>
      </c>
    </row>
    <row r="2419" spans="1:10" x14ac:dyDescent="0.25">
      <c r="A2419">
        <v>17</v>
      </c>
      <c r="B2419">
        <v>108.446</v>
      </c>
      <c r="C2419">
        <v>119.625</v>
      </c>
      <c r="D2419">
        <v>189.68700000000001</v>
      </c>
      <c r="E2419">
        <v>10091.299999999999</v>
      </c>
      <c r="F2419">
        <v>10800</v>
      </c>
      <c r="G2419">
        <v>21316.5</v>
      </c>
      <c r="H2419">
        <v>2.8897599999999999</v>
      </c>
      <c r="I2419">
        <v>23424.2</v>
      </c>
      <c r="J2419">
        <v>44.1008</v>
      </c>
    </row>
    <row r="2420" spans="1:10" x14ac:dyDescent="0.25">
      <c r="A2420">
        <v>17</v>
      </c>
      <c r="B2420">
        <v>108.446</v>
      </c>
      <c r="C2420">
        <v>119.93899999999999</v>
      </c>
      <c r="D2420">
        <v>187.18</v>
      </c>
      <c r="E2420">
        <v>10091.299999999999</v>
      </c>
      <c r="F2420">
        <v>10800</v>
      </c>
      <c r="G2420">
        <v>9070.8700000000008</v>
      </c>
      <c r="H2420">
        <v>2.6063000000000001</v>
      </c>
      <c r="I2420">
        <v>23658.7</v>
      </c>
      <c r="J2420">
        <v>25.285299999999999</v>
      </c>
    </row>
    <row r="2421" spans="1:10" x14ac:dyDescent="0.25">
      <c r="A2421">
        <v>17</v>
      </c>
      <c r="B2421">
        <v>108.919</v>
      </c>
      <c r="C2421">
        <v>119.625</v>
      </c>
      <c r="D2421">
        <v>189.68700000000001</v>
      </c>
      <c r="E2421">
        <v>7370.08</v>
      </c>
      <c r="F2421">
        <v>10800</v>
      </c>
      <c r="G2421">
        <v>19955.900000000001</v>
      </c>
      <c r="H2421">
        <v>3.7873999999999999</v>
      </c>
      <c r="I2421">
        <v>20237.3</v>
      </c>
      <c r="J2421">
        <v>43.105600000000003</v>
      </c>
    </row>
    <row r="2422" spans="1:10" x14ac:dyDescent="0.25">
      <c r="A2422">
        <v>17</v>
      </c>
      <c r="B2422">
        <v>108.919</v>
      </c>
      <c r="C2422">
        <v>118.68300000000001</v>
      </c>
      <c r="D2422">
        <v>189.68700000000001</v>
      </c>
      <c r="E2422">
        <v>7370.08</v>
      </c>
      <c r="F2422">
        <v>10800</v>
      </c>
      <c r="G2422">
        <v>8900.7900000000009</v>
      </c>
      <c r="H2422">
        <v>2.6063000000000001</v>
      </c>
      <c r="I2422">
        <v>20995.599999999999</v>
      </c>
      <c r="J2422">
        <v>41.099600000000002</v>
      </c>
    </row>
    <row r="2423" spans="1:10" x14ac:dyDescent="0.25">
      <c r="A2423">
        <v>17</v>
      </c>
      <c r="B2423">
        <v>108.919</v>
      </c>
      <c r="C2423">
        <v>118.369</v>
      </c>
      <c r="D2423">
        <v>189.68700000000001</v>
      </c>
      <c r="E2423">
        <v>7710.24</v>
      </c>
      <c r="F2423">
        <v>10800</v>
      </c>
      <c r="G2423">
        <v>8560.6299999999992</v>
      </c>
      <c r="H2423">
        <v>1.3307100000000001</v>
      </c>
      <c r="I2423">
        <v>23381.5</v>
      </c>
      <c r="J2423">
        <v>36.291800000000002</v>
      </c>
    </row>
    <row r="2424" spans="1:10" x14ac:dyDescent="0.25">
      <c r="A2424">
        <v>17</v>
      </c>
      <c r="B2424">
        <v>108.446</v>
      </c>
      <c r="C2424">
        <v>119.625</v>
      </c>
      <c r="D2424">
        <v>189.68700000000001</v>
      </c>
      <c r="E2424">
        <v>7710.24</v>
      </c>
      <c r="F2424">
        <v>11310.2</v>
      </c>
      <c r="G2424">
        <v>19955.900000000001</v>
      </c>
      <c r="H2424">
        <v>1.1653500000000001</v>
      </c>
      <c r="I2424">
        <v>24578.6</v>
      </c>
      <c r="J2424">
        <v>30.3386</v>
      </c>
    </row>
    <row r="2425" spans="1:10" x14ac:dyDescent="0.25">
      <c r="A2425">
        <v>17</v>
      </c>
      <c r="B2425">
        <v>108.919</v>
      </c>
      <c r="C2425">
        <v>118.68300000000001</v>
      </c>
      <c r="D2425">
        <v>189.68700000000001</v>
      </c>
      <c r="E2425">
        <v>7710.24</v>
      </c>
      <c r="F2425">
        <v>10800</v>
      </c>
      <c r="G2425">
        <v>20976.400000000001</v>
      </c>
      <c r="H2425">
        <v>2.2283499999999998</v>
      </c>
      <c r="I2425">
        <v>21626.799999999999</v>
      </c>
      <c r="J2425">
        <v>37.394100000000002</v>
      </c>
    </row>
    <row r="2426" spans="1:10" x14ac:dyDescent="0.25">
      <c r="A2426">
        <v>17</v>
      </c>
      <c r="B2426">
        <v>108.446</v>
      </c>
      <c r="C2426">
        <v>119.625</v>
      </c>
      <c r="D2426">
        <v>189.68700000000001</v>
      </c>
      <c r="E2426">
        <v>7710.24</v>
      </c>
      <c r="F2426">
        <v>10800</v>
      </c>
      <c r="G2426">
        <v>22507.1</v>
      </c>
      <c r="H2426">
        <v>3.9291299999999998</v>
      </c>
      <c r="I2426">
        <v>20637.099999999999</v>
      </c>
      <c r="J2426">
        <v>46.5657</v>
      </c>
    </row>
    <row r="2427" spans="1:10" x14ac:dyDescent="0.25">
      <c r="A2427">
        <v>17</v>
      </c>
      <c r="B2427">
        <v>108.446</v>
      </c>
      <c r="C2427">
        <v>118.369</v>
      </c>
      <c r="D2427">
        <v>190</v>
      </c>
      <c r="E2427">
        <v>10431.5</v>
      </c>
      <c r="F2427">
        <v>10800</v>
      </c>
      <c r="G2427">
        <v>18595.3</v>
      </c>
      <c r="H2427">
        <v>1.3070900000000001</v>
      </c>
      <c r="I2427">
        <v>25969.8</v>
      </c>
      <c r="J2427">
        <v>17.733799999999999</v>
      </c>
    </row>
    <row r="2428" spans="1:10" x14ac:dyDescent="0.25">
      <c r="A2428">
        <v>17</v>
      </c>
      <c r="B2428">
        <v>108.919</v>
      </c>
      <c r="C2428">
        <v>124.652</v>
      </c>
      <c r="D2428">
        <v>187.49299999999999</v>
      </c>
      <c r="E2428">
        <v>10091.299999999999</v>
      </c>
      <c r="F2428">
        <v>10800</v>
      </c>
      <c r="G2428">
        <v>19955.900000000001</v>
      </c>
      <c r="H2428">
        <v>3.6692900000000002</v>
      </c>
      <c r="I2428">
        <v>23724.3</v>
      </c>
      <c r="J2428">
        <v>98.195700000000002</v>
      </c>
    </row>
    <row r="2429" spans="1:10" x14ac:dyDescent="0.25">
      <c r="A2429">
        <v>17</v>
      </c>
      <c r="B2429">
        <v>108.446</v>
      </c>
      <c r="C2429">
        <v>118.369</v>
      </c>
      <c r="D2429">
        <v>190</v>
      </c>
      <c r="E2429">
        <v>10431.5</v>
      </c>
      <c r="F2429">
        <v>10800</v>
      </c>
      <c r="G2429">
        <v>19955.900000000001</v>
      </c>
      <c r="H2429">
        <v>1.1181099999999999</v>
      </c>
      <c r="I2429">
        <v>26815.1</v>
      </c>
      <c r="J2429">
        <v>17.5837</v>
      </c>
    </row>
    <row r="2430" spans="1:10" x14ac:dyDescent="0.25">
      <c r="A2430">
        <v>17</v>
      </c>
      <c r="B2430">
        <v>109.864</v>
      </c>
      <c r="C2430">
        <v>119.93899999999999</v>
      </c>
      <c r="D2430">
        <v>189.68700000000001</v>
      </c>
      <c r="E2430">
        <v>7370.08</v>
      </c>
      <c r="F2430">
        <v>14881.9</v>
      </c>
      <c r="G2430">
        <v>19955.900000000001</v>
      </c>
      <c r="H2430">
        <v>2.1574800000000001</v>
      </c>
      <c r="I2430">
        <v>27211.1</v>
      </c>
      <c r="J2430">
        <v>27.9068</v>
      </c>
    </row>
    <row r="2431" spans="1:10" x14ac:dyDescent="0.25">
      <c r="A2431">
        <v>17</v>
      </c>
      <c r="B2431">
        <v>108.446</v>
      </c>
      <c r="C2431">
        <v>118.369</v>
      </c>
      <c r="D2431">
        <v>189.68700000000001</v>
      </c>
      <c r="E2431">
        <v>7370.08</v>
      </c>
      <c r="F2431">
        <v>10800</v>
      </c>
      <c r="G2431">
        <v>18595.3</v>
      </c>
      <c r="H2431">
        <v>2.2283499999999998</v>
      </c>
      <c r="I2431">
        <v>21361.9</v>
      </c>
      <c r="J2431">
        <v>36.42</v>
      </c>
    </row>
    <row r="2432" spans="1:10" x14ac:dyDescent="0.25">
      <c r="A2432">
        <v>17</v>
      </c>
      <c r="B2432">
        <v>109.155</v>
      </c>
      <c r="C2432">
        <v>128.422</v>
      </c>
      <c r="D2432">
        <v>189.68700000000001</v>
      </c>
      <c r="E2432">
        <v>7370.08</v>
      </c>
      <c r="F2432">
        <v>10800</v>
      </c>
      <c r="G2432">
        <v>19955.900000000001</v>
      </c>
      <c r="H2432">
        <v>3.3622000000000001</v>
      </c>
      <c r="I2432">
        <v>20987.8</v>
      </c>
      <c r="J2432">
        <v>28.634499999999999</v>
      </c>
    </row>
    <row r="2433" spans="1:10" x14ac:dyDescent="0.25">
      <c r="A2433">
        <v>17</v>
      </c>
      <c r="B2433">
        <v>108.68300000000001</v>
      </c>
      <c r="C2433">
        <v>118.369</v>
      </c>
      <c r="D2433">
        <v>189.68700000000001</v>
      </c>
      <c r="E2433">
        <v>10091.299999999999</v>
      </c>
      <c r="F2433">
        <v>10800</v>
      </c>
      <c r="G2433">
        <v>21316.5</v>
      </c>
      <c r="H2433">
        <v>2.25197</v>
      </c>
      <c r="I2433">
        <v>23861.7</v>
      </c>
      <c r="J2433">
        <v>28.940200000000001</v>
      </c>
    </row>
    <row r="2434" spans="1:10" x14ac:dyDescent="0.25">
      <c r="A2434">
        <v>17</v>
      </c>
      <c r="B2434">
        <v>108.446</v>
      </c>
      <c r="C2434">
        <v>119.93899999999999</v>
      </c>
      <c r="D2434">
        <v>189.68700000000001</v>
      </c>
      <c r="E2434">
        <v>7370.08</v>
      </c>
      <c r="F2434">
        <v>10800</v>
      </c>
      <c r="G2434">
        <v>11792.1</v>
      </c>
      <c r="H2434">
        <v>3.9291299999999998</v>
      </c>
      <c r="I2434">
        <v>20224.400000000001</v>
      </c>
      <c r="J2434">
        <v>48.874200000000002</v>
      </c>
    </row>
    <row r="2435" spans="1:10" x14ac:dyDescent="0.25">
      <c r="A2435">
        <v>17</v>
      </c>
      <c r="B2435">
        <v>109.864</v>
      </c>
      <c r="C2435">
        <v>119.93899999999999</v>
      </c>
      <c r="D2435">
        <v>189.68700000000001</v>
      </c>
      <c r="E2435">
        <v>10091.299999999999</v>
      </c>
      <c r="F2435">
        <v>10800</v>
      </c>
      <c r="G2435">
        <v>19955.900000000001</v>
      </c>
      <c r="H2435">
        <v>1.7795300000000001</v>
      </c>
      <c r="I2435">
        <v>25060</v>
      </c>
      <c r="J2435">
        <v>22.3171</v>
      </c>
    </row>
    <row r="2436" spans="1:10" x14ac:dyDescent="0.25">
      <c r="A2436">
        <v>17</v>
      </c>
      <c r="B2436">
        <v>109.864</v>
      </c>
      <c r="C2436">
        <v>119.625</v>
      </c>
      <c r="D2436">
        <v>189.68700000000001</v>
      </c>
      <c r="E2436">
        <v>7540.16</v>
      </c>
      <c r="F2436">
        <v>10800</v>
      </c>
      <c r="G2436">
        <v>22677.200000000001</v>
      </c>
      <c r="H2436">
        <v>1.1181099999999999</v>
      </c>
      <c r="I2436">
        <v>23845.7</v>
      </c>
      <c r="J2436">
        <v>35.0291</v>
      </c>
    </row>
    <row r="2437" spans="1:10" x14ac:dyDescent="0.25">
      <c r="A2437">
        <v>17</v>
      </c>
      <c r="B2437">
        <v>109.39100000000001</v>
      </c>
      <c r="C2437">
        <v>119.93899999999999</v>
      </c>
      <c r="D2437">
        <v>189.68700000000001</v>
      </c>
      <c r="E2437">
        <v>7370.08</v>
      </c>
      <c r="F2437">
        <v>11310.2</v>
      </c>
      <c r="G2437">
        <v>18595.3</v>
      </c>
      <c r="H2437">
        <v>3.4330699999999998</v>
      </c>
      <c r="I2437">
        <v>21051.5</v>
      </c>
      <c r="J2437">
        <v>51.489600000000003</v>
      </c>
    </row>
    <row r="2438" spans="1:10" x14ac:dyDescent="0.25">
      <c r="A2438">
        <v>17</v>
      </c>
      <c r="B2438">
        <v>108.446</v>
      </c>
      <c r="C2438">
        <v>118.369</v>
      </c>
      <c r="D2438">
        <v>189.68700000000001</v>
      </c>
      <c r="E2438">
        <v>10431.5</v>
      </c>
      <c r="F2438">
        <v>10800</v>
      </c>
      <c r="G2438">
        <v>19615.7</v>
      </c>
      <c r="H2438">
        <v>1.1417299999999999</v>
      </c>
      <c r="I2438">
        <v>26354.2</v>
      </c>
      <c r="J2438">
        <v>21.251100000000001</v>
      </c>
    </row>
    <row r="2439" spans="1:10" x14ac:dyDescent="0.25">
      <c r="A2439">
        <v>17</v>
      </c>
      <c r="B2439">
        <v>110.1</v>
      </c>
      <c r="C2439">
        <v>123.395</v>
      </c>
      <c r="D2439">
        <v>189.68700000000001</v>
      </c>
      <c r="E2439">
        <v>7370.08</v>
      </c>
      <c r="F2439">
        <v>10800</v>
      </c>
      <c r="G2439">
        <v>18595.3</v>
      </c>
      <c r="H2439">
        <v>3.10236</v>
      </c>
      <c r="I2439">
        <v>21051.4</v>
      </c>
      <c r="J2439">
        <v>24.819800000000001</v>
      </c>
    </row>
    <row r="2440" spans="1:10" x14ac:dyDescent="0.25">
      <c r="A2440">
        <v>17</v>
      </c>
      <c r="B2440">
        <v>108.446</v>
      </c>
      <c r="C2440">
        <v>118.68300000000001</v>
      </c>
      <c r="D2440">
        <v>189.68700000000001</v>
      </c>
      <c r="E2440">
        <v>10091.299999999999</v>
      </c>
      <c r="F2440">
        <v>10800</v>
      </c>
      <c r="G2440">
        <v>22507.1</v>
      </c>
      <c r="H2440">
        <v>3.9291299999999998</v>
      </c>
      <c r="I2440">
        <v>23069.7</v>
      </c>
      <c r="J2440">
        <v>45.731999999999999</v>
      </c>
    </row>
    <row r="2441" spans="1:10" x14ac:dyDescent="0.25">
      <c r="A2441">
        <v>17</v>
      </c>
      <c r="B2441">
        <v>108.919</v>
      </c>
      <c r="C2441">
        <v>118.369</v>
      </c>
      <c r="D2441">
        <v>189.68700000000001</v>
      </c>
      <c r="E2441">
        <v>10431.5</v>
      </c>
      <c r="F2441">
        <v>10800</v>
      </c>
      <c r="G2441">
        <v>19955.900000000001</v>
      </c>
      <c r="H2441">
        <v>1.4960599999999999</v>
      </c>
      <c r="I2441">
        <v>25565.9</v>
      </c>
      <c r="J2441">
        <v>18.1692</v>
      </c>
    </row>
    <row r="2442" spans="1:10" x14ac:dyDescent="0.25">
      <c r="A2442">
        <v>17</v>
      </c>
      <c r="B2442">
        <v>110.1</v>
      </c>
      <c r="C2442">
        <v>119.625</v>
      </c>
      <c r="D2442">
        <v>190</v>
      </c>
      <c r="E2442">
        <v>7710.24</v>
      </c>
      <c r="F2442">
        <v>10800</v>
      </c>
      <c r="G2442">
        <v>18595.3</v>
      </c>
      <c r="H2442">
        <v>2.3936999999999999</v>
      </c>
      <c r="I2442">
        <v>21445</v>
      </c>
      <c r="J2442">
        <v>25.5913</v>
      </c>
    </row>
    <row r="2443" spans="1:10" x14ac:dyDescent="0.25">
      <c r="A2443">
        <v>17</v>
      </c>
      <c r="B2443">
        <v>110.1</v>
      </c>
      <c r="C2443">
        <v>113.342</v>
      </c>
      <c r="D2443">
        <v>189.06</v>
      </c>
      <c r="E2443">
        <v>10261.4</v>
      </c>
      <c r="F2443">
        <v>10800</v>
      </c>
      <c r="G2443">
        <v>24037.8</v>
      </c>
      <c r="H2443">
        <v>1.73228</v>
      </c>
      <c r="I2443">
        <v>24914.5</v>
      </c>
      <c r="J2443">
        <v>27.313700000000001</v>
      </c>
    </row>
    <row r="2444" spans="1:10" x14ac:dyDescent="0.25">
      <c r="A2444">
        <v>17</v>
      </c>
      <c r="B2444">
        <v>108.446</v>
      </c>
      <c r="C2444">
        <v>118.369</v>
      </c>
      <c r="D2444">
        <v>189.68700000000001</v>
      </c>
      <c r="E2444">
        <v>8390.5499999999993</v>
      </c>
      <c r="F2444">
        <v>11310.2</v>
      </c>
      <c r="G2444">
        <v>19955.900000000001</v>
      </c>
      <c r="H2444">
        <v>1.92126</v>
      </c>
      <c r="I2444">
        <v>23133</v>
      </c>
      <c r="J2444">
        <v>29.102399999999999</v>
      </c>
    </row>
    <row r="2445" spans="1:10" x14ac:dyDescent="0.25">
      <c r="A2445">
        <v>17</v>
      </c>
      <c r="B2445">
        <v>108.919</v>
      </c>
      <c r="C2445">
        <v>118.68300000000001</v>
      </c>
      <c r="D2445">
        <v>189.68700000000001</v>
      </c>
      <c r="E2445">
        <v>10091.299999999999</v>
      </c>
      <c r="F2445">
        <v>10800</v>
      </c>
      <c r="G2445">
        <v>21316.5</v>
      </c>
      <c r="H2445">
        <v>2.2283499999999998</v>
      </c>
      <c r="I2445">
        <v>23894.400000000001</v>
      </c>
      <c r="J2445">
        <v>20.4404</v>
      </c>
    </row>
    <row r="2446" spans="1:10" x14ac:dyDescent="0.25">
      <c r="A2446">
        <v>17</v>
      </c>
      <c r="B2446">
        <v>108.446</v>
      </c>
      <c r="C2446">
        <v>119.625</v>
      </c>
      <c r="D2446">
        <v>189.68700000000001</v>
      </c>
      <c r="E2446">
        <v>7710.24</v>
      </c>
      <c r="F2446">
        <v>10800</v>
      </c>
      <c r="G2446">
        <v>19955.900000000001</v>
      </c>
      <c r="H2446">
        <v>3.7873999999999999</v>
      </c>
      <c r="I2446">
        <v>20568.7</v>
      </c>
      <c r="J2446">
        <v>44.706200000000003</v>
      </c>
    </row>
    <row r="2447" spans="1:10" x14ac:dyDescent="0.25">
      <c r="A2447">
        <v>17</v>
      </c>
      <c r="B2447">
        <v>108.919</v>
      </c>
      <c r="C2447">
        <v>118.369</v>
      </c>
      <c r="D2447">
        <v>189.68700000000001</v>
      </c>
      <c r="E2447">
        <v>10091.299999999999</v>
      </c>
      <c r="F2447">
        <v>10800</v>
      </c>
      <c r="G2447">
        <v>19955.900000000001</v>
      </c>
      <c r="H2447">
        <v>1.85039</v>
      </c>
      <c r="I2447">
        <v>24413.3</v>
      </c>
      <c r="J2447">
        <v>31.397099999999998</v>
      </c>
    </row>
    <row r="2448" spans="1:10" x14ac:dyDescent="0.25">
      <c r="A2448">
        <v>17</v>
      </c>
      <c r="B2448">
        <v>108.446</v>
      </c>
      <c r="C2448">
        <v>118.369</v>
      </c>
      <c r="D2448">
        <v>189.68700000000001</v>
      </c>
      <c r="E2448">
        <v>10091.299999999999</v>
      </c>
      <c r="F2448">
        <v>10800</v>
      </c>
      <c r="G2448">
        <v>22677.200000000001</v>
      </c>
      <c r="H2448">
        <v>1.1653500000000001</v>
      </c>
      <c r="I2448">
        <v>25872.3</v>
      </c>
      <c r="J2448">
        <v>18.5259</v>
      </c>
    </row>
    <row r="2449" spans="1:10" x14ac:dyDescent="0.25">
      <c r="A2449">
        <v>17</v>
      </c>
      <c r="B2449">
        <v>109.39100000000001</v>
      </c>
      <c r="C2449">
        <v>119.625</v>
      </c>
      <c r="D2449">
        <v>189.68700000000001</v>
      </c>
      <c r="E2449">
        <v>8730.7099999999991</v>
      </c>
      <c r="F2449">
        <v>10800</v>
      </c>
      <c r="G2449">
        <v>18595.3</v>
      </c>
      <c r="H2449">
        <v>3.9291299999999998</v>
      </c>
      <c r="I2449">
        <v>21686.7</v>
      </c>
      <c r="J2449">
        <v>57.049100000000003</v>
      </c>
    </row>
    <row r="2450" spans="1:10" x14ac:dyDescent="0.25">
      <c r="A2450">
        <v>17</v>
      </c>
      <c r="B2450">
        <v>108.446</v>
      </c>
      <c r="C2450">
        <v>119.93899999999999</v>
      </c>
      <c r="D2450">
        <v>188.43299999999999</v>
      </c>
      <c r="E2450">
        <v>7370.08</v>
      </c>
      <c r="F2450">
        <v>10800</v>
      </c>
      <c r="G2450">
        <v>18595.3</v>
      </c>
      <c r="H2450">
        <v>3.4094500000000001</v>
      </c>
      <c r="I2450">
        <v>20417.8</v>
      </c>
      <c r="J2450">
        <v>45.094099999999997</v>
      </c>
    </row>
    <row r="2451" spans="1:10" x14ac:dyDescent="0.25">
      <c r="A2451">
        <v>17</v>
      </c>
      <c r="B2451">
        <v>109.155</v>
      </c>
      <c r="C2451">
        <v>118.68300000000001</v>
      </c>
      <c r="D2451">
        <v>189.68700000000001</v>
      </c>
      <c r="E2451">
        <v>7370.08</v>
      </c>
      <c r="F2451">
        <v>10800</v>
      </c>
      <c r="G2451">
        <v>21146.5</v>
      </c>
      <c r="H2451">
        <v>2.2283499999999998</v>
      </c>
      <c r="I2451">
        <v>21219.5</v>
      </c>
      <c r="J2451">
        <v>36.300699999999999</v>
      </c>
    </row>
    <row r="2452" spans="1:10" x14ac:dyDescent="0.25">
      <c r="A2452">
        <v>17</v>
      </c>
      <c r="B2452">
        <v>109.155</v>
      </c>
      <c r="C2452">
        <v>123.395</v>
      </c>
      <c r="D2452">
        <v>189.06</v>
      </c>
      <c r="E2452">
        <v>7710.24</v>
      </c>
      <c r="F2452">
        <v>10800</v>
      </c>
      <c r="G2452">
        <v>19955.900000000001</v>
      </c>
      <c r="H2452">
        <v>1.0472399999999999</v>
      </c>
      <c r="I2452">
        <v>24996.3</v>
      </c>
      <c r="J2452">
        <v>48.163899999999998</v>
      </c>
    </row>
    <row r="2453" spans="1:10" x14ac:dyDescent="0.25">
      <c r="A2453">
        <v>17</v>
      </c>
      <c r="B2453">
        <v>108.68300000000001</v>
      </c>
      <c r="C2453">
        <v>118.369</v>
      </c>
      <c r="D2453">
        <v>189.68700000000001</v>
      </c>
      <c r="E2453">
        <v>10431.5</v>
      </c>
      <c r="F2453">
        <v>10800</v>
      </c>
      <c r="G2453">
        <v>19955.900000000001</v>
      </c>
      <c r="H2453">
        <v>1.7795300000000001</v>
      </c>
      <c r="I2453">
        <v>25094.799999999999</v>
      </c>
      <c r="J2453">
        <v>19.5199</v>
      </c>
    </row>
    <row r="2454" spans="1:10" x14ac:dyDescent="0.25">
      <c r="A2454">
        <v>17</v>
      </c>
      <c r="B2454">
        <v>109.864</v>
      </c>
      <c r="C2454">
        <v>119.625</v>
      </c>
      <c r="D2454">
        <v>189.68700000000001</v>
      </c>
      <c r="E2454">
        <v>10431.5</v>
      </c>
      <c r="F2454">
        <v>10800</v>
      </c>
      <c r="G2454">
        <v>19615.7</v>
      </c>
      <c r="H2454">
        <v>1.4960599999999999</v>
      </c>
      <c r="I2454">
        <v>25318.2</v>
      </c>
      <c r="J2454">
        <v>29.9055</v>
      </c>
    </row>
    <row r="2455" spans="1:10" x14ac:dyDescent="0.25">
      <c r="A2455">
        <v>17</v>
      </c>
      <c r="B2455">
        <v>108.919</v>
      </c>
      <c r="C2455">
        <v>119.625</v>
      </c>
      <c r="D2455">
        <v>189.68700000000001</v>
      </c>
      <c r="E2455">
        <v>7370.08</v>
      </c>
      <c r="F2455">
        <v>10800</v>
      </c>
      <c r="G2455">
        <v>9070.8700000000008</v>
      </c>
      <c r="H2455">
        <v>3.55118</v>
      </c>
      <c r="I2455">
        <v>20320.2</v>
      </c>
      <c r="J2455">
        <v>41.474699999999999</v>
      </c>
    </row>
    <row r="2456" spans="1:10" x14ac:dyDescent="0.25">
      <c r="A2456">
        <v>17</v>
      </c>
      <c r="B2456">
        <v>108.919</v>
      </c>
      <c r="C2456">
        <v>119.625</v>
      </c>
      <c r="D2456">
        <v>189.68700000000001</v>
      </c>
      <c r="E2456">
        <v>7710.24</v>
      </c>
      <c r="F2456">
        <v>10800</v>
      </c>
      <c r="G2456">
        <v>18595.3</v>
      </c>
      <c r="H2456">
        <v>1.47244</v>
      </c>
      <c r="I2456">
        <v>22862.3</v>
      </c>
      <c r="J2456">
        <v>41.905799999999999</v>
      </c>
    </row>
    <row r="2457" spans="1:10" x14ac:dyDescent="0.25">
      <c r="A2457">
        <v>17</v>
      </c>
      <c r="B2457">
        <v>108.446</v>
      </c>
      <c r="C2457">
        <v>119.625</v>
      </c>
      <c r="D2457">
        <v>187.18</v>
      </c>
      <c r="E2457">
        <v>7795.28</v>
      </c>
      <c r="F2457">
        <v>11310.2</v>
      </c>
      <c r="G2457">
        <v>22677.200000000001</v>
      </c>
      <c r="H2457">
        <v>1.1181099999999999</v>
      </c>
      <c r="I2457">
        <v>24746</v>
      </c>
      <c r="J2457">
        <v>31.564</v>
      </c>
    </row>
    <row r="2458" spans="1:10" x14ac:dyDescent="0.25">
      <c r="A2458">
        <v>17</v>
      </c>
      <c r="B2458">
        <v>109.39100000000001</v>
      </c>
      <c r="C2458">
        <v>118.369</v>
      </c>
      <c r="D2458">
        <v>189.68700000000001</v>
      </c>
      <c r="E2458">
        <v>10431.5</v>
      </c>
      <c r="F2458">
        <v>10800</v>
      </c>
      <c r="G2458">
        <v>19955.900000000001</v>
      </c>
      <c r="H2458">
        <v>1.07087</v>
      </c>
      <c r="I2458">
        <v>28290.3</v>
      </c>
      <c r="J2458">
        <v>47.270699999999998</v>
      </c>
    </row>
    <row r="2459" spans="1:10" x14ac:dyDescent="0.25">
      <c r="A2459">
        <v>17</v>
      </c>
      <c r="B2459">
        <v>109.864</v>
      </c>
      <c r="C2459">
        <v>119.93899999999999</v>
      </c>
      <c r="D2459">
        <v>189.68700000000001</v>
      </c>
      <c r="E2459">
        <v>8050.39</v>
      </c>
      <c r="F2459">
        <v>10800</v>
      </c>
      <c r="G2459">
        <v>21316.5</v>
      </c>
      <c r="H2459">
        <v>2.6063000000000001</v>
      </c>
      <c r="I2459">
        <v>21621.5</v>
      </c>
      <c r="J2459">
        <v>42.132599999999996</v>
      </c>
    </row>
    <row r="2460" spans="1:10" x14ac:dyDescent="0.25">
      <c r="A2460">
        <v>17</v>
      </c>
      <c r="B2460">
        <v>109.628</v>
      </c>
      <c r="C2460">
        <v>128.422</v>
      </c>
      <c r="D2460">
        <v>189.68700000000001</v>
      </c>
      <c r="E2460">
        <v>7370.08</v>
      </c>
      <c r="F2460">
        <v>10800</v>
      </c>
      <c r="G2460">
        <v>19955.900000000001</v>
      </c>
      <c r="H2460">
        <v>1.6377999999999999</v>
      </c>
      <c r="I2460">
        <v>22558.1</v>
      </c>
      <c r="J2460">
        <v>109.053</v>
      </c>
    </row>
    <row r="2461" spans="1:10" x14ac:dyDescent="0.25">
      <c r="A2461">
        <v>17</v>
      </c>
      <c r="B2461">
        <v>109.155</v>
      </c>
      <c r="C2461">
        <v>123.395</v>
      </c>
      <c r="D2461">
        <v>189.06</v>
      </c>
      <c r="E2461">
        <v>7370.08</v>
      </c>
      <c r="F2461">
        <v>10800</v>
      </c>
      <c r="G2461">
        <v>19955.900000000001</v>
      </c>
      <c r="H2461">
        <v>3.10236</v>
      </c>
      <c r="I2461">
        <v>20745.7</v>
      </c>
      <c r="J2461">
        <v>86.143299999999996</v>
      </c>
    </row>
    <row r="2462" spans="1:10" x14ac:dyDescent="0.25">
      <c r="A2462">
        <v>17</v>
      </c>
      <c r="B2462">
        <v>109.864</v>
      </c>
      <c r="C2462">
        <v>119.625</v>
      </c>
      <c r="D2462">
        <v>189.68700000000001</v>
      </c>
      <c r="E2462">
        <v>10091.299999999999</v>
      </c>
      <c r="F2462">
        <v>10800</v>
      </c>
      <c r="G2462">
        <v>18595.3</v>
      </c>
      <c r="H2462">
        <v>3.4094500000000001</v>
      </c>
      <c r="I2462">
        <v>23239.4</v>
      </c>
      <c r="J2462">
        <v>30.021999999999998</v>
      </c>
    </row>
    <row r="2463" spans="1:10" x14ac:dyDescent="0.25">
      <c r="A2463">
        <v>17</v>
      </c>
      <c r="B2463">
        <v>109.155</v>
      </c>
      <c r="C2463">
        <v>114.598</v>
      </c>
      <c r="D2463">
        <v>189.68700000000001</v>
      </c>
      <c r="E2463">
        <v>10431.5</v>
      </c>
      <c r="F2463">
        <v>10800</v>
      </c>
      <c r="G2463">
        <v>22337</v>
      </c>
      <c r="H2463">
        <v>2.5118100000000001</v>
      </c>
      <c r="I2463">
        <v>24083.4</v>
      </c>
      <c r="J2463">
        <v>37.197200000000002</v>
      </c>
    </row>
    <row r="2464" spans="1:10" x14ac:dyDescent="0.25">
      <c r="A2464">
        <v>17</v>
      </c>
      <c r="B2464">
        <v>109.155</v>
      </c>
      <c r="C2464">
        <v>118.369</v>
      </c>
      <c r="D2464">
        <v>189.06</v>
      </c>
      <c r="E2464">
        <v>10431.5</v>
      </c>
      <c r="F2464">
        <v>10800</v>
      </c>
      <c r="G2464">
        <v>19955.900000000001</v>
      </c>
      <c r="H2464">
        <v>1.2598400000000001</v>
      </c>
      <c r="I2464">
        <v>25951</v>
      </c>
      <c r="J2464">
        <v>24.758900000000001</v>
      </c>
    </row>
    <row r="2465" spans="1:10" x14ac:dyDescent="0.25">
      <c r="A2465">
        <v>17</v>
      </c>
      <c r="B2465">
        <v>108.446</v>
      </c>
      <c r="C2465">
        <v>128.422</v>
      </c>
      <c r="D2465">
        <v>189.68700000000001</v>
      </c>
      <c r="E2465">
        <v>7370.08</v>
      </c>
      <c r="F2465">
        <v>10800</v>
      </c>
      <c r="G2465">
        <v>19615.7</v>
      </c>
      <c r="H2465">
        <v>1.1181099999999999</v>
      </c>
      <c r="I2465">
        <v>24574.1</v>
      </c>
      <c r="J2465">
        <v>112.34399999999999</v>
      </c>
    </row>
    <row r="2466" spans="1:10" x14ac:dyDescent="0.25">
      <c r="A2466">
        <v>17</v>
      </c>
      <c r="B2466">
        <v>108.446</v>
      </c>
      <c r="C2466">
        <v>119.625</v>
      </c>
      <c r="D2466">
        <v>189.68700000000001</v>
      </c>
      <c r="E2466">
        <v>7710.24</v>
      </c>
      <c r="F2466">
        <v>10800</v>
      </c>
      <c r="G2466">
        <v>8730.7099999999991</v>
      </c>
      <c r="H2466">
        <v>2.6299199999999998</v>
      </c>
      <c r="I2466">
        <v>21212.9</v>
      </c>
      <c r="J2466">
        <v>36.110100000000003</v>
      </c>
    </row>
    <row r="2467" spans="1:10" x14ac:dyDescent="0.25">
      <c r="A2467">
        <v>17</v>
      </c>
      <c r="B2467">
        <v>108.446</v>
      </c>
      <c r="C2467">
        <v>118.997</v>
      </c>
      <c r="D2467">
        <v>187.49299999999999</v>
      </c>
      <c r="E2467">
        <v>10176.4</v>
      </c>
      <c r="F2467">
        <v>10800</v>
      </c>
      <c r="G2467">
        <v>19955.900000000001</v>
      </c>
      <c r="H2467">
        <v>1.92126</v>
      </c>
      <c r="I2467">
        <v>24369.200000000001</v>
      </c>
      <c r="J2467">
        <v>38.168199999999999</v>
      </c>
    </row>
    <row r="2468" spans="1:10" x14ac:dyDescent="0.25">
      <c r="A2468">
        <v>17</v>
      </c>
      <c r="B2468">
        <v>108.446</v>
      </c>
      <c r="C2468">
        <v>118.369</v>
      </c>
      <c r="D2468">
        <v>190</v>
      </c>
      <c r="E2468">
        <v>10431.5</v>
      </c>
      <c r="F2468">
        <v>10800</v>
      </c>
      <c r="G2468">
        <v>19955.900000000001</v>
      </c>
      <c r="H2468">
        <v>1.1181099999999999</v>
      </c>
      <c r="I2468">
        <v>26815.1</v>
      </c>
      <c r="J2468">
        <v>17.5837</v>
      </c>
    </row>
    <row r="2469" spans="1:10" x14ac:dyDescent="0.25">
      <c r="A2469">
        <v>17</v>
      </c>
      <c r="B2469">
        <v>109.39100000000001</v>
      </c>
      <c r="C2469">
        <v>119.625</v>
      </c>
      <c r="D2469">
        <v>189.68700000000001</v>
      </c>
      <c r="E2469">
        <v>7370.08</v>
      </c>
      <c r="F2469">
        <v>10800</v>
      </c>
      <c r="G2469">
        <v>21316.5</v>
      </c>
      <c r="H2469">
        <v>2.5118100000000001</v>
      </c>
      <c r="I2469">
        <v>20968.8</v>
      </c>
      <c r="J2469">
        <v>30.363499999999998</v>
      </c>
    </row>
    <row r="2470" spans="1:10" x14ac:dyDescent="0.25">
      <c r="A2470">
        <v>17</v>
      </c>
      <c r="B2470">
        <v>109.39100000000001</v>
      </c>
      <c r="C2470">
        <v>119.625</v>
      </c>
      <c r="D2470">
        <v>189.68700000000001</v>
      </c>
      <c r="E2470">
        <v>7710.24</v>
      </c>
      <c r="F2470">
        <v>11310.2</v>
      </c>
      <c r="G2470">
        <v>22677.200000000001</v>
      </c>
      <c r="H2470">
        <v>2.2283499999999998</v>
      </c>
      <c r="I2470">
        <v>22037.3</v>
      </c>
      <c r="J2470">
        <v>42.962200000000003</v>
      </c>
    </row>
    <row r="2471" spans="1:10" x14ac:dyDescent="0.25">
      <c r="A2471">
        <v>17</v>
      </c>
      <c r="B2471">
        <v>108.446</v>
      </c>
      <c r="C2471">
        <v>118.369</v>
      </c>
      <c r="D2471">
        <v>190</v>
      </c>
      <c r="E2471">
        <v>7370.08</v>
      </c>
      <c r="F2471">
        <v>10800</v>
      </c>
      <c r="G2471">
        <v>18255.099999999999</v>
      </c>
      <c r="H2471">
        <v>1</v>
      </c>
      <c r="I2471">
        <v>24027.3</v>
      </c>
      <c r="J2471">
        <v>57.593899999999998</v>
      </c>
    </row>
    <row r="2472" spans="1:10" x14ac:dyDescent="0.25">
      <c r="A2472">
        <v>17</v>
      </c>
      <c r="B2472">
        <v>109.864</v>
      </c>
      <c r="C2472">
        <v>124.652</v>
      </c>
      <c r="D2472">
        <v>190</v>
      </c>
      <c r="E2472">
        <v>7370.08</v>
      </c>
      <c r="F2472">
        <v>10800</v>
      </c>
      <c r="G2472">
        <v>22677.200000000001</v>
      </c>
      <c r="H2472">
        <v>3.10236</v>
      </c>
      <c r="I2472">
        <v>21086.6</v>
      </c>
      <c r="J2472">
        <v>110</v>
      </c>
    </row>
    <row r="2473" spans="1:10" x14ac:dyDescent="0.25">
      <c r="A2473">
        <v>17</v>
      </c>
      <c r="B2473">
        <v>109.864</v>
      </c>
      <c r="C2473">
        <v>119.625</v>
      </c>
      <c r="D2473">
        <v>189.68700000000001</v>
      </c>
      <c r="E2473">
        <v>7370.08</v>
      </c>
      <c r="F2473">
        <v>10800</v>
      </c>
      <c r="G2473">
        <v>9070.8700000000008</v>
      </c>
      <c r="H2473">
        <v>3.7401599999999999</v>
      </c>
      <c r="I2473">
        <v>20358.8</v>
      </c>
      <c r="J2473">
        <v>50.701999999999998</v>
      </c>
    </row>
    <row r="2474" spans="1:10" x14ac:dyDescent="0.25">
      <c r="A2474">
        <v>17</v>
      </c>
      <c r="B2474">
        <v>108.68300000000001</v>
      </c>
      <c r="C2474">
        <v>118.369</v>
      </c>
      <c r="D2474">
        <v>190</v>
      </c>
      <c r="E2474">
        <v>7370.08</v>
      </c>
      <c r="F2474">
        <v>11055.1</v>
      </c>
      <c r="G2474">
        <v>18425.2</v>
      </c>
      <c r="H2474">
        <v>3.8110200000000001</v>
      </c>
      <c r="I2474">
        <v>20601.8</v>
      </c>
      <c r="J2474">
        <v>49.250900000000001</v>
      </c>
    </row>
    <row r="2475" spans="1:10" x14ac:dyDescent="0.25">
      <c r="A2475">
        <v>17</v>
      </c>
      <c r="B2475">
        <v>108.919</v>
      </c>
      <c r="C2475">
        <v>118.68300000000001</v>
      </c>
      <c r="D2475">
        <v>189.68700000000001</v>
      </c>
      <c r="E2475">
        <v>7710.24</v>
      </c>
      <c r="F2475">
        <v>10800</v>
      </c>
      <c r="G2475">
        <v>8560.6299999999992</v>
      </c>
      <c r="H2475">
        <v>3.7401599999999999</v>
      </c>
      <c r="I2475">
        <v>20668.900000000001</v>
      </c>
      <c r="J2475">
        <v>48.745800000000003</v>
      </c>
    </row>
    <row r="2476" spans="1:10" x14ac:dyDescent="0.25">
      <c r="A2476">
        <v>17</v>
      </c>
      <c r="B2476">
        <v>109.39100000000001</v>
      </c>
      <c r="C2476">
        <v>119.93899999999999</v>
      </c>
      <c r="D2476">
        <v>189.68700000000001</v>
      </c>
      <c r="E2476">
        <v>7370.08</v>
      </c>
      <c r="F2476">
        <v>10800</v>
      </c>
      <c r="G2476">
        <v>18595.3</v>
      </c>
      <c r="H2476">
        <v>3.7873999999999999</v>
      </c>
      <c r="I2476">
        <v>20286.2</v>
      </c>
      <c r="J2476">
        <v>39.384099999999997</v>
      </c>
    </row>
    <row r="2477" spans="1:10" x14ac:dyDescent="0.25">
      <c r="A2477">
        <v>17</v>
      </c>
      <c r="B2477">
        <v>109.864</v>
      </c>
      <c r="C2477">
        <v>119.625</v>
      </c>
      <c r="D2477">
        <v>189.68700000000001</v>
      </c>
      <c r="E2477">
        <v>7370.08</v>
      </c>
      <c r="F2477">
        <v>10800</v>
      </c>
      <c r="G2477">
        <v>21316.5</v>
      </c>
      <c r="H2477">
        <v>2.5118100000000001</v>
      </c>
      <c r="I2477">
        <v>20993.1</v>
      </c>
      <c r="J2477">
        <v>28.6403</v>
      </c>
    </row>
    <row r="2478" spans="1:10" x14ac:dyDescent="0.25">
      <c r="A2478">
        <v>17</v>
      </c>
      <c r="B2478">
        <v>109.39100000000001</v>
      </c>
      <c r="C2478">
        <v>119.625</v>
      </c>
      <c r="D2478">
        <v>189.68700000000001</v>
      </c>
      <c r="E2478">
        <v>10431.5</v>
      </c>
      <c r="F2478">
        <v>10800</v>
      </c>
      <c r="G2478">
        <v>19785.8</v>
      </c>
      <c r="H2478">
        <v>2.6771699999999998</v>
      </c>
      <c r="I2478">
        <v>24427.1</v>
      </c>
      <c r="J2478">
        <v>21.3645</v>
      </c>
    </row>
    <row r="2479" spans="1:10" x14ac:dyDescent="0.25">
      <c r="A2479">
        <v>17</v>
      </c>
      <c r="B2479">
        <v>108.919</v>
      </c>
      <c r="C2479">
        <v>119.625</v>
      </c>
      <c r="D2479">
        <v>190</v>
      </c>
      <c r="E2479">
        <v>7370.08</v>
      </c>
      <c r="F2479">
        <v>10800</v>
      </c>
      <c r="G2479">
        <v>19955.900000000001</v>
      </c>
      <c r="H2479">
        <v>3.6692900000000002</v>
      </c>
      <c r="I2479">
        <v>20404.099999999999</v>
      </c>
      <c r="J2479">
        <v>42.452399999999997</v>
      </c>
    </row>
    <row r="2480" spans="1:10" x14ac:dyDescent="0.25">
      <c r="A2480">
        <v>17</v>
      </c>
      <c r="B2480">
        <v>109.155</v>
      </c>
      <c r="C2480">
        <v>118.369</v>
      </c>
      <c r="D2480">
        <v>189.68700000000001</v>
      </c>
      <c r="E2480">
        <v>7710.24</v>
      </c>
      <c r="F2480">
        <v>10800</v>
      </c>
      <c r="G2480">
        <v>8900.7900000000009</v>
      </c>
      <c r="H2480">
        <v>1.6141700000000001</v>
      </c>
      <c r="I2480">
        <v>22467.5</v>
      </c>
      <c r="J2480">
        <v>38.499699999999997</v>
      </c>
    </row>
    <row r="2481" spans="1:10" x14ac:dyDescent="0.25">
      <c r="A2481">
        <v>17</v>
      </c>
      <c r="B2481">
        <v>109.155</v>
      </c>
      <c r="C2481">
        <v>118.369</v>
      </c>
      <c r="D2481">
        <v>189.68700000000001</v>
      </c>
      <c r="E2481">
        <v>10091.299999999999</v>
      </c>
      <c r="F2481">
        <v>10800</v>
      </c>
      <c r="G2481">
        <v>19955.900000000001</v>
      </c>
      <c r="H2481">
        <v>1.40157</v>
      </c>
      <c r="I2481">
        <v>25253.200000000001</v>
      </c>
      <c r="J2481">
        <v>18.960899999999999</v>
      </c>
    </row>
    <row r="2482" spans="1:10" x14ac:dyDescent="0.25">
      <c r="A2482">
        <v>17</v>
      </c>
      <c r="B2482">
        <v>109.155</v>
      </c>
      <c r="C2482">
        <v>128.73599999999999</v>
      </c>
      <c r="D2482">
        <v>189.68700000000001</v>
      </c>
      <c r="E2482">
        <v>7370.08</v>
      </c>
      <c r="F2482">
        <v>10800</v>
      </c>
      <c r="G2482">
        <v>19785.8</v>
      </c>
      <c r="H2482">
        <v>3.4094500000000001</v>
      </c>
      <c r="I2482">
        <v>20964.3</v>
      </c>
      <c r="J2482">
        <v>27.779299999999999</v>
      </c>
    </row>
    <row r="2483" spans="1:10" x14ac:dyDescent="0.25">
      <c r="A2483">
        <v>17</v>
      </c>
      <c r="B2483">
        <v>108.68300000000001</v>
      </c>
      <c r="C2483">
        <v>118.369</v>
      </c>
      <c r="D2483">
        <v>190</v>
      </c>
      <c r="E2483">
        <v>10091.299999999999</v>
      </c>
      <c r="F2483">
        <v>10800</v>
      </c>
      <c r="G2483">
        <v>19955.900000000001</v>
      </c>
      <c r="H2483">
        <v>1.40157</v>
      </c>
      <c r="I2483">
        <v>25363.200000000001</v>
      </c>
      <c r="J2483">
        <v>18.910900000000002</v>
      </c>
    </row>
    <row r="2484" spans="1:10" x14ac:dyDescent="0.25">
      <c r="A2484">
        <v>17</v>
      </c>
      <c r="B2484">
        <v>108.446</v>
      </c>
      <c r="C2484">
        <v>118.369</v>
      </c>
      <c r="D2484">
        <v>190</v>
      </c>
      <c r="E2484">
        <v>10431.5</v>
      </c>
      <c r="F2484">
        <v>10800</v>
      </c>
      <c r="G2484">
        <v>18595.3</v>
      </c>
      <c r="H2484">
        <v>1.3070900000000001</v>
      </c>
      <c r="I2484">
        <v>25969.8</v>
      </c>
      <c r="J2484">
        <v>17.733799999999999</v>
      </c>
    </row>
    <row r="2485" spans="1:10" x14ac:dyDescent="0.25">
      <c r="A2485">
        <v>17</v>
      </c>
      <c r="B2485">
        <v>109.155</v>
      </c>
      <c r="C2485">
        <v>124.652</v>
      </c>
      <c r="D2485">
        <v>189.37299999999999</v>
      </c>
      <c r="E2485">
        <v>7370.08</v>
      </c>
      <c r="F2485">
        <v>10800</v>
      </c>
      <c r="G2485">
        <v>19955.900000000001</v>
      </c>
      <c r="H2485">
        <v>3.8582700000000001</v>
      </c>
      <c r="I2485">
        <v>20425.900000000001</v>
      </c>
      <c r="J2485">
        <v>33.058799999999998</v>
      </c>
    </row>
    <row r="2486" spans="1:10" x14ac:dyDescent="0.25">
      <c r="A2486">
        <v>17</v>
      </c>
      <c r="B2486">
        <v>108.446</v>
      </c>
      <c r="C2486">
        <v>118.369</v>
      </c>
      <c r="D2486">
        <v>187.18</v>
      </c>
      <c r="E2486">
        <v>10091.299999999999</v>
      </c>
      <c r="F2486">
        <v>10800</v>
      </c>
      <c r="G2486">
        <v>19955.900000000001</v>
      </c>
      <c r="H2486">
        <v>1.40157</v>
      </c>
      <c r="I2486">
        <v>25389.1</v>
      </c>
      <c r="J2486">
        <v>18.889700000000001</v>
      </c>
    </row>
    <row r="2487" spans="1:10" x14ac:dyDescent="0.25">
      <c r="A2487">
        <v>17</v>
      </c>
      <c r="B2487">
        <v>110.1</v>
      </c>
      <c r="C2487">
        <v>123.395</v>
      </c>
      <c r="D2487">
        <v>189.68700000000001</v>
      </c>
      <c r="E2487">
        <v>7370.08</v>
      </c>
      <c r="F2487">
        <v>10800</v>
      </c>
      <c r="G2487">
        <v>18595.3</v>
      </c>
      <c r="H2487">
        <v>3.10236</v>
      </c>
      <c r="I2487">
        <v>21051.4</v>
      </c>
      <c r="J2487">
        <v>24.819800000000001</v>
      </c>
    </row>
    <row r="2488" spans="1:10" x14ac:dyDescent="0.25">
      <c r="A2488">
        <v>17</v>
      </c>
      <c r="B2488">
        <v>110.1</v>
      </c>
      <c r="C2488">
        <v>123.395</v>
      </c>
      <c r="D2488">
        <v>189.06</v>
      </c>
      <c r="E2488">
        <v>7710.24</v>
      </c>
      <c r="F2488">
        <v>10800</v>
      </c>
      <c r="G2488">
        <v>19955.900000000001</v>
      </c>
      <c r="H2488">
        <v>1.6377999999999999</v>
      </c>
      <c r="I2488">
        <v>22282.799999999999</v>
      </c>
      <c r="J2488">
        <v>20.198799999999999</v>
      </c>
    </row>
    <row r="2489" spans="1:10" x14ac:dyDescent="0.25">
      <c r="A2489">
        <v>17</v>
      </c>
      <c r="B2489">
        <v>105.848</v>
      </c>
      <c r="C2489">
        <v>114.913</v>
      </c>
      <c r="D2489">
        <v>189.06</v>
      </c>
      <c r="E2489">
        <v>7710.24</v>
      </c>
      <c r="F2489">
        <v>14881.9</v>
      </c>
      <c r="G2489">
        <v>22677.200000000001</v>
      </c>
      <c r="H2489">
        <v>1.09449</v>
      </c>
      <c r="I2489">
        <v>28153.9</v>
      </c>
      <c r="J2489">
        <v>16.915900000000001</v>
      </c>
    </row>
    <row r="2490" spans="1:10" x14ac:dyDescent="0.25">
      <c r="A2490">
        <v>17</v>
      </c>
      <c r="B2490">
        <v>102.777</v>
      </c>
      <c r="C2490">
        <v>123.081</v>
      </c>
      <c r="D2490">
        <v>182.47900000000001</v>
      </c>
      <c r="E2490">
        <v>7200</v>
      </c>
      <c r="F2490">
        <v>10800</v>
      </c>
      <c r="G2490">
        <v>19955.900000000001</v>
      </c>
      <c r="H2490">
        <v>3.7637800000000001</v>
      </c>
      <c r="I2490">
        <v>20089.900000000001</v>
      </c>
      <c r="J2490">
        <v>33.581899999999997</v>
      </c>
    </row>
    <row r="2491" spans="1:10" x14ac:dyDescent="0.25">
      <c r="A2491">
        <v>17</v>
      </c>
      <c r="B2491">
        <v>105.848</v>
      </c>
      <c r="C2491">
        <v>114.913</v>
      </c>
      <c r="D2491">
        <v>189.06</v>
      </c>
      <c r="E2491">
        <v>7710.24</v>
      </c>
      <c r="F2491">
        <v>14881.9</v>
      </c>
      <c r="G2491">
        <v>22677.200000000001</v>
      </c>
      <c r="H2491">
        <v>1.09449</v>
      </c>
      <c r="I2491">
        <v>28153.9</v>
      </c>
      <c r="J2491">
        <v>16.915900000000001</v>
      </c>
    </row>
    <row r="2492" spans="1:10" x14ac:dyDescent="0.25">
      <c r="A2492">
        <v>17</v>
      </c>
      <c r="B2492">
        <v>110.1</v>
      </c>
      <c r="C2492">
        <v>123.395</v>
      </c>
      <c r="D2492">
        <v>189.06</v>
      </c>
      <c r="E2492">
        <v>7710.24</v>
      </c>
      <c r="F2492">
        <v>10800</v>
      </c>
      <c r="G2492">
        <v>19955.900000000001</v>
      </c>
      <c r="H2492">
        <v>1.6377999999999999</v>
      </c>
      <c r="I2492">
        <v>22282.799999999999</v>
      </c>
      <c r="J2492">
        <v>20.198799999999999</v>
      </c>
    </row>
    <row r="2493" spans="1:10" x14ac:dyDescent="0.25">
      <c r="A2493">
        <v>17</v>
      </c>
      <c r="B2493">
        <v>102.777</v>
      </c>
      <c r="C2493">
        <v>123.081</v>
      </c>
      <c r="D2493">
        <v>182.47900000000001</v>
      </c>
      <c r="E2493">
        <v>7200</v>
      </c>
      <c r="F2493">
        <v>10800</v>
      </c>
      <c r="G2493">
        <v>19955.900000000001</v>
      </c>
      <c r="H2493">
        <v>3.7637800000000001</v>
      </c>
      <c r="I2493">
        <v>20089.900000000001</v>
      </c>
      <c r="J2493">
        <v>33.581899999999997</v>
      </c>
    </row>
    <row r="2494" spans="1:10" x14ac:dyDescent="0.25">
      <c r="A2494">
        <v>17</v>
      </c>
      <c r="B2494">
        <v>105.848</v>
      </c>
      <c r="C2494">
        <v>114.913</v>
      </c>
      <c r="D2494">
        <v>189.06</v>
      </c>
      <c r="E2494">
        <v>7710.24</v>
      </c>
      <c r="F2494">
        <v>14881.9</v>
      </c>
      <c r="G2494">
        <v>22677.200000000001</v>
      </c>
      <c r="H2494">
        <v>1.09449</v>
      </c>
      <c r="I2494">
        <v>28153.9</v>
      </c>
      <c r="J2494">
        <v>16.915900000000001</v>
      </c>
    </row>
    <row r="2495" spans="1:10" x14ac:dyDescent="0.25">
      <c r="A2495">
        <v>17</v>
      </c>
      <c r="B2495">
        <v>110.1</v>
      </c>
      <c r="C2495">
        <v>123.395</v>
      </c>
      <c r="D2495">
        <v>189.06</v>
      </c>
      <c r="E2495">
        <v>7710.24</v>
      </c>
      <c r="F2495">
        <v>10800</v>
      </c>
      <c r="G2495">
        <v>19955.900000000001</v>
      </c>
      <c r="H2495">
        <v>1.6377999999999999</v>
      </c>
      <c r="I2495">
        <v>22282.799999999999</v>
      </c>
      <c r="J2495">
        <v>20.198799999999999</v>
      </c>
    </row>
    <row r="2496" spans="1:10" x14ac:dyDescent="0.25">
      <c r="A2496">
        <v>17</v>
      </c>
      <c r="B2496">
        <v>102.777</v>
      </c>
      <c r="C2496">
        <v>123.081</v>
      </c>
      <c r="D2496">
        <v>182.47900000000001</v>
      </c>
      <c r="E2496">
        <v>7200</v>
      </c>
      <c r="F2496">
        <v>10800</v>
      </c>
      <c r="G2496">
        <v>19955.900000000001</v>
      </c>
      <c r="H2496">
        <v>3.7637800000000001</v>
      </c>
      <c r="I2496">
        <v>20089.900000000001</v>
      </c>
      <c r="J2496">
        <v>33.581899999999997</v>
      </c>
    </row>
    <row r="2497" spans="1:10" x14ac:dyDescent="0.25">
      <c r="A2497">
        <v>17</v>
      </c>
      <c r="B2497">
        <v>102.777</v>
      </c>
      <c r="C2497">
        <v>123.081</v>
      </c>
      <c r="D2497">
        <v>182.47900000000001</v>
      </c>
      <c r="E2497">
        <v>7200</v>
      </c>
      <c r="F2497">
        <v>10800</v>
      </c>
      <c r="G2497">
        <v>19955.900000000001</v>
      </c>
      <c r="H2497">
        <v>3.7637800000000001</v>
      </c>
      <c r="I2497">
        <v>20089.900000000001</v>
      </c>
      <c r="J2497">
        <v>33.581899999999997</v>
      </c>
    </row>
    <row r="2498" spans="1:10" x14ac:dyDescent="0.25">
      <c r="A2498">
        <v>17</v>
      </c>
      <c r="B2498">
        <v>110.1</v>
      </c>
      <c r="C2498">
        <v>123.395</v>
      </c>
      <c r="D2498">
        <v>189.06</v>
      </c>
      <c r="E2498">
        <v>7710.24</v>
      </c>
      <c r="F2498">
        <v>10800</v>
      </c>
      <c r="G2498">
        <v>19955.900000000001</v>
      </c>
      <c r="H2498">
        <v>1.6377999999999999</v>
      </c>
      <c r="I2498">
        <v>22282.799999999999</v>
      </c>
      <c r="J2498">
        <v>20.198799999999999</v>
      </c>
    </row>
    <row r="2499" spans="1:10" x14ac:dyDescent="0.25">
      <c r="A2499">
        <v>17</v>
      </c>
      <c r="B2499">
        <v>102.777</v>
      </c>
      <c r="C2499">
        <v>123.081</v>
      </c>
      <c r="D2499">
        <v>182.47900000000001</v>
      </c>
      <c r="E2499">
        <v>7200</v>
      </c>
      <c r="F2499">
        <v>10800</v>
      </c>
      <c r="G2499">
        <v>19955.900000000001</v>
      </c>
      <c r="H2499">
        <v>3.7637800000000001</v>
      </c>
      <c r="I2499">
        <v>20089.900000000001</v>
      </c>
      <c r="J2499">
        <v>33.581899999999997</v>
      </c>
    </row>
    <row r="2500" spans="1:10" x14ac:dyDescent="0.25">
      <c r="A2500">
        <v>17</v>
      </c>
      <c r="B2500">
        <v>102.777</v>
      </c>
      <c r="C2500">
        <v>123.081</v>
      </c>
      <c r="D2500">
        <v>182.47900000000001</v>
      </c>
      <c r="E2500">
        <v>7200</v>
      </c>
      <c r="F2500">
        <v>10800</v>
      </c>
      <c r="G2500">
        <v>19955.900000000001</v>
      </c>
      <c r="H2500">
        <v>3.7637800000000001</v>
      </c>
      <c r="I2500">
        <v>20089.900000000001</v>
      </c>
      <c r="J2500">
        <v>33.581899999999997</v>
      </c>
    </row>
    <row r="2501" spans="1:10" x14ac:dyDescent="0.25">
      <c r="A2501">
        <v>17</v>
      </c>
      <c r="B2501">
        <v>108.446</v>
      </c>
      <c r="C2501">
        <v>118.369</v>
      </c>
      <c r="D2501">
        <v>190</v>
      </c>
      <c r="E2501">
        <v>10431.5</v>
      </c>
      <c r="F2501">
        <v>10800</v>
      </c>
      <c r="G2501">
        <v>19615.7</v>
      </c>
      <c r="H2501">
        <v>1.1181099999999999</v>
      </c>
      <c r="I2501">
        <v>26815.1</v>
      </c>
      <c r="J2501">
        <v>17.5837</v>
      </c>
    </row>
    <row r="2502" spans="1:10" x14ac:dyDescent="0.25">
      <c r="A2502">
        <v>17</v>
      </c>
      <c r="B2502">
        <v>108.919</v>
      </c>
      <c r="C2502">
        <v>118.369</v>
      </c>
      <c r="D2502">
        <v>189.68700000000001</v>
      </c>
      <c r="E2502">
        <v>10431.5</v>
      </c>
      <c r="F2502">
        <v>10800</v>
      </c>
      <c r="G2502">
        <v>19955.900000000001</v>
      </c>
      <c r="H2502">
        <v>1.4960599999999999</v>
      </c>
      <c r="I2502">
        <v>25565.9</v>
      </c>
      <c r="J2502">
        <v>18.1692</v>
      </c>
    </row>
    <row r="2503" spans="1:10" x14ac:dyDescent="0.25">
      <c r="A2503">
        <v>17</v>
      </c>
      <c r="B2503">
        <v>110.1</v>
      </c>
      <c r="C2503">
        <v>123.395</v>
      </c>
      <c r="D2503">
        <v>189.06</v>
      </c>
      <c r="E2503">
        <v>7370.08</v>
      </c>
      <c r="F2503">
        <v>10800</v>
      </c>
      <c r="G2503">
        <v>21316.5</v>
      </c>
      <c r="H2503">
        <v>3.0787399999999998</v>
      </c>
      <c r="I2503">
        <v>21028.799999999999</v>
      </c>
      <c r="J2503">
        <v>25.227799999999998</v>
      </c>
    </row>
    <row r="2504" spans="1:10" x14ac:dyDescent="0.25">
      <c r="A2504">
        <v>17</v>
      </c>
      <c r="B2504">
        <v>110.1</v>
      </c>
      <c r="C2504">
        <v>123.395</v>
      </c>
      <c r="D2504">
        <v>189.06</v>
      </c>
      <c r="E2504">
        <v>7710.24</v>
      </c>
      <c r="F2504">
        <v>10800</v>
      </c>
      <c r="G2504">
        <v>19955.900000000001</v>
      </c>
      <c r="H2504">
        <v>1.6377999999999999</v>
      </c>
      <c r="I2504">
        <v>22282.799999999999</v>
      </c>
      <c r="J2504">
        <v>20.198799999999999</v>
      </c>
    </row>
    <row r="2505" spans="1:10" x14ac:dyDescent="0.25">
      <c r="A2505">
        <v>17</v>
      </c>
      <c r="B2505">
        <v>106.79300000000001</v>
      </c>
      <c r="C2505">
        <v>124.024</v>
      </c>
      <c r="D2505">
        <v>184.04599999999999</v>
      </c>
      <c r="E2505">
        <v>10516.5</v>
      </c>
      <c r="F2505">
        <v>19984.3</v>
      </c>
      <c r="G2505">
        <v>20636.2</v>
      </c>
      <c r="H2505">
        <v>2.25197</v>
      </c>
      <c r="I2505">
        <v>36430.5</v>
      </c>
      <c r="J2505">
        <v>16.778199999999998</v>
      </c>
    </row>
    <row r="2506" spans="1:10" x14ac:dyDescent="0.25">
      <c r="A2506">
        <v>17</v>
      </c>
      <c r="B2506">
        <v>102.777</v>
      </c>
      <c r="C2506">
        <v>123.081</v>
      </c>
      <c r="D2506">
        <v>182.47900000000001</v>
      </c>
      <c r="E2506">
        <v>7200</v>
      </c>
      <c r="F2506">
        <v>10800</v>
      </c>
      <c r="G2506">
        <v>19955.900000000001</v>
      </c>
      <c r="H2506">
        <v>3.7637800000000001</v>
      </c>
      <c r="I2506">
        <v>20089.900000000001</v>
      </c>
      <c r="J2506">
        <v>33.581899999999997</v>
      </c>
    </row>
    <row r="2507" spans="1:10" x14ac:dyDescent="0.25">
      <c r="A2507">
        <v>17</v>
      </c>
      <c r="B2507">
        <v>110.1</v>
      </c>
      <c r="C2507">
        <v>123.395</v>
      </c>
      <c r="D2507">
        <v>189.06</v>
      </c>
      <c r="E2507">
        <v>7370.08</v>
      </c>
      <c r="F2507">
        <v>10800</v>
      </c>
      <c r="G2507">
        <v>21316.5</v>
      </c>
      <c r="H2507">
        <v>3.0787399999999998</v>
      </c>
      <c r="I2507">
        <v>21028.799999999999</v>
      </c>
      <c r="J2507">
        <v>25.227799999999998</v>
      </c>
    </row>
    <row r="2508" spans="1:10" x14ac:dyDescent="0.25">
      <c r="A2508">
        <v>17</v>
      </c>
      <c r="B2508">
        <v>108.446</v>
      </c>
      <c r="C2508">
        <v>118.369</v>
      </c>
      <c r="D2508">
        <v>190</v>
      </c>
      <c r="E2508">
        <v>10431.5</v>
      </c>
      <c r="F2508">
        <v>10800</v>
      </c>
      <c r="G2508">
        <v>19615.7</v>
      </c>
      <c r="H2508">
        <v>1.1181099999999999</v>
      </c>
      <c r="I2508">
        <v>26815.1</v>
      </c>
      <c r="J2508">
        <v>17.5837</v>
      </c>
    </row>
    <row r="2509" spans="1:10" x14ac:dyDescent="0.25">
      <c r="A2509">
        <v>17</v>
      </c>
      <c r="B2509">
        <v>108.446</v>
      </c>
      <c r="C2509">
        <v>118.369</v>
      </c>
      <c r="D2509">
        <v>190</v>
      </c>
      <c r="E2509">
        <v>10431.5</v>
      </c>
      <c r="F2509">
        <v>10800</v>
      </c>
      <c r="G2509">
        <v>19615.7</v>
      </c>
      <c r="H2509">
        <v>1.1181099999999999</v>
      </c>
      <c r="I2509">
        <v>26815.1</v>
      </c>
      <c r="J2509">
        <v>17.5837</v>
      </c>
    </row>
    <row r="2510" spans="1:10" x14ac:dyDescent="0.25">
      <c r="A2510">
        <v>17</v>
      </c>
      <c r="B2510">
        <v>110.1</v>
      </c>
      <c r="C2510">
        <v>123.395</v>
      </c>
      <c r="D2510">
        <v>189.06</v>
      </c>
      <c r="E2510">
        <v>7710.24</v>
      </c>
      <c r="F2510">
        <v>10800</v>
      </c>
      <c r="G2510">
        <v>19955.900000000001</v>
      </c>
      <c r="H2510">
        <v>1.6377999999999999</v>
      </c>
      <c r="I2510">
        <v>22282.799999999999</v>
      </c>
      <c r="J2510">
        <v>20.198799999999999</v>
      </c>
    </row>
    <row r="2511" spans="1:10" x14ac:dyDescent="0.25">
      <c r="A2511">
        <v>17</v>
      </c>
      <c r="B2511">
        <v>102.777</v>
      </c>
      <c r="C2511">
        <v>123.081</v>
      </c>
      <c r="D2511">
        <v>182.47900000000001</v>
      </c>
      <c r="E2511">
        <v>7200</v>
      </c>
      <c r="F2511">
        <v>10800</v>
      </c>
      <c r="G2511">
        <v>19955.900000000001</v>
      </c>
      <c r="H2511">
        <v>3.7637800000000001</v>
      </c>
      <c r="I2511">
        <v>20089.900000000001</v>
      </c>
      <c r="J2511">
        <v>33.581899999999997</v>
      </c>
    </row>
    <row r="2512" spans="1:10" x14ac:dyDescent="0.25">
      <c r="A2512">
        <v>17</v>
      </c>
      <c r="B2512">
        <v>102.777</v>
      </c>
      <c r="C2512">
        <v>123.081</v>
      </c>
      <c r="D2512">
        <v>182.47900000000001</v>
      </c>
      <c r="E2512">
        <v>7200</v>
      </c>
      <c r="F2512">
        <v>10800</v>
      </c>
      <c r="G2512">
        <v>19955.900000000001</v>
      </c>
      <c r="H2512">
        <v>3.7637800000000001</v>
      </c>
      <c r="I2512">
        <v>20089.900000000001</v>
      </c>
      <c r="J2512">
        <v>33.581899999999997</v>
      </c>
    </row>
    <row r="2513" spans="1:10" x14ac:dyDescent="0.25">
      <c r="A2513">
        <v>17</v>
      </c>
      <c r="B2513">
        <v>110.1</v>
      </c>
      <c r="C2513">
        <v>123.395</v>
      </c>
      <c r="D2513">
        <v>189.06</v>
      </c>
      <c r="E2513">
        <v>7710.24</v>
      </c>
      <c r="F2513">
        <v>10800</v>
      </c>
      <c r="G2513">
        <v>19955.900000000001</v>
      </c>
      <c r="H2513">
        <v>1.6377999999999999</v>
      </c>
      <c r="I2513">
        <v>22282.799999999999</v>
      </c>
      <c r="J2513">
        <v>20.198799999999999</v>
      </c>
    </row>
    <row r="2514" spans="1:10" x14ac:dyDescent="0.25">
      <c r="A2514">
        <v>17</v>
      </c>
      <c r="B2514">
        <v>108.446</v>
      </c>
      <c r="C2514">
        <v>119.625</v>
      </c>
      <c r="D2514">
        <v>189.68700000000001</v>
      </c>
      <c r="E2514">
        <v>9070.8700000000008</v>
      </c>
      <c r="F2514">
        <v>10800</v>
      </c>
      <c r="G2514">
        <v>19955.900000000001</v>
      </c>
      <c r="H2514">
        <v>1.4960599999999999</v>
      </c>
      <c r="I2514">
        <v>24098.3</v>
      </c>
      <c r="J2514">
        <v>19.2303</v>
      </c>
    </row>
    <row r="2515" spans="1:10" x14ac:dyDescent="0.25">
      <c r="A2515">
        <v>17</v>
      </c>
      <c r="B2515">
        <v>102.777</v>
      </c>
      <c r="C2515">
        <v>123.081</v>
      </c>
      <c r="D2515">
        <v>182.47900000000001</v>
      </c>
      <c r="E2515">
        <v>7200</v>
      </c>
      <c r="F2515">
        <v>10800</v>
      </c>
      <c r="G2515">
        <v>19955.900000000001</v>
      </c>
      <c r="H2515">
        <v>3.7637800000000001</v>
      </c>
      <c r="I2515">
        <v>20089.900000000001</v>
      </c>
      <c r="J2515">
        <v>33.581899999999997</v>
      </c>
    </row>
    <row r="2516" spans="1:10" x14ac:dyDescent="0.25">
      <c r="A2516">
        <v>17</v>
      </c>
      <c r="B2516">
        <v>110.1</v>
      </c>
      <c r="C2516">
        <v>123.395</v>
      </c>
      <c r="D2516">
        <v>189.06</v>
      </c>
      <c r="E2516">
        <v>7710.24</v>
      </c>
      <c r="F2516">
        <v>10800</v>
      </c>
      <c r="G2516">
        <v>19955.900000000001</v>
      </c>
      <c r="H2516">
        <v>1.6377999999999999</v>
      </c>
      <c r="I2516">
        <v>22282.799999999999</v>
      </c>
      <c r="J2516">
        <v>20.198799999999999</v>
      </c>
    </row>
    <row r="2517" spans="1:10" x14ac:dyDescent="0.25">
      <c r="A2517">
        <v>17</v>
      </c>
      <c r="B2517">
        <v>110.1</v>
      </c>
      <c r="C2517">
        <v>123.395</v>
      </c>
      <c r="D2517">
        <v>189.06</v>
      </c>
      <c r="E2517">
        <v>7710.24</v>
      </c>
      <c r="F2517">
        <v>10800</v>
      </c>
      <c r="G2517">
        <v>19955.900000000001</v>
      </c>
      <c r="H2517">
        <v>1.6377999999999999</v>
      </c>
      <c r="I2517">
        <v>22282.799999999999</v>
      </c>
      <c r="J2517">
        <v>20.198799999999999</v>
      </c>
    </row>
    <row r="2518" spans="1:10" x14ac:dyDescent="0.25">
      <c r="A2518">
        <v>17</v>
      </c>
      <c r="B2518">
        <v>108.446</v>
      </c>
      <c r="C2518">
        <v>117.74</v>
      </c>
      <c r="D2518">
        <v>189.68700000000001</v>
      </c>
      <c r="E2518">
        <v>9921.26</v>
      </c>
      <c r="F2518">
        <v>10800</v>
      </c>
      <c r="G2518">
        <v>18595.3</v>
      </c>
      <c r="H2518">
        <v>1.1653500000000001</v>
      </c>
      <c r="I2518">
        <v>25881.9</v>
      </c>
      <c r="J2518">
        <v>18.015799999999999</v>
      </c>
    </row>
    <row r="2519" spans="1:10" x14ac:dyDescent="0.25">
      <c r="A2519">
        <v>17</v>
      </c>
      <c r="B2519">
        <v>109.155</v>
      </c>
      <c r="C2519">
        <v>128.422</v>
      </c>
      <c r="D2519">
        <v>189.68700000000001</v>
      </c>
      <c r="E2519">
        <v>7370.08</v>
      </c>
      <c r="F2519">
        <v>10800</v>
      </c>
      <c r="G2519">
        <v>22507.1</v>
      </c>
      <c r="H2519">
        <v>3.3149600000000001</v>
      </c>
      <c r="I2519">
        <v>20692</v>
      </c>
      <c r="J2519">
        <v>28.869900000000001</v>
      </c>
    </row>
    <row r="2520" spans="1:10" x14ac:dyDescent="0.25">
      <c r="A2520">
        <v>17</v>
      </c>
      <c r="B2520">
        <v>108.446</v>
      </c>
      <c r="C2520">
        <v>119.625</v>
      </c>
      <c r="D2520">
        <v>189.68700000000001</v>
      </c>
      <c r="E2520">
        <v>9070.8700000000008</v>
      </c>
      <c r="F2520">
        <v>10800</v>
      </c>
      <c r="G2520">
        <v>19955.900000000001</v>
      </c>
      <c r="H2520">
        <v>1.4960599999999999</v>
      </c>
      <c r="I2520">
        <v>24098.3</v>
      </c>
      <c r="J2520">
        <v>19.2303</v>
      </c>
    </row>
    <row r="2521" spans="1:10" x14ac:dyDescent="0.25">
      <c r="A2521">
        <v>18</v>
      </c>
      <c r="B2521">
        <v>110.1</v>
      </c>
      <c r="C2521">
        <v>123.395</v>
      </c>
      <c r="D2521">
        <v>189.06</v>
      </c>
      <c r="E2521">
        <v>7710.24</v>
      </c>
      <c r="F2521">
        <v>10800</v>
      </c>
      <c r="G2521">
        <v>19955.900000000001</v>
      </c>
      <c r="H2521">
        <v>1.6377999999999999</v>
      </c>
      <c r="I2521">
        <v>22282.799999999999</v>
      </c>
      <c r="J2521">
        <v>20.198799999999999</v>
      </c>
    </row>
    <row r="2522" spans="1:10" x14ac:dyDescent="0.25">
      <c r="A2522">
        <v>18</v>
      </c>
      <c r="B2522">
        <v>110.1</v>
      </c>
      <c r="C2522">
        <v>123.395</v>
      </c>
      <c r="D2522">
        <v>189.68700000000001</v>
      </c>
      <c r="E2522">
        <v>7370.08</v>
      </c>
      <c r="F2522">
        <v>10800</v>
      </c>
      <c r="G2522">
        <v>18595.3</v>
      </c>
      <c r="H2522">
        <v>3.10236</v>
      </c>
      <c r="I2522">
        <v>21051.4</v>
      </c>
      <c r="J2522">
        <v>24.819800000000001</v>
      </c>
    </row>
    <row r="2523" spans="1:10" x14ac:dyDescent="0.25">
      <c r="A2523">
        <v>18</v>
      </c>
      <c r="B2523">
        <v>108.446</v>
      </c>
      <c r="C2523">
        <v>118.369</v>
      </c>
      <c r="D2523">
        <v>190</v>
      </c>
      <c r="E2523">
        <v>10431.5</v>
      </c>
      <c r="F2523">
        <v>10800</v>
      </c>
      <c r="G2523">
        <v>18595.3</v>
      </c>
      <c r="H2523">
        <v>1.3070900000000001</v>
      </c>
      <c r="I2523">
        <v>25969.8</v>
      </c>
      <c r="J2523">
        <v>17.733799999999999</v>
      </c>
    </row>
    <row r="2524" spans="1:10" x14ac:dyDescent="0.25">
      <c r="A2524">
        <v>18</v>
      </c>
      <c r="B2524">
        <v>108.919</v>
      </c>
      <c r="C2524">
        <v>118.369</v>
      </c>
      <c r="D2524">
        <v>189.68700000000001</v>
      </c>
      <c r="E2524">
        <v>10431.5</v>
      </c>
      <c r="F2524">
        <v>10800</v>
      </c>
      <c r="G2524">
        <v>19955.900000000001</v>
      </c>
      <c r="H2524">
        <v>1.4960599999999999</v>
      </c>
      <c r="I2524">
        <v>25565.9</v>
      </c>
      <c r="J2524">
        <v>18.1692</v>
      </c>
    </row>
    <row r="2525" spans="1:10" x14ac:dyDescent="0.25">
      <c r="A2525">
        <v>18</v>
      </c>
      <c r="B2525">
        <v>109.39100000000001</v>
      </c>
      <c r="C2525">
        <v>119.93899999999999</v>
      </c>
      <c r="D2525">
        <v>189.68700000000001</v>
      </c>
      <c r="E2525">
        <v>7370.08</v>
      </c>
      <c r="F2525">
        <v>10800</v>
      </c>
      <c r="G2525">
        <v>18595.3</v>
      </c>
      <c r="H2525">
        <v>3.7873999999999999</v>
      </c>
      <c r="I2525">
        <v>20286.2</v>
      </c>
      <c r="J2525">
        <v>39.384099999999997</v>
      </c>
    </row>
    <row r="2526" spans="1:10" x14ac:dyDescent="0.25">
      <c r="A2526">
        <v>18</v>
      </c>
      <c r="B2526">
        <v>108.446</v>
      </c>
      <c r="C2526">
        <v>118.369</v>
      </c>
      <c r="D2526">
        <v>190</v>
      </c>
      <c r="E2526">
        <v>10431.5</v>
      </c>
      <c r="F2526">
        <v>10800</v>
      </c>
      <c r="G2526">
        <v>19955.900000000001</v>
      </c>
      <c r="H2526">
        <v>1.1181099999999999</v>
      </c>
      <c r="I2526">
        <v>26815.1</v>
      </c>
      <c r="J2526">
        <v>17.5837</v>
      </c>
    </row>
    <row r="2527" spans="1:10" x14ac:dyDescent="0.25">
      <c r="A2527">
        <v>18</v>
      </c>
      <c r="B2527">
        <v>108.446</v>
      </c>
      <c r="C2527">
        <v>119.93899999999999</v>
      </c>
      <c r="D2527">
        <v>189.68700000000001</v>
      </c>
      <c r="E2527">
        <v>7370.08</v>
      </c>
      <c r="F2527">
        <v>10800</v>
      </c>
      <c r="G2527">
        <v>11792.1</v>
      </c>
      <c r="H2527">
        <v>3.9291299999999998</v>
      </c>
      <c r="I2527">
        <v>20224.400000000001</v>
      </c>
      <c r="J2527">
        <v>48.874200000000002</v>
      </c>
    </row>
    <row r="2528" spans="1:10" x14ac:dyDescent="0.25">
      <c r="A2528">
        <v>18</v>
      </c>
      <c r="B2528">
        <v>108.446</v>
      </c>
      <c r="C2528">
        <v>118.369</v>
      </c>
      <c r="D2528">
        <v>190</v>
      </c>
      <c r="E2528">
        <v>10431.5</v>
      </c>
      <c r="F2528">
        <v>10800</v>
      </c>
      <c r="G2528">
        <v>19955.900000000001</v>
      </c>
      <c r="H2528">
        <v>1.1181099999999999</v>
      </c>
      <c r="I2528">
        <v>26815.1</v>
      </c>
      <c r="J2528">
        <v>17.5837</v>
      </c>
    </row>
    <row r="2529" spans="1:10" x14ac:dyDescent="0.25">
      <c r="A2529">
        <v>18</v>
      </c>
      <c r="B2529">
        <v>109.628</v>
      </c>
      <c r="C2529">
        <v>119.93899999999999</v>
      </c>
      <c r="D2529">
        <v>187.18</v>
      </c>
      <c r="E2529">
        <v>7795.28</v>
      </c>
      <c r="F2529">
        <v>10800</v>
      </c>
      <c r="G2529">
        <v>19955.900000000001</v>
      </c>
      <c r="H2529">
        <v>2.4645700000000001</v>
      </c>
      <c r="I2529">
        <v>21409.7</v>
      </c>
      <c r="J2529">
        <v>31.7088</v>
      </c>
    </row>
    <row r="2530" spans="1:10" x14ac:dyDescent="0.25">
      <c r="A2530">
        <v>18</v>
      </c>
      <c r="B2530">
        <v>108.446</v>
      </c>
      <c r="C2530">
        <v>118.369</v>
      </c>
      <c r="D2530">
        <v>189.68700000000001</v>
      </c>
      <c r="E2530">
        <v>10431.5</v>
      </c>
      <c r="F2530">
        <v>10800</v>
      </c>
      <c r="G2530">
        <v>18595.3</v>
      </c>
      <c r="H2530">
        <v>1.1181099999999999</v>
      </c>
      <c r="I2530">
        <v>26820.6</v>
      </c>
      <c r="J2530">
        <v>17.5837</v>
      </c>
    </row>
    <row r="2531" spans="1:10" x14ac:dyDescent="0.25">
      <c r="A2531">
        <v>18</v>
      </c>
      <c r="B2531">
        <v>108.446</v>
      </c>
      <c r="C2531">
        <v>118.369</v>
      </c>
      <c r="D2531">
        <v>190</v>
      </c>
      <c r="E2531">
        <v>7710.24</v>
      </c>
      <c r="F2531">
        <v>10800</v>
      </c>
      <c r="G2531">
        <v>24037.8</v>
      </c>
      <c r="H2531">
        <v>3.2913399999999999</v>
      </c>
      <c r="I2531">
        <v>20921.900000000001</v>
      </c>
      <c r="J2531">
        <v>45.210599999999999</v>
      </c>
    </row>
    <row r="2532" spans="1:10" x14ac:dyDescent="0.25">
      <c r="A2532">
        <v>18</v>
      </c>
      <c r="B2532">
        <v>110.1</v>
      </c>
      <c r="C2532">
        <v>119.93899999999999</v>
      </c>
      <c r="D2532">
        <v>190</v>
      </c>
      <c r="E2532">
        <v>7710.24</v>
      </c>
      <c r="F2532">
        <v>10800</v>
      </c>
      <c r="G2532">
        <v>18595.3</v>
      </c>
      <c r="H2532">
        <v>2.3700800000000002</v>
      </c>
      <c r="I2532">
        <v>21474.7</v>
      </c>
      <c r="J2532">
        <v>63.730400000000003</v>
      </c>
    </row>
    <row r="2533" spans="1:10" x14ac:dyDescent="0.25">
      <c r="A2533">
        <v>18</v>
      </c>
      <c r="B2533">
        <v>105.848</v>
      </c>
      <c r="C2533">
        <v>119.625</v>
      </c>
      <c r="D2533">
        <v>189.68700000000001</v>
      </c>
      <c r="E2533">
        <v>10091.299999999999</v>
      </c>
      <c r="F2533">
        <v>10800</v>
      </c>
      <c r="G2533">
        <v>21316.5</v>
      </c>
      <c r="H2533">
        <v>1.80315</v>
      </c>
      <c r="I2533">
        <v>24614.6</v>
      </c>
      <c r="J2533">
        <v>23.578399999999998</v>
      </c>
    </row>
    <row r="2534" spans="1:10" x14ac:dyDescent="0.25">
      <c r="A2534">
        <v>18</v>
      </c>
      <c r="B2534">
        <v>109.155</v>
      </c>
      <c r="C2534">
        <v>118.68300000000001</v>
      </c>
      <c r="D2534">
        <v>190</v>
      </c>
      <c r="E2534">
        <v>7370.08</v>
      </c>
      <c r="F2534">
        <v>10800</v>
      </c>
      <c r="G2534">
        <v>18595.3</v>
      </c>
      <c r="H2534">
        <v>2.1574800000000001</v>
      </c>
      <c r="I2534">
        <v>21384.7</v>
      </c>
      <c r="J2534">
        <v>37.353999999999999</v>
      </c>
    </row>
    <row r="2535" spans="1:10" x14ac:dyDescent="0.25">
      <c r="A2535">
        <v>18</v>
      </c>
      <c r="B2535">
        <v>109.155</v>
      </c>
      <c r="C2535">
        <v>118.68300000000001</v>
      </c>
      <c r="D2535">
        <v>189.68700000000001</v>
      </c>
      <c r="E2535">
        <v>7370.08</v>
      </c>
      <c r="F2535">
        <v>10800</v>
      </c>
      <c r="G2535">
        <v>18425.2</v>
      </c>
      <c r="H2535">
        <v>2.9842499999999998</v>
      </c>
      <c r="I2535">
        <v>20715.2</v>
      </c>
      <c r="J2535">
        <v>44.456899999999997</v>
      </c>
    </row>
    <row r="2536" spans="1:10" x14ac:dyDescent="0.25">
      <c r="A2536">
        <v>18</v>
      </c>
      <c r="B2536">
        <v>108.919</v>
      </c>
      <c r="C2536">
        <v>119.625</v>
      </c>
      <c r="D2536">
        <v>189.68700000000001</v>
      </c>
      <c r="E2536">
        <v>7370.08</v>
      </c>
      <c r="F2536">
        <v>10800</v>
      </c>
      <c r="G2536">
        <v>18595.3</v>
      </c>
      <c r="H2536">
        <v>3.3622000000000001</v>
      </c>
      <c r="I2536">
        <v>20402.2</v>
      </c>
      <c r="J2536">
        <v>40.109299999999998</v>
      </c>
    </row>
    <row r="2537" spans="1:10" x14ac:dyDescent="0.25">
      <c r="A2537">
        <v>18</v>
      </c>
      <c r="B2537">
        <v>109.155</v>
      </c>
      <c r="C2537">
        <v>128.422</v>
      </c>
      <c r="D2537">
        <v>189.68700000000001</v>
      </c>
      <c r="E2537">
        <v>7710.24</v>
      </c>
      <c r="F2537">
        <v>10800</v>
      </c>
      <c r="G2537">
        <v>19955.900000000001</v>
      </c>
      <c r="H2537">
        <v>1.85039</v>
      </c>
      <c r="I2537">
        <v>22800.5</v>
      </c>
      <c r="J2537">
        <v>113.28100000000001</v>
      </c>
    </row>
    <row r="2538" spans="1:10" x14ac:dyDescent="0.25">
      <c r="A2538">
        <v>18</v>
      </c>
      <c r="B2538">
        <v>106.557</v>
      </c>
      <c r="C2538">
        <v>129.679</v>
      </c>
      <c r="D2538">
        <v>190</v>
      </c>
      <c r="E2538">
        <v>7370.08</v>
      </c>
      <c r="F2538">
        <v>10800</v>
      </c>
      <c r="G2538">
        <v>18595.3</v>
      </c>
      <c r="H2538">
        <v>3.14961</v>
      </c>
      <c r="I2538">
        <v>20748.7</v>
      </c>
      <c r="J2538">
        <v>125.384</v>
      </c>
    </row>
    <row r="2539" spans="1:10" x14ac:dyDescent="0.25">
      <c r="A2539">
        <v>18</v>
      </c>
      <c r="B2539">
        <v>109.864</v>
      </c>
      <c r="C2539">
        <v>119.625</v>
      </c>
      <c r="D2539">
        <v>189.68700000000001</v>
      </c>
      <c r="E2539">
        <v>7370.08</v>
      </c>
      <c r="F2539">
        <v>10800</v>
      </c>
      <c r="G2539">
        <v>19955.900000000001</v>
      </c>
      <c r="H2539">
        <v>2.65354</v>
      </c>
      <c r="I2539">
        <v>20900.900000000001</v>
      </c>
      <c r="J2539">
        <v>35.660299999999999</v>
      </c>
    </row>
    <row r="2540" spans="1:10" x14ac:dyDescent="0.25">
      <c r="A2540">
        <v>18</v>
      </c>
      <c r="B2540">
        <v>108.446</v>
      </c>
      <c r="C2540">
        <v>118.369</v>
      </c>
      <c r="D2540">
        <v>190</v>
      </c>
      <c r="E2540">
        <v>10431.5</v>
      </c>
      <c r="F2540">
        <v>10800</v>
      </c>
      <c r="G2540">
        <v>18595.3</v>
      </c>
      <c r="H2540">
        <v>1.3070900000000001</v>
      </c>
      <c r="I2540">
        <v>25969.8</v>
      </c>
      <c r="J2540">
        <v>17.733799999999999</v>
      </c>
    </row>
    <row r="2541" spans="1:10" x14ac:dyDescent="0.25">
      <c r="A2541">
        <v>18</v>
      </c>
      <c r="B2541">
        <v>108.446</v>
      </c>
      <c r="C2541">
        <v>119.625</v>
      </c>
      <c r="D2541">
        <v>190</v>
      </c>
      <c r="E2541">
        <v>10431.5</v>
      </c>
      <c r="F2541">
        <v>10800</v>
      </c>
      <c r="G2541">
        <v>19785.8</v>
      </c>
      <c r="H2541">
        <v>2.6771699999999998</v>
      </c>
      <c r="I2541">
        <v>24009.3</v>
      </c>
      <c r="J2541">
        <v>22.031199999999998</v>
      </c>
    </row>
    <row r="2542" spans="1:10" x14ac:dyDescent="0.25">
      <c r="A2542">
        <v>18</v>
      </c>
      <c r="B2542">
        <v>108.446</v>
      </c>
      <c r="C2542">
        <v>119.625</v>
      </c>
      <c r="D2542">
        <v>189.68700000000001</v>
      </c>
      <c r="E2542">
        <v>7370.08</v>
      </c>
      <c r="F2542">
        <v>10800</v>
      </c>
      <c r="G2542">
        <v>19955.900000000001</v>
      </c>
      <c r="H2542">
        <v>1.89764</v>
      </c>
      <c r="I2542">
        <v>21805.5</v>
      </c>
      <c r="J2542">
        <v>32.553199999999997</v>
      </c>
    </row>
    <row r="2543" spans="1:10" x14ac:dyDescent="0.25">
      <c r="A2543">
        <v>18</v>
      </c>
      <c r="B2543">
        <v>108.919</v>
      </c>
      <c r="C2543">
        <v>119.625</v>
      </c>
      <c r="D2543">
        <v>189.68700000000001</v>
      </c>
      <c r="E2543">
        <v>7370.08</v>
      </c>
      <c r="F2543">
        <v>10800</v>
      </c>
      <c r="G2543">
        <v>19955.900000000001</v>
      </c>
      <c r="H2543">
        <v>3.4094500000000001</v>
      </c>
      <c r="I2543">
        <v>20380.2</v>
      </c>
      <c r="J2543">
        <v>40.484000000000002</v>
      </c>
    </row>
    <row r="2544" spans="1:10" x14ac:dyDescent="0.25">
      <c r="A2544">
        <v>18</v>
      </c>
      <c r="B2544">
        <v>108.919</v>
      </c>
      <c r="C2544">
        <v>119.625</v>
      </c>
      <c r="D2544">
        <v>190</v>
      </c>
      <c r="E2544">
        <v>10091.299999999999</v>
      </c>
      <c r="F2544">
        <v>10800</v>
      </c>
      <c r="G2544">
        <v>19955.900000000001</v>
      </c>
      <c r="H2544">
        <v>3.7165400000000002</v>
      </c>
      <c r="I2544">
        <v>23164.2</v>
      </c>
      <c r="J2544">
        <v>35.989699999999999</v>
      </c>
    </row>
    <row r="2545" spans="1:10" x14ac:dyDescent="0.25">
      <c r="A2545">
        <v>18</v>
      </c>
      <c r="B2545">
        <v>109.628</v>
      </c>
      <c r="C2545">
        <v>123.395</v>
      </c>
      <c r="D2545">
        <v>189.68700000000001</v>
      </c>
      <c r="E2545">
        <v>10091.299999999999</v>
      </c>
      <c r="F2545">
        <v>10800</v>
      </c>
      <c r="G2545">
        <v>18595.3</v>
      </c>
      <c r="H2545">
        <v>3.9527600000000001</v>
      </c>
      <c r="I2545">
        <v>24210.1</v>
      </c>
      <c r="J2545">
        <v>24.387</v>
      </c>
    </row>
    <row r="2546" spans="1:10" x14ac:dyDescent="0.25">
      <c r="A2546">
        <v>18</v>
      </c>
      <c r="B2546">
        <v>109.628</v>
      </c>
      <c r="C2546">
        <v>123.395</v>
      </c>
      <c r="D2546">
        <v>189.68700000000001</v>
      </c>
      <c r="E2546">
        <v>7370.08</v>
      </c>
      <c r="F2546">
        <v>10800</v>
      </c>
      <c r="G2546">
        <v>9070.8700000000008</v>
      </c>
      <c r="H2546">
        <v>3.9291299999999998</v>
      </c>
      <c r="I2546">
        <v>20171.7</v>
      </c>
      <c r="J2546">
        <v>60.180199999999999</v>
      </c>
    </row>
    <row r="2547" spans="1:10" x14ac:dyDescent="0.25">
      <c r="A2547">
        <v>18</v>
      </c>
      <c r="B2547">
        <v>108.446</v>
      </c>
      <c r="C2547">
        <v>118.369</v>
      </c>
      <c r="D2547">
        <v>190</v>
      </c>
      <c r="E2547">
        <v>10431.5</v>
      </c>
      <c r="F2547">
        <v>10800</v>
      </c>
      <c r="G2547">
        <v>18595.3</v>
      </c>
      <c r="H2547">
        <v>1.3070900000000001</v>
      </c>
      <c r="I2547">
        <v>25969.8</v>
      </c>
      <c r="J2547">
        <v>17.733799999999999</v>
      </c>
    </row>
    <row r="2548" spans="1:10" x14ac:dyDescent="0.25">
      <c r="A2548">
        <v>18</v>
      </c>
      <c r="B2548">
        <v>108.446</v>
      </c>
      <c r="C2548">
        <v>119.625</v>
      </c>
      <c r="D2548">
        <v>189.68700000000001</v>
      </c>
      <c r="E2548">
        <v>10431.5</v>
      </c>
      <c r="F2548">
        <v>10800</v>
      </c>
      <c r="G2548">
        <v>22507.1</v>
      </c>
      <c r="H2548">
        <v>2.6771699999999998</v>
      </c>
      <c r="I2548">
        <v>24107.5</v>
      </c>
      <c r="J2548">
        <v>23.3566</v>
      </c>
    </row>
    <row r="2549" spans="1:10" x14ac:dyDescent="0.25">
      <c r="A2549">
        <v>18</v>
      </c>
      <c r="B2549">
        <v>109.155</v>
      </c>
      <c r="C2549">
        <v>128.422</v>
      </c>
      <c r="D2549">
        <v>189.06</v>
      </c>
      <c r="E2549">
        <v>7710.24</v>
      </c>
      <c r="F2549">
        <v>10800</v>
      </c>
      <c r="G2549">
        <v>19955.900000000001</v>
      </c>
      <c r="H2549">
        <v>1</v>
      </c>
      <c r="I2549">
        <v>25206.2</v>
      </c>
      <c r="J2549">
        <v>102.76</v>
      </c>
    </row>
    <row r="2550" spans="1:10" x14ac:dyDescent="0.25">
      <c r="A2550">
        <v>18</v>
      </c>
      <c r="B2550">
        <v>108.919</v>
      </c>
      <c r="C2550">
        <v>118.369</v>
      </c>
      <c r="D2550">
        <v>190</v>
      </c>
      <c r="E2550">
        <v>10431.5</v>
      </c>
      <c r="F2550">
        <v>10800</v>
      </c>
      <c r="G2550">
        <v>19615.7</v>
      </c>
      <c r="H2550">
        <v>1.1181099999999999</v>
      </c>
      <c r="I2550">
        <v>26863.4</v>
      </c>
      <c r="J2550">
        <v>18.219899999999999</v>
      </c>
    </row>
    <row r="2551" spans="1:10" x14ac:dyDescent="0.25">
      <c r="A2551">
        <v>18</v>
      </c>
      <c r="B2551">
        <v>108.919</v>
      </c>
      <c r="C2551">
        <v>118.369</v>
      </c>
      <c r="D2551">
        <v>189.68700000000001</v>
      </c>
      <c r="E2551">
        <v>10431.5</v>
      </c>
      <c r="F2551">
        <v>10800</v>
      </c>
      <c r="G2551">
        <v>18595.3</v>
      </c>
      <c r="H2551">
        <v>1.1181099999999999</v>
      </c>
      <c r="I2551">
        <v>26868.799999999999</v>
      </c>
      <c r="J2551">
        <v>18.219899999999999</v>
      </c>
    </row>
    <row r="2552" spans="1:10" x14ac:dyDescent="0.25">
      <c r="A2552">
        <v>18</v>
      </c>
      <c r="B2552">
        <v>109.864</v>
      </c>
      <c r="C2552">
        <v>119.625</v>
      </c>
      <c r="D2552">
        <v>189.68700000000001</v>
      </c>
      <c r="E2552">
        <v>10091.299999999999</v>
      </c>
      <c r="F2552">
        <v>10800</v>
      </c>
      <c r="G2552">
        <v>9070.8700000000008</v>
      </c>
      <c r="H2552">
        <v>3.7637800000000001</v>
      </c>
      <c r="I2552">
        <v>23193</v>
      </c>
      <c r="J2552">
        <v>29.960100000000001</v>
      </c>
    </row>
    <row r="2553" spans="1:10" x14ac:dyDescent="0.25">
      <c r="A2553">
        <v>18</v>
      </c>
      <c r="B2553">
        <v>109.155</v>
      </c>
      <c r="C2553">
        <v>128.422</v>
      </c>
      <c r="D2553">
        <v>189.68700000000001</v>
      </c>
      <c r="E2553">
        <v>7710.24</v>
      </c>
      <c r="F2553">
        <v>10800</v>
      </c>
      <c r="G2553">
        <v>19955.900000000001</v>
      </c>
      <c r="H2553">
        <v>3.4094500000000001</v>
      </c>
      <c r="I2553">
        <v>21179.7</v>
      </c>
      <c r="J2553">
        <v>120.10599999999999</v>
      </c>
    </row>
    <row r="2554" spans="1:10" x14ac:dyDescent="0.25">
      <c r="A2554">
        <v>18</v>
      </c>
      <c r="B2554">
        <v>108.919</v>
      </c>
      <c r="C2554">
        <v>119.93899999999999</v>
      </c>
      <c r="D2554">
        <v>189.68700000000001</v>
      </c>
      <c r="E2554">
        <v>10516.5</v>
      </c>
      <c r="F2554">
        <v>11310.2</v>
      </c>
      <c r="G2554">
        <v>19955.900000000001</v>
      </c>
      <c r="H2554">
        <v>2.4409399999999999</v>
      </c>
      <c r="I2554">
        <v>25382.6</v>
      </c>
      <c r="J2554">
        <v>57.639000000000003</v>
      </c>
    </row>
    <row r="2555" spans="1:10" x14ac:dyDescent="0.25">
      <c r="A2555">
        <v>18</v>
      </c>
      <c r="B2555">
        <v>108.446</v>
      </c>
      <c r="C2555">
        <v>118.68300000000001</v>
      </c>
      <c r="D2555">
        <v>190</v>
      </c>
      <c r="E2555">
        <v>10431.5</v>
      </c>
      <c r="F2555">
        <v>10800</v>
      </c>
      <c r="G2555">
        <v>19955.900000000001</v>
      </c>
      <c r="H2555">
        <v>1.51969</v>
      </c>
      <c r="I2555">
        <v>25377.200000000001</v>
      </c>
      <c r="J2555">
        <v>31.755099999999999</v>
      </c>
    </row>
    <row r="2556" spans="1:10" x14ac:dyDescent="0.25">
      <c r="A2556">
        <v>18</v>
      </c>
      <c r="B2556">
        <v>109.155</v>
      </c>
      <c r="C2556">
        <v>119.625</v>
      </c>
      <c r="D2556">
        <v>189.06</v>
      </c>
      <c r="E2556">
        <v>7710.24</v>
      </c>
      <c r="F2556">
        <v>10800</v>
      </c>
      <c r="G2556">
        <v>22677.200000000001</v>
      </c>
      <c r="H2556">
        <v>2.4881899999999999</v>
      </c>
      <c r="I2556">
        <v>21368.799999999999</v>
      </c>
      <c r="J2556">
        <v>37.118499999999997</v>
      </c>
    </row>
    <row r="2557" spans="1:10" x14ac:dyDescent="0.25">
      <c r="A2557">
        <v>18</v>
      </c>
      <c r="B2557">
        <v>109.39100000000001</v>
      </c>
      <c r="C2557">
        <v>118.68300000000001</v>
      </c>
      <c r="D2557">
        <v>189.06</v>
      </c>
      <c r="E2557">
        <v>7370.08</v>
      </c>
      <c r="F2557">
        <v>10800</v>
      </c>
      <c r="G2557">
        <v>19955.900000000001</v>
      </c>
      <c r="H2557">
        <v>2.6299199999999998</v>
      </c>
      <c r="I2557">
        <v>20912.8</v>
      </c>
      <c r="J2557">
        <v>38.215699999999998</v>
      </c>
    </row>
    <row r="2558" spans="1:10" x14ac:dyDescent="0.25">
      <c r="A2558">
        <v>18</v>
      </c>
      <c r="B2558">
        <v>109.39100000000001</v>
      </c>
      <c r="C2558">
        <v>119.625</v>
      </c>
      <c r="D2558">
        <v>189.68700000000001</v>
      </c>
      <c r="E2558">
        <v>10431.5</v>
      </c>
      <c r="F2558">
        <v>10800</v>
      </c>
      <c r="G2558">
        <v>19955.900000000001</v>
      </c>
      <c r="H2558">
        <v>2.65354</v>
      </c>
      <c r="I2558">
        <v>24628.2</v>
      </c>
      <c r="J2558">
        <v>21.747199999999999</v>
      </c>
    </row>
    <row r="2559" spans="1:10" x14ac:dyDescent="0.25">
      <c r="A2559">
        <v>18</v>
      </c>
      <c r="B2559">
        <v>110.1</v>
      </c>
      <c r="C2559">
        <v>128.422</v>
      </c>
      <c r="D2559">
        <v>189.06</v>
      </c>
      <c r="E2559">
        <v>10431.5</v>
      </c>
      <c r="F2559">
        <v>10800</v>
      </c>
      <c r="G2559">
        <v>19955.900000000001</v>
      </c>
      <c r="H2559">
        <v>1.6377999999999999</v>
      </c>
      <c r="I2559">
        <v>25706.799999999999</v>
      </c>
      <c r="J2559">
        <v>100.985</v>
      </c>
    </row>
    <row r="2560" spans="1:10" x14ac:dyDescent="0.25">
      <c r="A2560">
        <v>18</v>
      </c>
      <c r="B2560">
        <v>108.919</v>
      </c>
      <c r="C2560">
        <v>124.652</v>
      </c>
      <c r="D2560">
        <v>190</v>
      </c>
      <c r="E2560">
        <v>10091.299999999999</v>
      </c>
      <c r="F2560">
        <v>10800</v>
      </c>
      <c r="G2560">
        <v>19955.900000000001</v>
      </c>
      <c r="H2560">
        <v>2.1574800000000001</v>
      </c>
      <c r="I2560">
        <v>24582.1</v>
      </c>
      <c r="J2560">
        <v>94.719800000000006</v>
      </c>
    </row>
    <row r="2561" spans="1:10" x14ac:dyDescent="0.25">
      <c r="A2561">
        <v>18</v>
      </c>
      <c r="B2561">
        <v>108.919</v>
      </c>
      <c r="C2561">
        <v>118.369</v>
      </c>
      <c r="D2561">
        <v>189.68700000000001</v>
      </c>
      <c r="E2561">
        <v>10091.299999999999</v>
      </c>
      <c r="F2561">
        <v>10800</v>
      </c>
      <c r="G2561">
        <v>19955.900000000001</v>
      </c>
      <c r="H2561">
        <v>1.54331</v>
      </c>
      <c r="I2561">
        <v>25296.400000000001</v>
      </c>
      <c r="J2561">
        <v>33.031199999999998</v>
      </c>
    </row>
    <row r="2562" spans="1:10" x14ac:dyDescent="0.25">
      <c r="A2562">
        <v>18</v>
      </c>
      <c r="B2562">
        <v>108.446</v>
      </c>
      <c r="C2562">
        <v>118.369</v>
      </c>
      <c r="D2562">
        <v>189.68700000000001</v>
      </c>
      <c r="E2562">
        <v>10431.5</v>
      </c>
      <c r="F2562">
        <v>10800</v>
      </c>
      <c r="G2562">
        <v>19785.8</v>
      </c>
      <c r="H2562">
        <v>2.6299199999999998</v>
      </c>
      <c r="I2562">
        <v>23937.5</v>
      </c>
      <c r="J2562">
        <v>27.675799999999999</v>
      </c>
    </row>
    <row r="2563" spans="1:10" x14ac:dyDescent="0.25">
      <c r="A2563">
        <v>18</v>
      </c>
      <c r="B2563">
        <v>108.446</v>
      </c>
      <c r="C2563">
        <v>118.369</v>
      </c>
      <c r="D2563">
        <v>189.68700000000001</v>
      </c>
      <c r="E2563">
        <v>10091.299999999999</v>
      </c>
      <c r="F2563">
        <v>10800</v>
      </c>
      <c r="G2563">
        <v>22677.200000000001</v>
      </c>
      <c r="H2563">
        <v>1.82677</v>
      </c>
      <c r="I2563">
        <v>24614.1</v>
      </c>
      <c r="J2563">
        <v>24.9999</v>
      </c>
    </row>
    <row r="2564" spans="1:10" x14ac:dyDescent="0.25">
      <c r="A2564">
        <v>18</v>
      </c>
      <c r="B2564">
        <v>109.628</v>
      </c>
      <c r="C2564">
        <v>113.342</v>
      </c>
      <c r="D2564">
        <v>189.68700000000001</v>
      </c>
      <c r="E2564">
        <v>7370.08</v>
      </c>
      <c r="F2564">
        <v>10800</v>
      </c>
      <c r="G2564">
        <v>18595.3</v>
      </c>
      <c r="H2564">
        <v>3.0551200000000001</v>
      </c>
      <c r="I2564">
        <v>20721.099999999999</v>
      </c>
      <c r="J2564">
        <v>70.448499999999996</v>
      </c>
    </row>
    <row r="2565" spans="1:10" x14ac:dyDescent="0.25">
      <c r="A2565">
        <v>18</v>
      </c>
      <c r="B2565">
        <v>108.68300000000001</v>
      </c>
      <c r="C2565">
        <v>113.342</v>
      </c>
      <c r="D2565">
        <v>189.37299999999999</v>
      </c>
      <c r="E2565">
        <v>10431.5</v>
      </c>
      <c r="F2565">
        <v>10800</v>
      </c>
      <c r="G2565">
        <v>19955.900000000001</v>
      </c>
      <c r="H2565">
        <v>2.7244100000000002</v>
      </c>
      <c r="I2565">
        <v>23904.2</v>
      </c>
      <c r="J2565">
        <v>43.206400000000002</v>
      </c>
    </row>
    <row r="2566" spans="1:10" x14ac:dyDescent="0.25">
      <c r="A2566">
        <v>18</v>
      </c>
      <c r="B2566">
        <v>108.446</v>
      </c>
      <c r="C2566">
        <v>119.625</v>
      </c>
      <c r="D2566">
        <v>187.18</v>
      </c>
      <c r="E2566">
        <v>7710.24</v>
      </c>
      <c r="F2566">
        <v>10800</v>
      </c>
      <c r="G2566">
        <v>18595.3</v>
      </c>
      <c r="H2566">
        <v>3.7873999999999999</v>
      </c>
      <c r="I2566">
        <v>20720.5</v>
      </c>
      <c r="J2566">
        <v>45.304699999999997</v>
      </c>
    </row>
    <row r="2567" spans="1:10" x14ac:dyDescent="0.25">
      <c r="A2567">
        <v>18</v>
      </c>
      <c r="B2567">
        <v>108.919</v>
      </c>
      <c r="C2567">
        <v>118.369</v>
      </c>
      <c r="D2567">
        <v>189.68700000000001</v>
      </c>
      <c r="E2567">
        <v>10431.5</v>
      </c>
      <c r="F2567">
        <v>10800</v>
      </c>
      <c r="G2567">
        <v>19955.900000000001</v>
      </c>
      <c r="H2567">
        <v>3.5748000000000002</v>
      </c>
      <c r="I2567">
        <v>23588</v>
      </c>
      <c r="J2567">
        <v>35.377200000000002</v>
      </c>
    </row>
    <row r="2568" spans="1:10" x14ac:dyDescent="0.25">
      <c r="A2568">
        <v>18</v>
      </c>
      <c r="B2568">
        <v>108.446</v>
      </c>
      <c r="C2568">
        <v>140.04599999999999</v>
      </c>
      <c r="D2568">
        <v>189.68700000000001</v>
      </c>
      <c r="E2568">
        <v>7710.24</v>
      </c>
      <c r="F2568">
        <v>11310.2</v>
      </c>
      <c r="G2568">
        <v>22507.1</v>
      </c>
      <c r="H2568">
        <v>3.4094500000000001</v>
      </c>
      <c r="I2568">
        <v>21323.200000000001</v>
      </c>
      <c r="J2568">
        <v>149.965</v>
      </c>
    </row>
    <row r="2569" spans="1:10" x14ac:dyDescent="0.25">
      <c r="A2569">
        <v>18</v>
      </c>
      <c r="B2569">
        <v>108.446</v>
      </c>
      <c r="C2569">
        <v>119.625</v>
      </c>
      <c r="D2569">
        <v>190</v>
      </c>
      <c r="E2569">
        <v>10431.5</v>
      </c>
      <c r="F2569">
        <v>10800</v>
      </c>
      <c r="G2569">
        <v>19955.900000000001</v>
      </c>
      <c r="H2569">
        <v>2.2283499999999998</v>
      </c>
      <c r="I2569">
        <v>24225.3</v>
      </c>
      <c r="J2569">
        <v>29.678799999999999</v>
      </c>
    </row>
    <row r="2570" spans="1:10" x14ac:dyDescent="0.25">
      <c r="A2570">
        <v>18</v>
      </c>
      <c r="B2570">
        <v>108.919</v>
      </c>
      <c r="C2570">
        <v>139.732</v>
      </c>
      <c r="D2570">
        <v>169.63</v>
      </c>
      <c r="E2570">
        <v>10091.299999999999</v>
      </c>
      <c r="F2570">
        <v>10800</v>
      </c>
      <c r="G2570">
        <v>19955.900000000001</v>
      </c>
      <c r="H2570">
        <v>3.2677200000000002</v>
      </c>
      <c r="I2570">
        <v>24270.5</v>
      </c>
      <c r="J2570">
        <v>138.84299999999999</v>
      </c>
    </row>
    <row r="2571" spans="1:10" x14ac:dyDescent="0.25">
      <c r="A2571">
        <v>18</v>
      </c>
      <c r="B2571">
        <v>108.919</v>
      </c>
      <c r="C2571">
        <v>119.625</v>
      </c>
      <c r="D2571">
        <v>189.68700000000001</v>
      </c>
      <c r="E2571">
        <v>7370.08</v>
      </c>
      <c r="F2571">
        <v>10800</v>
      </c>
      <c r="G2571">
        <v>9070.8700000000008</v>
      </c>
      <c r="H2571">
        <v>2.79528</v>
      </c>
      <c r="I2571">
        <v>20731.8</v>
      </c>
      <c r="J2571">
        <v>44.339500000000001</v>
      </c>
    </row>
    <row r="2572" spans="1:10" x14ac:dyDescent="0.25">
      <c r="A2572">
        <v>18</v>
      </c>
      <c r="B2572">
        <v>109.628</v>
      </c>
      <c r="C2572">
        <v>119.625</v>
      </c>
      <c r="D2572">
        <v>189.68700000000001</v>
      </c>
      <c r="E2572">
        <v>10091.299999999999</v>
      </c>
      <c r="F2572">
        <v>10800</v>
      </c>
      <c r="G2572">
        <v>18595.3</v>
      </c>
      <c r="H2572">
        <v>2.5354299999999999</v>
      </c>
      <c r="I2572">
        <v>23823.4</v>
      </c>
      <c r="J2572">
        <v>57.981999999999999</v>
      </c>
    </row>
    <row r="2573" spans="1:10" x14ac:dyDescent="0.25">
      <c r="A2573">
        <v>18</v>
      </c>
      <c r="B2573">
        <v>108.446</v>
      </c>
      <c r="C2573">
        <v>119.625</v>
      </c>
      <c r="D2573">
        <v>189.68700000000001</v>
      </c>
      <c r="E2573">
        <v>7710.24</v>
      </c>
      <c r="F2573">
        <v>10800</v>
      </c>
      <c r="G2573">
        <v>18595.3</v>
      </c>
      <c r="H2573">
        <v>2.9370099999999999</v>
      </c>
      <c r="I2573">
        <v>21084.2</v>
      </c>
      <c r="J2573">
        <v>44.755200000000002</v>
      </c>
    </row>
    <row r="2574" spans="1:10" x14ac:dyDescent="0.25">
      <c r="A2574">
        <v>18</v>
      </c>
      <c r="B2574">
        <v>108.446</v>
      </c>
      <c r="C2574">
        <v>119.625</v>
      </c>
      <c r="D2574">
        <v>188.43299999999999</v>
      </c>
      <c r="E2574">
        <v>10091.299999999999</v>
      </c>
      <c r="F2574">
        <v>10800</v>
      </c>
      <c r="G2574">
        <v>19955.900000000001</v>
      </c>
      <c r="H2574">
        <v>3.3622000000000001</v>
      </c>
      <c r="I2574">
        <v>23167.3</v>
      </c>
      <c r="J2574">
        <v>46.237200000000001</v>
      </c>
    </row>
    <row r="2575" spans="1:10" x14ac:dyDescent="0.25">
      <c r="A2575">
        <v>18</v>
      </c>
      <c r="B2575">
        <v>109.39100000000001</v>
      </c>
      <c r="C2575">
        <v>123.395</v>
      </c>
      <c r="D2575">
        <v>189.68700000000001</v>
      </c>
      <c r="E2575">
        <v>10431.5</v>
      </c>
      <c r="F2575">
        <v>10800</v>
      </c>
      <c r="G2575">
        <v>19955.900000000001</v>
      </c>
      <c r="H2575">
        <v>1.44882</v>
      </c>
      <c r="I2575">
        <v>25767.8</v>
      </c>
      <c r="J2575">
        <v>18.959099999999999</v>
      </c>
    </row>
    <row r="2576" spans="1:10" x14ac:dyDescent="0.25">
      <c r="A2576">
        <v>18</v>
      </c>
      <c r="B2576">
        <v>108.919</v>
      </c>
      <c r="C2576">
        <v>118.369</v>
      </c>
      <c r="D2576">
        <v>189.68700000000001</v>
      </c>
      <c r="E2576">
        <v>10431.5</v>
      </c>
      <c r="F2576">
        <v>10800</v>
      </c>
      <c r="G2576">
        <v>18595.3</v>
      </c>
      <c r="H2576">
        <v>1.6850400000000001</v>
      </c>
      <c r="I2576">
        <v>25268.5</v>
      </c>
      <c r="J2576">
        <v>45.257399999999997</v>
      </c>
    </row>
    <row r="2577" spans="1:10" x14ac:dyDescent="0.25">
      <c r="A2577">
        <v>18</v>
      </c>
      <c r="B2577">
        <v>109.39100000000001</v>
      </c>
      <c r="C2577">
        <v>119.625</v>
      </c>
      <c r="D2577">
        <v>189.68700000000001</v>
      </c>
      <c r="E2577">
        <v>7370.08</v>
      </c>
      <c r="F2577">
        <v>10800</v>
      </c>
      <c r="G2577">
        <v>19955.900000000001</v>
      </c>
      <c r="H2577">
        <v>3.7873999999999999</v>
      </c>
      <c r="I2577">
        <v>20269</v>
      </c>
      <c r="J2577">
        <v>41.207799999999999</v>
      </c>
    </row>
    <row r="2578" spans="1:10" x14ac:dyDescent="0.25">
      <c r="A2578">
        <v>18</v>
      </c>
      <c r="B2578">
        <v>108.446</v>
      </c>
      <c r="C2578">
        <v>118.369</v>
      </c>
      <c r="D2578">
        <v>190</v>
      </c>
      <c r="E2578">
        <v>10431.5</v>
      </c>
      <c r="F2578">
        <v>10800</v>
      </c>
      <c r="G2578">
        <v>19955.900000000001</v>
      </c>
      <c r="H2578">
        <v>1.1181099999999999</v>
      </c>
      <c r="I2578">
        <v>26815.1</v>
      </c>
      <c r="J2578">
        <v>17.5837</v>
      </c>
    </row>
    <row r="2579" spans="1:10" x14ac:dyDescent="0.25">
      <c r="A2579">
        <v>18</v>
      </c>
      <c r="B2579">
        <v>108.446</v>
      </c>
      <c r="C2579">
        <v>119.625</v>
      </c>
      <c r="D2579">
        <v>169.63</v>
      </c>
      <c r="E2579">
        <v>10431.5</v>
      </c>
      <c r="F2579">
        <v>10800</v>
      </c>
      <c r="G2579">
        <v>19955.900000000001</v>
      </c>
      <c r="H2579">
        <v>1.1653500000000001</v>
      </c>
      <c r="I2579">
        <v>26270.799999999999</v>
      </c>
      <c r="J2579">
        <v>22.677099999999999</v>
      </c>
    </row>
    <row r="2580" spans="1:10" x14ac:dyDescent="0.25">
      <c r="A2580">
        <v>18</v>
      </c>
      <c r="B2580">
        <v>109.864</v>
      </c>
      <c r="C2580">
        <v>123.395</v>
      </c>
      <c r="D2580">
        <v>189.06</v>
      </c>
      <c r="E2580">
        <v>7370.08</v>
      </c>
      <c r="F2580">
        <v>10800</v>
      </c>
      <c r="G2580">
        <v>19955.900000000001</v>
      </c>
      <c r="H2580">
        <v>2.70079</v>
      </c>
      <c r="I2580">
        <v>20959.5</v>
      </c>
      <c r="J2580">
        <v>58.176900000000003</v>
      </c>
    </row>
    <row r="2581" spans="1:10" x14ac:dyDescent="0.25">
      <c r="A2581">
        <v>18</v>
      </c>
      <c r="B2581">
        <v>109.864</v>
      </c>
      <c r="C2581">
        <v>119.93899999999999</v>
      </c>
      <c r="D2581">
        <v>189.06</v>
      </c>
      <c r="E2581">
        <v>7370.08</v>
      </c>
      <c r="F2581">
        <v>10800</v>
      </c>
      <c r="G2581">
        <v>18595.3</v>
      </c>
      <c r="H2581">
        <v>2.9842499999999998</v>
      </c>
      <c r="I2581">
        <v>20670.900000000001</v>
      </c>
      <c r="J2581">
        <v>38.509399999999999</v>
      </c>
    </row>
    <row r="2582" spans="1:10" x14ac:dyDescent="0.25">
      <c r="A2582">
        <v>18</v>
      </c>
      <c r="B2582">
        <v>109.39100000000001</v>
      </c>
      <c r="C2582">
        <v>124.652</v>
      </c>
      <c r="D2582">
        <v>189.37299999999999</v>
      </c>
      <c r="E2582">
        <v>7370.08</v>
      </c>
      <c r="F2582">
        <v>10800</v>
      </c>
      <c r="G2582">
        <v>18595.3</v>
      </c>
      <c r="H2582">
        <v>3.9527600000000001</v>
      </c>
      <c r="I2582">
        <v>20129.400000000001</v>
      </c>
      <c r="J2582">
        <v>53.995899999999999</v>
      </c>
    </row>
    <row r="2583" spans="1:10" x14ac:dyDescent="0.25">
      <c r="A2583">
        <v>18</v>
      </c>
      <c r="B2583">
        <v>108.446</v>
      </c>
      <c r="C2583">
        <v>119.625</v>
      </c>
      <c r="D2583">
        <v>189.68700000000001</v>
      </c>
      <c r="E2583">
        <v>7370.08</v>
      </c>
      <c r="F2583">
        <v>10800</v>
      </c>
      <c r="G2583">
        <v>19955.900000000001</v>
      </c>
      <c r="H2583">
        <v>2.2755899999999998</v>
      </c>
      <c r="I2583">
        <v>21166.3</v>
      </c>
      <c r="J2583">
        <v>44.9467</v>
      </c>
    </row>
    <row r="2584" spans="1:10" x14ac:dyDescent="0.25">
      <c r="A2584">
        <v>18</v>
      </c>
      <c r="B2584">
        <v>108.446</v>
      </c>
      <c r="C2584">
        <v>119.625</v>
      </c>
      <c r="D2584">
        <v>190</v>
      </c>
      <c r="E2584">
        <v>10431.5</v>
      </c>
      <c r="F2584">
        <v>10800</v>
      </c>
      <c r="G2584">
        <v>18595.3</v>
      </c>
      <c r="H2584">
        <v>1.1181099999999999</v>
      </c>
      <c r="I2584">
        <v>26416.7</v>
      </c>
      <c r="J2584">
        <v>18.099799999999998</v>
      </c>
    </row>
    <row r="2585" spans="1:10" x14ac:dyDescent="0.25">
      <c r="A2585">
        <v>18</v>
      </c>
      <c r="B2585">
        <v>108.68300000000001</v>
      </c>
      <c r="C2585">
        <v>118.369</v>
      </c>
      <c r="D2585">
        <v>189.37299999999999</v>
      </c>
      <c r="E2585">
        <v>7370.08</v>
      </c>
      <c r="F2585">
        <v>11055.1</v>
      </c>
      <c r="G2585">
        <v>19955.900000000001</v>
      </c>
      <c r="H2585">
        <v>1.44882</v>
      </c>
      <c r="I2585">
        <v>22665.1</v>
      </c>
      <c r="J2585">
        <v>51.5383</v>
      </c>
    </row>
    <row r="2586" spans="1:10" x14ac:dyDescent="0.25">
      <c r="A2586">
        <v>18</v>
      </c>
      <c r="B2586">
        <v>108.446</v>
      </c>
      <c r="C2586">
        <v>119.625</v>
      </c>
      <c r="D2586">
        <v>189.68700000000001</v>
      </c>
      <c r="E2586">
        <v>7710.24</v>
      </c>
      <c r="F2586">
        <v>11310.2</v>
      </c>
      <c r="G2586">
        <v>9070.8700000000008</v>
      </c>
      <c r="H2586">
        <v>3.55118</v>
      </c>
      <c r="I2586">
        <v>21244.7</v>
      </c>
      <c r="J2586">
        <v>37.094299999999997</v>
      </c>
    </row>
    <row r="2587" spans="1:10" x14ac:dyDescent="0.25">
      <c r="A2587">
        <v>18</v>
      </c>
      <c r="B2587">
        <v>94.037000000000006</v>
      </c>
      <c r="C2587">
        <v>128.73599999999999</v>
      </c>
      <c r="D2587">
        <v>189.68700000000001</v>
      </c>
      <c r="E2587">
        <v>7370.08</v>
      </c>
      <c r="F2587">
        <v>10800</v>
      </c>
      <c r="G2587">
        <v>19785.8</v>
      </c>
      <c r="H2587">
        <v>3.9763799999999998</v>
      </c>
      <c r="I2587">
        <v>20237</v>
      </c>
      <c r="J2587">
        <v>114.806</v>
      </c>
    </row>
    <row r="2588" spans="1:10" x14ac:dyDescent="0.25">
      <c r="A2588">
        <v>18</v>
      </c>
      <c r="B2588">
        <v>108.68300000000001</v>
      </c>
      <c r="C2588">
        <v>128.422</v>
      </c>
      <c r="D2588">
        <v>189.68700000000001</v>
      </c>
      <c r="E2588">
        <v>7370.08</v>
      </c>
      <c r="F2588">
        <v>10800</v>
      </c>
      <c r="G2588">
        <v>7710.24</v>
      </c>
      <c r="H2588">
        <v>3.9527600000000001</v>
      </c>
      <c r="I2588">
        <v>20575.599999999999</v>
      </c>
      <c r="J2588">
        <v>114.325</v>
      </c>
    </row>
    <row r="2589" spans="1:10" x14ac:dyDescent="0.25">
      <c r="A2589">
        <v>18</v>
      </c>
      <c r="B2589">
        <v>108.919</v>
      </c>
      <c r="C2589">
        <v>119.625</v>
      </c>
      <c r="D2589">
        <v>189.68700000000001</v>
      </c>
      <c r="E2589">
        <v>7370.08</v>
      </c>
      <c r="F2589">
        <v>10800</v>
      </c>
      <c r="G2589">
        <v>11792.1</v>
      </c>
      <c r="H2589">
        <v>3.7873999999999999</v>
      </c>
      <c r="I2589">
        <v>20237.3</v>
      </c>
      <c r="J2589">
        <v>43.105600000000003</v>
      </c>
    </row>
    <row r="2590" spans="1:10" x14ac:dyDescent="0.25">
      <c r="A2590">
        <v>18</v>
      </c>
      <c r="B2590">
        <v>108.446</v>
      </c>
      <c r="C2590">
        <v>119.625</v>
      </c>
      <c r="D2590">
        <v>187.18</v>
      </c>
      <c r="E2590">
        <v>7710.24</v>
      </c>
      <c r="F2590">
        <v>11310.2</v>
      </c>
      <c r="G2590">
        <v>19785.8</v>
      </c>
      <c r="H2590">
        <v>1.40157</v>
      </c>
      <c r="I2590">
        <v>23638.1</v>
      </c>
      <c r="J2590">
        <v>36.832700000000003</v>
      </c>
    </row>
    <row r="2591" spans="1:10" x14ac:dyDescent="0.25">
      <c r="A2591">
        <v>18</v>
      </c>
      <c r="B2591">
        <v>110.1</v>
      </c>
      <c r="C2591">
        <v>114.598</v>
      </c>
      <c r="D2591">
        <v>189.06</v>
      </c>
      <c r="E2591">
        <v>7710.24</v>
      </c>
      <c r="F2591">
        <v>10800</v>
      </c>
      <c r="G2591">
        <v>18595.3</v>
      </c>
      <c r="H2591">
        <v>1.07087</v>
      </c>
      <c r="I2591">
        <v>24346.400000000001</v>
      </c>
      <c r="J2591">
        <v>43.451799999999999</v>
      </c>
    </row>
    <row r="2592" spans="1:10" x14ac:dyDescent="0.25">
      <c r="A2592">
        <v>18</v>
      </c>
      <c r="B2592">
        <v>108.446</v>
      </c>
      <c r="C2592">
        <v>119.625</v>
      </c>
      <c r="D2592">
        <v>190</v>
      </c>
      <c r="E2592">
        <v>10431.5</v>
      </c>
      <c r="F2592">
        <v>10800</v>
      </c>
      <c r="G2592">
        <v>11792.1</v>
      </c>
      <c r="H2592">
        <v>1.09449</v>
      </c>
      <c r="I2592">
        <v>27675.1</v>
      </c>
      <c r="J2592">
        <v>20.597100000000001</v>
      </c>
    </row>
    <row r="2593" spans="1:10" x14ac:dyDescent="0.25">
      <c r="A2593">
        <v>18</v>
      </c>
      <c r="B2593">
        <v>108.919</v>
      </c>
      <c r="C2593">
        <v>119.625</v>
      </c>
      <c r="D2593">
        <v>189.68700000000001</v>
      </c>
      <c r="E2593">
        <v>7370.08</v>
      </c>
      <c r="F2593">
        <v>10800</v>
      </c>
      <c r="G2593">
        <v>11792.1</v>
      </c>
      <c r="H2593">
        <v>3.9291299999999998</v>
      </c>
      <c r="I2593">
        <v>20193.8</v>
      </c>
      <c r="J2593">
        <v>44.023600000000002</v>
      </c>
    </row>
    <row r="2594" spans="1:10" x14ac:dyDescent="0.25">
      <c r="A2594">
        <v>18</v>
      </c>
      <c r="B2594">
        <v>108.919</v>
      </c>
      <c r="C2594">
        <v>119.93899999999999</v>
      </c>
      <c r="D2594">
        <v>189.68700000000001</v>
      </c>
      <c r="E2594">
        <v>7710.24</v>
      </c>
      <c r="F2594">
        <v>11310.2</v>
      </c>
      <c r="G2594">
        <v>19955.900000000001</v>
      </c>
      <c r="H2594">
        <v>3.7873999999999999</v>
      </c>
      <c r="I2594">
        <v>21187</v>
      </c>
      <c r="J2594">
        <v>40.079500000000003</v>
      </c>
    </row>
    <row r="2595" spans="1:10" x14ac:dyDescent="0.25">
      <c r="A2595">
        <v>18</v>
      </c>
      <c r="B2595">
        <v>109.864</v>
      </c>
      <c r="C2595">
        <v>114.598</v>
      </c>
      <c r="D2595">
        <v>189.06</v>
      </c>
      <c r="E2595">
        <v>7370.08</v>
      </c>
      <c r="F2595">
        <v>10800</v>
      </c>
      <c r="G2595">
        <v>18595.3</v>
      </c>
      <c r="H2595">
        <v>2.8897599999999999</v>
      </c>
      <c r="I2595">
        <v>20888.900000000001</v>
      </c>
      <c r="J2595">
        <v>53.066200000000002</v>
      </c>
    </row>
    <row r="2596" spans="1:10" x14ac:dyDescent="0.25">
      <c r="A2596">
        <v>18</v>
      </c>
      <c r="B2596">
        <v>108.446</v>
      </c>
      <c r="C2596">
        <v>118.369</v>
      </c>
      <c r="D2596">
        <v>189.68700000000001</v>
      </c>
      <c r="E2596">
        <v>10431.5</v>
      </c>
      <c r="F2596">
        <v>10800</v>
      </c>
      <c r="G2596">
        <v>19955.900000000001</v>
      </c>
      <c r="H2596">
        <v>1.1181099999999999</v>
      </c>
      <c r="I2596">
        <v>26820.6</v>
      </c>
      <c r="J2596">
        <v>17.5837</v>
      </c>
    </row>
    <row r="2597" spans="1:10" x14ac:dyDescent="0.25">
      <c r="A2597">
        <v>18</v>
      </c>
      <c r="B2597">
        <v>108.919</v>
      </c>
      <c r="C2597">
        <v>119.625</v>
      </c>
      <c r="D2597">
        <v>189.68700000000001</v>
      </c>
      <c r="E2597">
        <v>10091.299999999999</v>
      </c>
      <c r="F2597">
        <v>10800</v>
      </c>
      <c r="G2597">
        <v>21316.5</v>
      </c>
      <c r="H2597">
        <v>3.3622000000000001</v>
      </c>
      <c r="I2597">
        <v>23362.6</v>
      </c>
      <c r="J2597">
        <v>32.8506</v>
      </c>
    </row>
    <row r="2598" spans="1:10" x14ac:dyDescent="0.25">
      <c r="A2598">
        <v>18</v>
      </c>
      <c r="B2598">
        <v>110.1</v>
      </c>
      <c r="C2598">
        <v>124.652</v>
      </c>
      <c r="D2598">
        <v>189.68700000000001</v>
      </c>
      <c r="E2598">
        <v>7370.08</v>
      </c>
      <c r="F2598">
        <v>10800</v>
      </c>
      <c r="G2598">
        <v>19955.900000000001</v>
      </c>
      <c r="H2598">
        <v>1.5905499999999999</v>
      </c>
      <c r="I2598">
        <v>23851.4</v>
      </c>
      <c r="J2598">
        <v>27.477900000000002</v>
      </c>
    </row>
    <row r="2599" spans="1:10" x14ac:dyDescent="0.25">
      <c r="A2599">
        <v>18</v>
      </c>
      <c r="B2599">
        <v>108.919</v>
      </c>
      <c r="C2599">
        <v>124.652</v>
      </c>
      <c r="D2599">
        <v>190</v>
      </c>
      <c r="E2599">
        <v>7370.08</v>
      </c>
      <c r="F2599">
        <v>10800</v>
      </c>
      <c r="G2599">
        <v>19955.900000000001</v>
      </c>
      <c r="H2599">
        <v>3.6692900000000002</v>
      </c>
      <c r="I2599">
        <v>20673.599999999999</v>
      </c>
      <c r="J2599">
        <v>111.063</v>
      </c>
    </row>
    <row r="2600" spans="1:10" x14ac:dyDescent="0.25">
      <c r="A2600">
        <v>18</v>
      </c>
      <c r="B2600">
        <v>108.446</v>
      </c>
      <c r="C2600">
        <v>118.369</v>
      </c>
      <c r="D2600">
        <v>190</v>
      </c>
      <c r="E2600">
        <v>7710.24</v>
      </c>
      <c r="F2600">
        <v>11310.2</v>
      </c>
      <c r="G2600">
        <v>19955.900000000001</v>
      </c>
      <c r="H2600">
        <v>1.1181099999999999</v>
      </c>
      <c r="I2600">
        <v>24558.3</v>
      </c>
      <c r="J2600">
        <v>30.958500000000001</v>
      </c>
    </row>
    <row r="2601" spans="1:10" x14ac:dyDescent="0.25">
      <c r="A2601">
        <v>18</v>
      </c>
      <c r="B2601">
        <v>109.39100000000001</v>
      </c>
      <c r="C2601">
        <v>119.93899999999999</v>
      </c>
      <c r="D2601">
        <v>190</v>
      </c>
      <c r="E2601">
        <v>11792.1</v>
      </c>
      <c r="F2601">
        <v>10800</v>
      </c>
      <c r="G2601">
        <v>18595.3</v>
      </c>
      <c r="H2601">
        <v>2.8425199999999999</v>
      </c>
      <c r="I2601">
        <v>26322.400000000001</v>
      </c>
      <c r="J2601">
        <v>39.514699999999998</v>
      </c>
    </row>
    <row r="2602" spans="1:10" x14ac:dyDescent="0.25">
      <c r="A2602">
        <v>18</v>
      </c>
      <c r="B2602">
        <v>109.864</v>
      </c>
      <c r="C2602">
        <v>119.625</v>
      </c>
      <c r="D2602">
        <v>189.68700000000001</v>
      </c>
      <c r="E2602">
        <v>7710.24</v>
      </c>
      <c r="F2602">
        <v>10800</v>
      </c>
      <c r="G2602">
        <v>19955.900000000001</v>
      </c>
      <c r="H2602">
        <v>1.0472399999999999</v>
      </c>
      <c r="I2602">
        <v>24348.6</v>
      </c>
      <c r="J2602">
        <v>31.260100000000001</v>
      </c>
    </row>
    <row r="2603" spans="1:10" x14ac:dyDescent="0.25">
      <c r="A2603">
        <v>18</v>
      </c>
      <c r="B2603">
        <v>108.919</v>
      </c>
      <c r="C2603">
        <v>118.68300000000001</v>
      </c>
      <c r="D2603">
        <v>189.68700000000001</v>
      </c>
      <c r="E2603">
        <v>7710.24</v>
      </c>
      <c r="F2603">
        <v>10800</v>
      </c>
      <c r="G2603">
        <v>8900.7900000000009</v>
      </c>
      <c r="H2603">
        <v>3.7401599999999999</v>
      </c>
      <c r="I2603">
        <v>20668.900000000001</v>
      </c>
      <c r="J2603">
        <v>48.745800000000003</v>
      </c>
    </row>
    <row r="2604" spans="1:10" x14ac:dyDescent="0.25">
      <c r="A2604">
        <v>18</v>
      </c>
      <c r="B2604">
        <v>109.864</v>
      </c>
      <c r="C2604">
        <v>119.625</v>
      </c>
      <c r="D2604">
        <v>190</v>
      </c>
      <c r="E2604">
        <v>7710.24</v>
      </c>
      <c r="F2604">
        <v>10800</v>
      </c>
      <c r="G2604">
        <v>19955.900000000001</v>
      </c>
      <c r="H2604">
        <v>2.6299199999999998</v>
      </c>
      <c r="I2604">
        <v>21293.4</v>
      </c>
      <c r="J2604">
        <v>34.991399999999999</v>
      </c>
    </row>
    <row r="2605" spans="1:10" x14ac:dyDescent="0.25">
      <c r="A2605">
        <v>18</v>
      </c>
      <c r="B2605">
        <v>108.68300000000001</v>
      </c>
      <c r="C2605">
        <v>119.625</v>
      </c>
      <c r="D2605">
        <v>189.68700000000001</v>
      </c>
      <c r="E2605">
        <v>10091.299999999999</v>
      </c>
      <c r="F2605">
        <v>10800</v>
      </c>
      <c r="G2605">
        <v>18425.2</v>
      </c>
      <c r="H2605">
        <v>1.87402</v>
      </c>
      <c r="I2605">
        <v>24490.9</v>
      </c>
      <c r="J2605">
        <v>34.174399999999999</v>
      </c>
    </row>
    <row r="2606" spans="1:10" x14ac:dyDescent="0.25">
      <c r="A2606">
        <v>18</v>
      </c>
      <c r="B2606">
        <v>108.446</v>
      </c>
      <c r="C2606">
        <v>119.625</v>
      </c>
      <c r="D2606">
        <v>189.68700000000001</v>
      </c>
      <c r="E2606">
        <v>10091.299999999999</v>
      </c>
      <c r="F2606">
        <v>10800</v>
      </c>
      <c r="G2606">
        <v>19955.900000000001</v>
      </c>
      <c r="H2606">
        <v>2.29921</v>
      </c>
      <c r="I2606">
        <v>23942.9</v>
      </c>
      <c r="J2606">
        <v>35.607900000000001</v>
      </c>
    </row>
    <row r="2607" spans="1:10" x14ac:dyDescent="0.25">
      <c r="A2607">
        <v>18</v>
      </c>
      <c r="B2607">
        <v>108.919</v>
      </c>
      <c r="C2607">
        <v>119.625</v>
      </c>
      <c r="D2607">
        <v>189.68700000000001</v>
      </c>
      <c r="E2607">
        <v>7370.08</v>
      </c>
      <c r="F2607">
        <v>11055.1</v>
      </c>
      <c r="G2607">
        <v>18595.3</v>
      </c>
      <c r="H2607">
        <v>3.7873999999999999</v>
      </c>
      <c r="I2607">
        <v>20497.7</v>
      </c>
      <c r="J2607">
        <v>38.947099999999999</v>
      </c>
    </row>
    <row r="2608" spans="1:10" x14ac:dyDescent="0.25">
      <c r="A2608">
        <v>18</v>
      </c>
      <c r="B2608">
        <v>108.446</v>
      </c>
      <c r="C2608">
        <v>118.369</v>
      </c>
      <c r="D2608">
        <v>189.68700000000001</v>
      </c>
      <c r="E2608">
        <v>7370.08</v>
      </c>
      <c r="F2608">
        <v>10800</v>
      </c>
      <c r="G2608">
        <v>19955.900000000001</v>
      </c>
      <c r="H2608">
        <v>3.7873999999999999</v>
      </c>
      <c r="I2608">
        <v>20312.2</v>
      </c>
      <c r="J2608">
        <v>55.332599999999999</v>
      </c>
    </row>
    <row r="2609" spans="1:10" x14ac:dyDescent="0.25">
      <c r="A2609">
        <v>18</v>
      </c>
      <c r="B2609">
        <v>108.446</v>
      </c>
      <c r="C2609">
        <v>118.369</v>
      </c>
      <c r="D2609">
        <v>190</v>
      </c>
      <c r="E2609">
        <v>10431.5</v>
      </c>
      <c r="F2609">
        <v>10800</v>
      </c>
      <c r="G2609">
        <v>18595.3</v>
      </c>
      <c r="H2609">
        <v>1.02362</v>
      </c>
      <c r="I2609">
        <v>27135.1</v>
      </c>
      <c r="J2609">
        <v>28.148499999999999</v>
      </c>
    </row>
    <row r="2610" spans="1:10" x14ac:dyDescent="0.25">
      <c r="A2610">
        <v>18</v>
      </c>
      <c r="B2610">
        <v>109.155</v>
      </c>
      <c r="C2610">
        <v>124.652</v>
      </c>
      <c r="D2610">
        <v>189.37299999999999</v>
      </c>
      <c r="E2610">
        <v>7370.08</v>
      </c>
      <c r="F2610">
        <v>10800</v>
      </c>
      <c r="G2610">
        <v>19955.900000000001</v>
      </c>
      <c r="H2610">
        <v>3.8582700000000001</v>
      </c>
      <c r="I2610">
        <v>20425.900000000001</v>
      </c>
      <c r="J2610">
        <v>33.058799999999998</v>
      </c>
    </row>
    <row r="2611" spans="1:10" x14ac:dyDescent="0.25">
      <c r="A2611">
        <v>18</v>
      </c>
      <c r="B2611">
        <v>108.446</v>
      </c>
      <c r="C2611">
        <v>119.625</v>
      </c>
      <c r="D2611">
        <v>189.68700000000001</v>
      </c>
      <c r="E2611">
        <v>10091.299999999999</v>
      </c>
      <c r="F2611">
        <v>10800</v>
      </c>
      <c r="G2611">
        <v>18595.3</v>
      </c>
      <c r="H2611">
        <v>2.65354</v>
      </c>
      <c r="I2611">
        <v>23786.5</v>
      </c>
      <c r="J2611">
        <v>28.867999999999999</v>
      </c>
    </row>
    <row r="2612" spans="1:10" x14ac:dyDescent="0.25">
      <c r="A2612">
        <v>18</v>
      </c>
      <c r="B2612">
        <v>109.864</v>
      </c>
      <c r="C2612">
        <v>119.625</v>
      </c>
      <c r="D2612">
        <v>189.68700000000001</v>
      </c>
      <c r="E2612">
        <v>7370.08</v>
      </c>
      <c r="F2612">
        <v>10800</v>
      </c>
      <c r="G2612">
        <v>19955.900000000001</v>
      </c>
      <c r="H2612">
        <v>3.6929099999999999</v>
      </c>
      <c r="I2612">
        <v>20331.099999999999</v>
      </c>
      <c r="J2612">
        <v>48.657699999999998</v>
      </c>
    </row>
    <row r="2613" spans="1:10" x14ac:dyDescent="0.25">
      <c r="A2613">
        <v>18</v>
      </c>
      <c r="B2613">
        <v>109.864</v>
      </c>
      <c r="C2613">
        <v>119.625</v>
      </c>
      <c r="D2613">
        <v>190</v>
      </c>
      <c r="E2613">
        <v>7370.08</v>
      </c>
      <c r="F2613">
        <v>10800</v>
      </c>
      <c r="G2613">
        <v>9070.8700000000008</v>
      </c>
      <c r="H2613">
        <v>3.64567</v>
      </c>
      <c r="I2613">
        <v>20347.400000000001</v>
      </c>
      <c r="J2613">
        <v>48.580199999999998</v>
      </c>
    </row>
    <row r="2614" spans="1:10" x14ac:dyDescent="0.25">
      <c r="A2614">
        <v>18</v>
      </c>
      <c r="B2614">
        <v>109.39100000000001</v>
      </c>
      <c r="C2614">
        <v>119.625</v>
      </c>
      <c r="D2614">
        <v>189.68700000000001</v>
      </c>
      <c r="E2614">
        <v>7370.08</v>
      </c>
      <c r="F2614">
        <v>10800</v>
      </c>
      <c r="G2614">
        <v>19785.8</v>
      </c>
      <c r="H2614">
        <v>2.6771699999999998</v>
      </c>
      <c r="I2614">
        <v>20850.900000000001</v>
      </c>
      <c r="J2614">
        <v>36.053199999999997</v>
      </c>
    </row>
    <row r="2615" spans="1:10" x14ac:dyDescent="0.25">
      <c r="A2615">
        <v>18</v>
      </c>
      <c r="B2615">
        <v>108.446</v>
      </c>
      <c r="C2615">
        <v>118.369</v>
      </c>
      <c r="D2615">
        <v>190</v>
      </c>
      <c r="E2615">
        <v>10091.299999999999</v>
      </c>
      <c r="F2615">
        <v>10800</v>
      </c>
      <c r="G2615">
        <v>22677.200000000001</v>
      </c>
      <c r="H2615">
        <v>1.1181099999999999</v>
      </c>
      <c r="I2615">
        <v>26247.1</v>
      </c>
      <c r="J2615">
        <v>19.0852</v>
      </c>
    </row>
    <row r="2616" spans="1:10" x14ac:dyDescent="0.25">
      <c r="A2616">
        <v>18</v>
      </c>
      <c r="B2616">
        <v>108.446</v>
      </c>
      <c r="C2616">
        <v>119.93899999999999</v>
      </c>
      <c r="D2616">
        <v>187.18</v>
      </c>
      <c r="E2616">
        <v>7795.28</v>
      </c>
      <c r="F2616">
        <v>10800</v>
      </c>
      <c r="G2616">
        <v>21146.5</v>
      </c>
      <c r="H2616">
        <v>1.9684999999999999</v>
      </c>
      <c r="I2616">
        <v>22130.2</v>
      </c>
      <c r="J2616">
        <v>40.321599999999997</v>
      </c>
    </row>
    <row r="2617" spans="1:10" x14ac:dyDescent="0.25">
      <c r="A2617">
        <v>18</v>
      </c>
      <c r="B2617">
        <v>108.919</v>
      </c>
      <c r="C2617">
        <v>119.93899999999999</v>
      </c>
      <c r="D2617">
        <v>189.68700000000001</v>
      </c>
      <c r="E2617">
        <v>10091.299999999999</v>
      </c>
      <c r="F2617">
        <v>10800</v>
      </c>
      <c r="G2617">
        <v>19955.900000000001</v>
      </c>
      <c r="H2617">
        <v>2.2283499999999998</v>
      </c>
      <c r="I2617">
        <v>24028.5</v>
      </c>
      <c r="J2617">
        <v>19.968</v>
      </c>
    </row>
    <row r="2618" spans="1:10" x14ac:dyDescent="0.25">
      <c r="A2618">
        <v>18</v>
      </c>
      <c r="B2618">
        <v>108.919</v>
      </c>
      <c r="C2618">
        <v>119.625</v>
      </c>
      <c r="D2618">
        <v>189.68700000000001</v>
      </c>
      <c r="E2618">
        <v>7370.08</v>
      </c>
      <c r="F2618">
        <v>10800</v>
      </c>
      <c r="G2618">
        <v>18595.3</v>
      </c>
      <c r="H2618">
        <v>3.64567</v>
      </c>
      <c r="I2618">
        <v>20417.5</v>
      </c>
      <c r="J2618">
        <v>42.219099999999997</v>
      </c>
    </row>
    <row r="2619" spans="1:10" x14ac:dyDescent="0.25">
      <c r="A2619">
        <v>18</v>
      </c>
      <c r="B2619">
        <v>108.446</v>
      </c>
      <c r="C2619">
        <v>114.598</v>
      </c>
      <c r="D2619">
        <v>186.86600000000001</v>
      </c>
      <c r="E2619">
        <v>7710.24</v>
      </c>
      <c r="F2619">
        <v>10800</v>
      </c>
      <c r="G2619">
        <v>28119.7</v>
      </c>
      <c r="H2619">
        <v>2.3936999999999999</v>
      </c>
      <c r="I2619">
        <v>21618.799999999999</v>
      </c>
      <c r="J2619">
        <v>63.366399999999999</v>
      </c>
    </row>
    <row r="2620" spans="1:10" x14ac:dyDescent="0.25">
      <c r="A2620">
        <v>18</v>
      </c>
      <c r="B2620">
        <v>108.919</v>
      </c>
      <c r="C2620">
        <v>119.625</v>
      </c>
      <c r="D2620">
        <v>189.68700000000001</v>
      </c>
      <c r="E2620">
        <v>7370.08</v>
      </c>
      <c r="F2620">
        <v>10800</v>
      </c>
      <c r="G2620">
        <v>11792.1</v>
      </c>
      <c r="H2620">
        <v>3.4330699999999998</v>
      </c>
      <c r="I2620">
        <v>20370.099999999999</v>
      </c>
      <c r="J2620">
        <v>40.6494</v>
      </c>
    </row>
    <row r="2621" spans="1:10" x14ac:dyDescent="0.25">
      <c r="A2621">
        <v>18</v>
      </c>
      <c r="B2621">
        <v>109.155</v>
      </c>
      <c r="C2621">
        <v>118.369</v>
      </c>
      <c r="D2621">
        <v>189.68700000000001</v>
      </c>
      <c r="E2621">
        <v>10091.299999999999</v>
      </c>
      <c r="F2621">
        <v>10800</v>
      </c>
      <c r="G2621">
        <v>19955.900000000001</v>
      </c>
      <c r="H2621">
        <v>1.40157</v>
      </c>
      <c r="I2621">
        <v>25253.200000000001</v>
      </c>
      <c r="J2621">
        <v>18.960899999999999</v>
      </c>
    </row>
    <row r="2622" spans="1:10" x14ac:dyDescent="0.25">
      <c r="A2622">
        <v>18</v>
      </c>
      <c r="B2622">
        <v>109.155</v>
      </c>
      <c r="C2622">
        <v>128.73599999999999</v>
      </c>
      <c r="D2622">
        <v>189.68700000000001</v>
      </c>
      <c r="E2622">
        <v>7370.08</v>
      </c>
      <c r="F2622">
        <v>10800</v>
      </c>
      <c r="G2622">
        <v>19785.8</v>
      </c>
      <c r="H2622">
        <v>3.4094500000000001</v>
      </c>
      <c r="I2622">
        <v>20964.3</v>
      </c>
      <c r="J2622">
        <v>27.779299999999999</v>
      </c>
    </row>
    <row r="2623" spans="1:10" x14ac:dyDescent="0.25">
      <c r="A2623">
        <v>18</v>
      </c>
      <c r="B2623">
        <v>108.68300000000001</v>
      </c>
      <c r="C2623">
        <v>118.369</v>
      </c>
      <c r="D2623">
        <v>190</v>
      </c>
      <c r="E2623">
        <v>10091.299999999999</v>
      </c>
      <c r="F2623">
        <v>10800</v>
      </c>
      <c r="G2623">
        <v>19955.900000000001</v>
      </c>
      <c r="H2623">
        <v>1.40157</v>
      </c>
      <c r="I2623">
        <v>25363.200000000001</v>
      </c>
      <c r="J2623">
        <v>18.910900000000002</v>
      </c>
    </row>
    <row r="2624" spans="1:10" x14ac:dyDescent="0.25">
      <c r="A2624">
        <v>18</v>
      </c>
      <c r="B2624">
        <v>108.446</v>
      </c>
      <c r="C2624">
        <v>118.369</v>
      </c>
      <c r="D2624">
        <v>190</v>
      </c>
      <c r="E2624">
        <v>10431.5</v>
      </c>
      <c r="F2624">
        <v>10800</v>
      </c>
      <c r="G2624">
        <v>18595.3</v>
      </c>
      <c r="H2624">
        <v>1.3070900000000001</v>
      </c>
      <c r="I2624">
        <v>25969.8</v>
      </c>
      <c r="J2624">
        <v>17.733799999999999</v>
      </c>
    </row>
    <row r="2625" spans="1:10" x14ac:dyDescent="0.25">
      <c r="A2625">
        <v>18</v>
      </c>
      <c r="B2625">
        <v>109.155</v>
      </c>
      <c r="C2625">
        <v>124.652</v>
      </c>
      <c r="D2625">
        <v>189.37299999999999</v>
      </c>
      <c r="E2625">
        <v>7370.08</v>
      </c>
      <c r="F2625">
        <v>10800</v>
      </c>
      <c r="G2625">
        <v>19955.900000000001</v>
      </c>
      <c r="H2625">
        <v>3.8582700000000001</v>
      </c>
      <c r="I2625">
        <v>20425.900000000001</v>
      </c>
      <c r="J2625">
        <v>33.058799999999998</v>
      </c>
    </row>
    <row r="2626" spans="1:10" x14ac:dyDescent="0.25">
      <c r="A2626">
        <v>18</v>
      </c>
      <c r="B2626">
        <v>108.446</v>
      </c>
      <c r="C2626">
        <v>118.369</v>
      </c>
      <c r="D2626">
        <v>187.18</v>
      </c>
      <c r="E2626">
        <v>10091.299999999999</v>
      </c>
      <c r="F2626">
        <v>10800</v>
      </c>
      <c r="G2626">
        <v>19955.900000000001</v>
      </c>
      <c r="H2626">
        <v>1.40157</v>
      </c>
      <c r="I2626">
        <v>25389.1</v>
      </c>
      <c r="J2626">
        <v>18.889700000000001</v>
      </c>
    </row>
    <row r="2627" spans="1:10" x14ac:dyDescent="0.25">
      <c r="A2627">
        <v>18</v>
      </c>
      <c r="B2627">
        <v>110.1</v>
      </c>
      <c r="C2627">
        <v>123.395</v>
      </c>
      <c r="D2627">
        <v>189.68700000000001</v>
      </c>
      <c r="E2627">
        <v>7370.08</v>
      </c>
      <c r="F2627">
        <v>10800</v>
      </c>
      <c r="G2627">
        <v>18595.3</v>
      </c>
      <c r="H2627">
        <v>3.10236</v>
      </c>
      <c r="I2627">
        <v>21051.4</v>
      </c>
      <c r="J2627">
        <v>24.819800000000001</v>
      </c>
    </row>
    <row r="2628" spans="1:10" x14ac:dyDescent="0.25">
      <c r="A2628">
        <v>18</v>
      </c>
      <c r="B2628">
        <v>108.919</v>
      </c>
      <c r="C2628">
        <v>119.93899999999999</v>
      </c>
      <c r="D2628">
        <v>189.68700000000001</v>
      </c>
      <c r="E2628">
        <v>10091.299999999999</v>
      </c>
      <c r="F2628">
        <v>10800</v>
      </c>
      <c r="G2628">
        <v>19955.900000000001</v>
      </c>
      <c r="H2628">
        <v>2.2283499999999998</v>
      </c>
      <c r="I2628">
        <v>24028.5</v>
      </c>
      <c r="J2628">
        <v>19.968</v>
      </c>
    </row>
    <row r="2629" spans="1:10" x14ac:dyDescent="0.25">
      <c r="A2629">
        <v>18</v>
      </c>
      <c r="B2629">
        <v>105.848</v>
      </c>
      <c r="C2629">
        <v>114.913</v>
      </c>
      <c r="D2629">
        <v>189.06</v>
      </c>
      <c r="E2629">
        <v>7710.24</v>
      </c>
      <c r="F2629">
        <v>14881.9</v>
      </c>
      <c r="G2629">
        <v>22677.200000000001</v>
      </c>
      <c r="H2629">
        <v>1.09449</v>
      </c>
      <c r="I2629">
        <v>28153.9</v>
      </c>
      <c r="J2629">
        <v>16.915900000000001</v>
      </c>
    </row>
    <row r="2630" spans="1:10" x14ac:dyDescent="0.25">
      <c r="A2630">
        <v>18</v>
      </c>
      <c r="B2630">
        <v>102.777</v>
      </c>
      <c r="C2630">
        <v>123.081</v>
      </c>
      <c r="D2630">
        <v>182.47900000000001</v>
      </c>
      <c r="E2630">
        <v>7200</v>
      </c>
      <c r="F2630">
        <v>10800</v>
      </c>
      <c r="G2630">
        <v>19955.900000000001</v>
      </c>
      <c r="H2630">
        <v>3.7637800000000001</v>
      </c>
      <c r="I2630">
        <v>20089.900000000001</v>
      </c>
      <c r="J2630">
        <v>33.581899999999997</v>
      </c>
    </row>
    <row r="2631" spans="1:10" x14ac:dyDescent="0.25">
      <c r="A2631">
        <v>18</v>
      </c>
      <c r="B2631">
        <v>105.848</v>
      </c>
      <c r="C2631">
        <v>114.913</v>
      </c>
      <c r="D2631">
        <v>189.06</v>
      </c>
      <c r="E2631">
        <v>7710.24</v>
      </c>
      <c r="F2631">
        <v>14881.9</v>
      </c>
      <c r="G2631">
        <v>22677.200000000001</v>
      </c>
      <c r="H2631">
        <v>1.09449</v>
      </c>
      <c r="I2631">
        <v>28153.9</v>
      </c>
      <c r="J2631">
        <v>16.915900000000001</v>
      </c>
    </row>
    <row r="2632" spans="1:10" x14ac:dyDescent="0.25">
      <c r="A2632">
        <v>18</v>
      </c>
      <c r="B2632">
        <v>110.1</v>
      </c>
      <c r="C2632">
        <v>123.395</v>
      </c>
      <c r="D2632">
        <v>189.06</v>
      </c>
      <c r="E2632">
        <v>7710.24</v>
      </c>
      <c r="F2632">
        <v>10800</v>
      </c>
      <c r="G2632">
        <v>19955.900000000001</v>
      </c>
      <c r="H2632">
        <v>1.6377999999999999</v>
      </c>
      <c r="I2632">
        <v>22282.799999999999</v>
      </c>
      <c r="J2632">
        <v>20.198799999999999</v>
      </c>
    </row>
    <row r="2633" spans="1:10" x14ac:dyDescent="0.25">
      <c r="A2633">
        <v>18</v>
      </c>
      <c r="B2633">
        <v>102.777</v>
      </c>
      <c r="C2633">
        <v>123.081</v>
      </c>
      <c r="D2633">
        <v>182.47900000000001</v>
      </c>
      <c r="E2633">
        <v>7200</v>
      </c>
      <c r="F2633">
        <v>10800</v>
      </c>
      <c r="G2633">
        <v>19955.900000000001</v>
      </c>
      <c r="H2633">
        <v>3.7637800000000001</v>
      </c>
      <c r="I2633">
        <v>20089.900000000001</v>
      </c>
      <c r="J2633">
        <v>33.581899999999997</v>
      </c>
    </row>
    <row r="2634" spans="1:10" x14ac:dyDescent="0.25">
      <c r="A2634">
        <v>18</v>
      </c>
      <c r="B2634">
        <v>105.848</v>
      </c>
      <c r="C2634">
        <v>114.913</v>
      </c>
      <c r="D2634">
        <v>189.06</v>
      </c>
      <c r="E2634">
        <v>7710.24</v>
      </c>
      <c r="F2634">
        <v>14881.9</v>
      </c>
      <c r="G2634">
        <v>22677.200000000001</v>
      </c>
      <c r="H2634">
        <v>1.09449</v>
      </c>
      <c r="I2634">
        <v>28153.9</v>
      </c>
      <c r="J2634">
        <v>16.915900000000001</v>
      </c>
    </row>
    <row r="2635" spans="1:10" x14ac:dyDescent="0.25">
      <c r="A2635">
        <v>18</v>
      </c>
      <c r="B2635">
        <v>110.1</v>
      </c>
      <c r="C2635">
        <v>123.395</v>
      </c>
      <c r="D2635">
        <v>189.06</v>
      </c>
      <c r="E2635">
        <v>7710.24</v>
      </c>
      <c r="F2635">
        <v>10800</v>
      </c>
      <c r="G2635">
        <v>19955.900000000001</v>
      </c>
      <c r="H2635">
        <v>1.6377999999999999</v>
      </c>
      <c r="I2635">
        <v>22282.799999999999</v>
      </c>
      <c r="J2635">
        <v>20.198799999999999</v>
      </c>
    </row>
    <row r="2636" spans="1:10" x14ac:dyDescent="0.25">
      <c r="A2636">
        <v>18</v>
      </c>
      <c r="B2636">
        <v>102.777</v>
      </c>
      <c r="C2636">
        <v>123.081</v>
      </c>
      <c r="D2636">
        <v>182.47900000000001</v>
      </c>
      <c r="E2636">
        <v>7200</v>
      </c>
      <c r="F2636">
        <v>10800</v>
      </c>
      <c r="G2636">
        <v>19955.900000000001</v>
      </c>
      <c r="H2636">
        <v>3.7637800000000001</v>
      </c>
      <c r="I2636">
        <v>20089.900000000001</v>
      </c>
      <c r="J2636">
        <v>33.581899999999997</v>
      </c>
    </row>
    <row r="2637" spans="1:10" x14ac:dyDescent="0.25">
      <c r="A2637">
        <v>18</v>
      </c>
      <c r="B2637">
        <v>102.777</v>
      </c>
      <c r="C2637">
        <v>123.081</v>
      </c>
      <c r="D2637">
        <v>182.47900000000001</v>
      </c>
      <c r="E2637">
        <v>7200</v>
      </c>
      <c r="F2637">
        <v>10800</v>
      </c>
      <c r="G2637">
        <v>19955.900000000001</v>
      </c>
      <c r="H2637">
        <v>3.7637800000000001</v>
      </c>
      <c r="I2637">
        <v>20089.900000000001</v>
      </c>
      <c r="J2637">
        <v>33.581899999999997</v>
      </c>
    </row>
    <row r="2638" spans="1:10" x14ac:dyDescent="0.25">
      <c r="A2638">
        <v>18</v>
      </c>
      <c r="B2638">
        <v>110.1</v>
      </c>
      <c r="C2638">
        <v>123.395</v>
      </c>
      <c r="D2638">
        <v>189.06</v>
      </c>
      <c r="E2638">
        <v>7710.24</v>
      </c>
      <c r="F2638">
        <v>10800</v>
      </c>
      <c r="G2638">
        <v>19955.900000000001</v>
      </c>
      <c r="H2638">
        <v>1.6377999999999999</v>
      </c>
      <c r="I2638">
        <v>22282.799999999999</v>
      </c>
      <c r="J2638">
        <v>20.198799999999999</v>
      </c>
    </row>
    <row r="2639" spans="1:10" x14ac:dyDescent="0.25">
      <c r="A2639">
        <v>18</v>
      </c>
      <c r="B2639">
        <v>102.777</v>
      </c>
      <c r="C2639">
        <v>123.081</v>
      </c>
      <c r="D2639">
        <v>182.47900000000001</v>
      </c>
      <c r="E2639">
        <v>7200</v>
      </c>
      <c r="F2639">
        <v>10800</v>
      </c>
      <c r="G2639">
        <v>19955.900000000001</v>
      </c>
      <c r="H2639">
        <v>3.7637800000000001</v>
      </c>
      <c r="I2639">
        <v>20089.900000000001</v>
      </c>
      <c r="J2639">
        <v>33.581899999999997</v>
      </c>
    </row>
    <row r="2640" spans="1:10" x14ac:dyDescent="0.25">
      <c r="A2640">
        <v>18</v>
      </c>
      <c r="B2640">
        <v>102.777</v>
      </c>
      <c r="C2640">
        <v>123.081</v>
      </c>
      <c r="D2640">
        <v>182.47900000000001</v>
      </c>
      <c r="E2640">
        <v>7200</v>
      </c>
      <c r="F2640">
        <v>10800</v>
      </c>
      <c r="G2640">
        <v>19955.900000000001</v>
      </c>
      <c r="H2640">
        <v>3.7637800000000001</v>
      </c>
      <c r="I2640">
        <v>20089.900000000001</v>
      </c>
      <c r="J2640">
        <v>33.581899999999997</v>
      </c>
    </row>
    <row r="2641" spans="1:10" x14ac:dyDescent="0.25">
      <c r="A2641">
        <v>18</v>
      </c>
      <c r="B2641">
        <v>108.446</v>
      </c>
      <c r="C2641">
        <v>118.369</v>
      </c>
      <c r="D2641">
        <v>190</v>
      </c>
      <c r="E2641">
        <v>10431.5</v>
      </c>
      <c r="F2641">
        <v>10800</v>
      </c>
      <c r="G2641">
        <v>19615.7</v>
      </c>
      <c r="H2641">
        <v>1.1181099999999999</v>
      </c>
      <c r="I2641">
        <v>26815.1</v>
      </c>
      <c r="J2641">
        <v>17.5837</v>
      </c>
    </row>
    <row r="2642" spans="1:10" x14ac:dyDescent="0.25">
      <c r="A2642">
        <v>18</v>
      </c>
      <c r="B2642">
        <v>108.919</v>
      </c>
      <c r="C2642">
        <v>118.369</v>
      </c>
      <c r="D2642">
        <v>189.68700000000001</v>
      </c>
      <c r="E2642">
        <v>10431.5</v>
      </c>
      <c r="F2642">
        <v>10800</v>
      </c>
      <c r="G2642">
        <v>19955.900000000001</v>
      </c>
      <c r="H2642">
        <v>1.4960599999999999</v>
      </c>
      <c r="I2642">
        <v>25565.9</v>
      </c>
      <c r="J2642">
        <v>18.1692</v>
      </c>
    </row>
    <row r="2643" spans="1:10" x14ac:dyDescent="0.25">
      <c r="A2643">
        <v>18</v>
      </c>
      <c r="B2643">
        <v>110.1</v>
      </c>
      <c r="C2643">
        <v>123.395</v>
      </c>
      <c r="D2643">
        <v>189.06</v>
      </c>
      <c r="E2643">
        <v>7370.08</v>
      </c>
      <c r="F2643">
        <v>10800</v>
      </c>
      <c r="G2643">
        <v>21316.5</v>
      </c>
      <c r="H2643">
        <v>3.0787399999999998</v>
      </c>
      <c r="I2643">
        <v>21028.799999999999</v>
      </c>
      <c r="J2643">
        <v>25.227799999999998</v>
      </c>
    </row>
    <row r="2644" spans="1:10" x14ac:dyDescent="0.25">
      <c r="A2644">
        <v>18</v>
      </c>
      <c r="B2644">
        <v>110.1</v>
      </c>
      <c r="C2644">
        <v>123.395</v>
      </c>
      <c r="D2644">
        <v>189.06</v>
      </c>
      <c r="E2644">
        <v>7710.24</v>
      </c>
      <c r="F2644">
        <v>10800</v>
      </c>
      <c r="G2644">
        <v>19955.900000000001</v>
      </c>
      <c r="H2644">
        <v>1.6377999999999999</v>
      </c>
      <c r="I2644">
        <v>22282.799999999999</v>
      </c>
      <c r="J2644">
        <v>20.198799999999999</v>
      </c>
    </row>
    <row r="2645" spans="1:10" x14ac:dyDescent="0.25">
      <c r="A2645">
        <v>18</v>
      </c>
      <c r="B2645">
        <v>106.79300000000001</v>
      </c>
      <c r="C2645">
        <v>124.024</v>
      </c>
      <c r="D2645">
        <v>184.04599999999999</v>
      </c>
      <c r="E2645">
        <v>10516.5</v>
      </c>
      <c r="F2645">
        <v>19984.3</v>
      </c>
      <c r="G2645">
        <v>20636.2</v>
      </c>
      <c r="H2645">
        <v>2.25197</v>
      </c>
      <c r="I2645">
        <v>36430.5</v>
      </c>
      <c r="J2645">
        <v>16.778199999999998</v>
      </c>
    </row>
    <row r="2646" spans="1:10" x14ac:dyDescent="0.25">
      <c r="A2646">
        <v>18</v>
      </c>
      <c r="B2646">
        <v>102.777</v>
      </c>
      <c r="C2646">
        <v>123.081</v>
      </c>
      <c r="D2646">
        <v>182.47900000000001</v>
      </c>
      <c r="E2646">
        <v>7200</v>
      </c>
      <c r="F2646">
        <v>10800</v>
      </c>
      <c r="G2646">
        <v>19955.900000000001</v>
      </c>
      <c r="H2646">
        <v>3.7637800000000001</v>
      </c>
      <c r="I2646">
        <v>20089.900000000001</v>
      </c>
      <c r="J2646">
        <v>33.581899999999997</v>
      </c>
    </row>
    <row r="2647" spans="1:10" x14ac:dyDescent="0.25">
      <c r="A2647">
        <v>18</v>
      </c>
      <c r="B2647">
        <v>110.1</v>
      </c>
      <c r="C2647">
        <v>123.395</v>
      </c>
      <c r="D2647">
        <v>189.06</v>
      </c>
      <c r="E2647">
        <v>7370.08</v>
      </c>
      <c r="F2647">
        <v>10800</v>
      </c>
      <c r="G2647">
        <v>21316.5</v>
      </c>
      <c r="H2647">
        <v>3.0787399999999998</v>
      </c>
      <c r="I2647">
        <v>21028.799999999999</v>
      </c>
      <c r="J2647">
        <v>25.227799999999998</v>
      </c>
    </row>
    <row r="2648" spans="1:10" x14ac:dyDescent="0.25">
      <c r="A2648">
        <v>18</v>
      </c>
      <c r="B2648">
        <v>108.446</v>
      </c>
      <c r="C2648">
        <v>118.369</v>
      </c>
      <c r="D2648">
        <v>190</v>
      </c>
      <c r="E2648">
        <v>10431.5</v>
      </c>
      <c r="F2648">
        <v>10800</v>
      </c>
      <c r="G2648">
        <v>19615.7</v>
      </c>
      <c r="H2648">
        <v>1.1181099999999999</v>
      </c>
      <c r="I2648">
        <v>26815.1</v>
      </c>
      <c r="J2648">
        <v>17.5837</v>
      </c>
    </row>
    <row r="2649" spans="1:10" x14ac:dyDescent="0.25">
      <c r="A2649">
        <v>18</v>
      </c>
      <c r="B2649">
        <v>108.446</v>
      </c>
      <c r="C2649">
        <v>118.369</v>
      </c>
      <c r="D2649">
        <v>190</v>
      </c>
      <c r="E2649">
        <v>10431.5</v>
      </c>
      <c r="F2649">
        <v>10800</v>
      </c>
      <c r="G2649">
        <v>19615.7</v>
      </c>
      <c r="H2649">
        <v>1.1181099999999999</v>
      </c>
      <c r="I2649">
        <v>26815.1</v>
      </c>
      <c r="J2649">
        <v>17.5837</v>
      </c>
    </row>
    <row r="2650" spans="1:10" x14ac:dyDescent="0.25">
      <c r="A2650">
        <v>18</v>
      </c>
      <c r="B2650">
        <v>110.1</v>
      </c>
      <c r="C2650">
        <v>123.395</v>
      </c>
      <c r="D2650">
        <v>189.06</v>
      </c>
      <c r="E2650">
        <v>7710.24</v>
      </c>
      <c r="F2650">
        <v>10800</v>
      </c>
      <c r="G2650">
        <v>19955.900000000001</v>
      </c>
      <c r="H2650">
        <v>1.6377999999999999</v>
      </c>
      <c r="I2650">
        <v>22282.799999999999</v>
      </c>
      <c r="J2650">
        <v>20.198799999999999</v>
      </c>
    </row>
    <row r="2651" spans="1:10" x14ac:dyDescent="0.25">
      <c r="A2651">
        <v>18</v>
      </c>
      <c r="B2651">
        <v>102.777</v>
      </c>
      <c r="C2651">
        <v>123.081</v>
      </c>
      <c r="D2651">
        <v>182.47900000000001</v>
      </c>
      <c r="E2651">
        <v>7200</v>
      </c>
      <c r="F2651">
        <v>10800</v>
      </c>
      <c r="G2651">
        <v>19955.900000000001</v>
      </c>
      <c r="H2651">
        <v>3.7637800000000001</v>
      </c>
      <c r="I2651">
        <v>20089.900000000001</v>
      </c>
      <c r="J2651">
        <v>33.581899999999997</v>
      </c>
    </row>
    <row r="2652" spans="1:10" x14ac:dyDescent="0.25">
      <c r="A2652">
        <v>18</v>
      </c>
      <c r="B2652">
        <v>102.777</v>
      </c>
      <c r="C2652">
        <v>123.081</v>
      </c>
      <c r="D2652">
        <v>182.47900000000001</v>
      </c>
      <c r="E2652">
        <v>7200</v>
      </c>
      <c r="F2652">
        <v>10800</v>
      </c>
      <c r="G2652">
        <v>19955.900000000001</v>
      </c>
      <c r="H2652">
        <v>3.7637800000000001</v>
      </c>
      <c r="I2652">
        <v>20089.900000000001</v>
      </c>
      <c r="J2652">
        <v>33.581899999999997</v>
      </c>
    </row>
    <row r="2653" spans="1:10" x14ac:dyDescent="0.25">
      <c r="A2653">
        <v>18</v>
      </c>
      <c r="B2653">
        <v>110.1</v>
      </c>
      <c r="C2653">
        <v>123.395</v>
      </c>
      <c r="D2653">
        <v>189.06</v>
      </c>
      <c r="E2653">
        <v>7710.24</v>
      </c>
      <c r="F2653">
        <v>10800</v>
      </c>
      <c r="G2653">
        <v>19955.900000000001</v>
      </c>
      <c r="H2653">
        <v>1.6377999999999999</v>
      </c>
      <c r="I2653">
        <v>22282.799999999999</v>
      </c>
      <c r="J2653">
        <v>20.198799999999999</v>
      </c>
    </row>
    <row r="2654" spans="1:10" x14ac:dyDescent="0.25">
      <c r="A2654">
        <v>18</v>
      </c>
      <c r="B2654">
        <v>108.446</v>
      </c>
      <c r="C2654">
        <v>119.625</v>
      </c>
      <c r="D2654">
        <v>189.68700000000001</v>
      </c>
      <c r="E2654">
        <v>9070.8700000000008</v>
      </c>
      <c r="F2654">
        <v>10800</v>
      </c>
      <c r="G2654">
        <v>19955.900000000001</v>
      </c>
      <c r="H2654">
        <v>1.4960599999999999</v>
      </c>
      <c r="I2654">
        <v>24098.3</v>
      </c>
      <c r="J2654">
        <v>19.2303</v>
      </c>
    </row>
    <row r="2655" spans="1:10" x14ac:dyDescent="0.25">
      <c r="A2655">
        <v>18</v>
      </c>
      <c r="B2655">
        <v>102.777</v>
      </c>
      <c r="C2655">
        <v>123.081</v>
      </c>
      <c r="D2655">
        <v>182.47900000000001</v>
      </c>
      <c r="E2655">
        <v>7200</v>
      </c>
      <c r="F2655">
        <v>10800</v>
      </c>
      <c r="G2655">
        <v>19955.900000000001</v>
      </c>
      <c r="H2655">
        <v>3.7637800000000001</v>
      </c>
      <c r="I2655">
        <v>20089.900000000001</v>
      </c>
      <c r="J2655">
        <v>33.581899999999997</v>
      </c>
    </row>
    <row r="2656" spans="1:10" x14ac:dyDescent="0.25">
      <c r="A2656">
        <v>18</v>
      </c>
      <c r="B2656">
        <v>110.1</v>
      </c>
      <c r="C2656">
        <v>123.395</v>
      </c>
      <c r="D2656">
        <v>189.06</v>
      </c>
      <c r="E2656">
        <v>7710.24</v>
      </c>
      <c r="F2656">
        <v>10800</v>
      </c>
      <c r="G2656">
        <v>19955.900000000001</v>
      </c>
      <c r="H2656">
        <v>1.6377999999999999</v>
      </c>
      <c r="I2656">
        <v>22282.799999999999</v>
      </c>
      <c r="J2656">
        <v>20.198799999999999</v>
      </c>
    </row>
    <row r="2657" spans="1:10" x14ac:dyDescent="0.25">
      <c r="A2657">
        <v>18</v>
      </c>
      <c r="B2657">
        <v>110.1</v>
      </c>
      <c r="C2657">
        <v>123.395</v>
      </c>
      <c r="D2657">
        <v>189.06</v>
      </c>
      <c r="E2657">
        <v>7710.24</v>
      </c>
      <c r="F2657">
        <v>10800</v>
      </c>
      <c r="G2657">
        <v>19955.900000000001</v>
      </c>
      <c r="H2657">
        <v>1.6377999999999999</v>
      </c>
      <c r="I2657">
        <v>22282.799999999999</v>
      </c>
      <c r="J2657">
        <v>20.198799999999999</v>
      </c>
    </row>
    <row r="2658" spans="1:10" x14ac:dyDescent="0.25">
      <c r="A2658">
        <v>18</v>
      </c>
      <c r="B2658">
        <v>108.446</v>
      </c>
      <c r="C2658">
        <v>117.74</v>
      </c>
      <c r="D2658">
        <v>189.68700000000001</v>
      </c>
      <c r="E2658">
        <v>9921.26</v>
      </c>
      <c r="F2658">
        <v>10800</v>
      </c>
      <c r="G2658">
        <v>18595.3</v>
      </c>
      <c r="H2658">
        <v>1.1653500000000001</v>
      </c>
      <c r="I2658">
        <v>25881.9</v>
      </c>
      <c r="J2658">
        <v>18.015799999999999</v>
      </c>
    </row>
    <row r="2659" spans="1:10" x14ac:dyDescent="0.25">
      <c r="A2659">
        <v>18</v>
      </c>
      <c r="B2659">
        <v>109.155</v>
      </c>
      <c r="C2659">
        <v>128.422</v>
      </c>
      <c r="D2659">
        <v>189.68700000000001</v>
      </c>
      <c r="E2659">
        <v>7370.08</v>
      </c>
      <c r="F2659">
        <v>10800</v>
      </c>
      <c r="G2659">
        <v>22507.1</v>
      </c>
      <c r="H2659">
        <v>3.3149600000000001</v>
      </c>
      <c r="I2659">
        <v>20692</v>
      </c>
      <c r="J2659">
        <v>28.869900000000001</v>
      </c>
    </row>
    <row r="2660" spans="1:10" x14ac:dyDescent="0.25">
      <c r="A2660">
        <v>18</v>
      </c>
      <c r="B2660">
        <v>108.446</v>
      </c>
      <c r="C2660">
        <v>119.625</v>
      </c>
      <c r="D2660">
        <v>189.68700000000001</v>
      </c>
      <c r="E2660">
        <v>9070.8700000000008</v>
      </c>
      <c r="F2660">
        <v>10800</v>
      </c>
      <c r="G2660">
        <v>19955.900000000001</v>
      </c>
      <c r="H2660">
        <v>1.4960599999999999</v>
      </c>
      <c r="I2660">
        <v>24098.3</v>
      </c>
      <c r="J2660">
        <v>19.2303</v>
      </c>
    </row>
    <row r="2661" spans="1:10" x14ac:dyDescent="0.25">
      <c r="A2661">
        <v>19</v>
      </c>
      <c r="B2661">
        <v>110.1</v>
      </c>
      <c r="C2661">
        <v>123.395</v>
      </c>
      <c r="D2661">
        <v>189.68700000000001</v>
      </c>
      <c r="E2661">
        <v>7370.08</v>
      </c>
      <c r="F2661">
        <v>10800</v>
      </c>
      <c r="G2661">
        <v>18595.3</v>
      </c>
      <c r="H2661">
        <v>3.10236</v>
      </c>
      <c r="I2661">
        <v>21051.4</v>
      </c>
      <c r="J2661">
        <v>24.819800000000001</v>
      </c>
    </row>
    <row r="2662" spans="1:10" x14ac:dyDescent="0.25">
      <c r="A2662">
        <v>19</v>
      </c>
      <c r="B2662">
        <v>109.39100000000001</v>
      </c>
      <c r="C2662">
        <v>124.652</v>
      </c>
      <c r="D2662">
        <v>189.37299999999999</v>
      </c>
      <c r="E2662">
        <v>7370.08</v>
      </c>
      <c r="F2662">
        <v>10800</v>
      </c>
      <c r="G2662">
        <v>18595.3</v>
      </c>
      <c r="H2662">
        <v>3.9527600000000001</v>
      </c>
      <c r="I2662">
        <v>20129.400000000001</v>
      </c>
      <c r="J2662">
        <v>53.995899999999999</v>
      </c>
    </row>
    <row r="2663" spans="1:10" x14ac:dyDescent="0.25">
      <c r="A2663">
        <v>19</v>
      </c>
      <c r="B2663">
        <v>110.1</v>
      </c>
      <c r="C2663">
        <v>123.395</v>
      </c>
      <c r="D2663">
        <v>189.06</v>
      </c>
      <c r="E2663">
        <v>7710.24</v>
      </c>
      <c r="F2663">
        <v>10800</v>
      </c>
      <c r="G2663">
        <v>19955.900000000001</v>
      </c>
      <c r="H2663">
        <v>1.6377999999999999</v>
      </c>
      <c r="I2663">
        <v>22282.799999999999</v>
      </c>
      <c r="J2663">
        <v>20.198799999999999</v>
      </c>
    </row>
    <row r="2664" spans="1:10" x14ac:dyDescent="0.25">
      <c r="A2664">
        <v>19</v>
      </c>
      <c r="B2664">
        <v>109.155</v>
      </c>
      <c r="C2664">
        <v>124.652</v>
      </c>
      <c r="D2664">
        <v>189.37299999999999</v>
      </c>
      <c r="E2664">
        <v>7370.08</v>
      </c>
      <c r="F2664">
        <v>10800</v>
      </c>
      <c r="G2664">
        <v>19955.900000000001</v>
      </c>
      <c r="H2664">
        <v>3.8582700000000001</v>
      </c>
      <c r="I2664">
        <v>20425.900000000001</v>
      </c>
      <c r="J2664">
        <v>33.058799999999998</v>
      </c>
    </row>
    <row r="2665" spans="1:10" x14ac:dyDescent="0.25">
      <c r="A2665">
        <v>19</v>
      </c>
      <c r="B2665">
        <v>108.919</v>
      </c>
      <c r="C2665">
        <v>119.93899999999999</v>
      </c>
      <c r="D2665">
        <v>189.68700000000001</v>
      </c>
      <c r="E2665">
        <v>10091.299999999999</v>
      </c>
      <c r="F2665">
        <v>10800</v>
      </c>
      <c r="G2665">
        <v>19955.900000000001</v>
      </c>
      <c r="H2665">
        <v>2.2283499999999998</v>
      </c>
      <c r="I2665">
        <v>24028.5</v>
      </c>
      <c r="J2665">
        <v>19.968</v>
      </c>
    </row>
    <row r="2666" spans="1:10" x14ac:dyDescent="0.25">
      <c r="A2666">
        <v>19</v>
      </c>
      <c r="B2666">
        <v>109.628</v>
      </c>
      <c r="C2666">
        <v>119.93899999999999</v>
      </c>
      <c r="D2666">
        <v>187.18</v>
      </c>
      <c r="E2666">
        <v>7795.28</v>
      </c>
      <c r="F2666">
        <v>10800</v>
      </c>
      <c r="G2666">
        <v>19955.900000000001</v>
      </c>
      <c r="H2666">
        <v>2.4645700000000001</v>
      </c>
      <c r="I2666">
        <v>21409.7</v>
      </c>
      <c r="J2666">
        <v>31.7088</v>
      </c>
    </row>
    <row r="2667" spans="1:10" x14ac:dyDescent="0.25">
      <c r="A2667">
        <v>19</v>
      </c>
      <c r="B2667">
        <v>109.628</v>
      </c>
      <c r="C2667">
        <v>123.395</v>
      </c>
      <c r="D2667">
        <v>189.68700000000001</v>
      </c>
      <c r="E2667">
        <v>7370.08</v>
      </c>
      <c r="F2667">
        <v>10800</v>
      </c>
      <c r="G2667">
        <v>9070.8700000000008</v>
      </c>
      <c r="H2667">
        <v>3.9291299999999998</v>
      </c>
      <c r="I2667">
        <v>20171.7</v>
      </c>
      <c r="J2667">
        <v>60.180199999999999</v>
      </c>
    </row>
    <row r="2668" spans="1:10" x14ac:dyDescent="0.25">
      <c r="A2668">
        <v>19</v>
      </c>
      <c r="B2668">
        <v>108.446</v>
      </c>
      <c r="C2668">
        <v>119.625</v>
      </c>
      <c r="D2668">
        <v>190</v>
      </c>
      <c r="E2668">
        <v>10431.5</v>
      </c>
      <c r="F2668">
        <v>10800</v>
      </c>
      <c r="G2668">
        <v>19785.8</v>
      </c>
      <c r="H2668">
        <v>2.6771699999999998</v>
      </c>
      <c r="I2668">
        <v>24009.3</v>
      </c>
      <c r="J2668">
        <v>22.031199999999998</v>
      </c>
    </row>
    <row r="2669" spans="1:10" x14ac:dyDescent="0.25">
      <c r="A2669">
        <v>19</v>
      </c>
      <c r="B2669">
        <v>109.864</v>
      </c>
      <c r="C2669">
        <v>119.625</v>
      </c>
      <c r="D2669">
        <v>189.68700000000001</v>
      </c>
      <c r="E2669">
        <v>7370.08</v>
      </c>
      <c r="F2669">
        <v>10800</v>
      </c>
      <c r="G2669">
        <v>18595.3</v>
      </c>
      <c r="H2669">
        <v>3.7873999999999999</v>
      </c>
      <c r="I2669">
        <v>20337</v>
      </c>
      <c r="J2669">
        <v>50.274000000000001</v>
      </c>
    </row>
    <row r="2670" spans="1:10" x14ac:dyDescent="0.25">
      <c r="A2670">
        <v>19</v>
      </c>
      <c r="B2670">
        <v>110.1</v>
      </c>
      <c r="C2670">
        <v>128.73599999999999</v>
      </c>
      <c r="D2670">
        <v>189.06</v>
      </c>
      <c r="E2670">
        <v>7710.24</v>
      </c>
      <c r="F2670">
        <v>10800</v>
      </c>
      <c r="G2670">
        <v>9070.8700000000008</v>
      </c>
      <c r="H2670">
        <v>1.6377999999999999</v>
      </c>
      <c r="I2670">
        <v>23032.1</v>
      </c>
      <c r="J2670">
        <v>97.665800000000004</v>
      </c>
    </row>
    <row r="2671" spans="1:10" x14ac:dyDescent="0.25">
      <c r="A2671">
        <v>19</v>
      </c>
      <c r="B2671">
        <v>109.155</v>
      </c>
      <c r="C2671">
        <v>119.625</v>
      </c>
      <c r="D2671">
        <v>189.68700000000001</v>
      </c>
      <c r="E2671">
        <v>7710.24</v>
      </c>
      <c r="F2671">
        <v>10800</v>
      </c>
      <c r="G2671">
        <v>22677.200000000001</v>
      </c>
      <c r="H2671">
        <v>3.4330699999999998</v>
      </c>
      <c r="I2671">
        <v>20840.8</v>
      </c>
      <c r="J2671">
        <v>40.3324</v>
      </c>
    </row>
    <row r="2672" spans="1:10" x14ac:dyDescent="0.25">
      <c r="A2672">
        <v>19</v>
      </c>
      <c r="B2672">
        <v>108.446</v>
      </c>
      <c r="C2672">
        <v>119.625</v>
      </c>
      <c r="D2672">
        <v>190</v>
      </c>
      <c r="E2672">
        <v>10091.299999999999</v>
      </c>
      <c r="F2672">
        <v>11055.1</v>
      </c>
      <c r="G2672">
        <v>18595.3</v>
      </c>
      <c r="H2672">
        <v>1.1653500000000001</v>
      </c>
      <c r="I2672">
        <v>26570.3</v>
      </c>
      <c r="J2672">
        <v>19.143799999999999</v>
      </c>
    </row>
    <row r="2673" spans="1:10" x14ac:dyDescent="0.25">
      <c r="A2673">
        <v>19</v>
      </c>
      <c r="B2673">
        <v>109.864</v>
      </c>
      <c r="C2673">
        <v>113.342</v>
      </c>
      <c r="D2673">
        <v>189.68700000000001</v>
      </c>
      <c r="E2673">
        <v>7710.24</v>
      </c>
      <c r="F2673">
        <v>10800</v>
      </c>
      <c r="G2673">
        <v>22677.200000000001</v>
      </c>
      <c r="H2673">
        <v>3.0551200000000001</v>
      </c>
      <c r="I2673">
        <v>21103</v>
      </c>
      <c r="J2673">
        <v>61.900500000000001</v>
      </c>
    </row>
    <row r="2674" spans="1:10" x14ac:dyDescent="0.25">
      <c r="A2674">
        <v>19</v>
      </c>
      <c r="B2674">
        <v>109.39100000000001</v>
      </c>
      <c r="C2674">
        <v>119.625</v>
      </c>
      <c r="D2674">
        <v>189.68700000000001</v>
      </c>
      <c r="E2674">
        <v>7370.08</v>
      </c>
      <c r="F2674">
        <v>10800</v>
      </c>
      <c r="G2674">
        <v>18595.3</v>
      </c>
      <c r="H2674">
        <v>3.55118</v>
      </c>
      <c r="I2674">
        <v>20464.7</v>
      </c>
      <c r="J2674">
        <v>41.542099999999998</v>
      </c>
    </row>
    <row r="2675" spans="1:10" x14ac:dyDescent="0.25">
      <c r="A2675">
        <v>19</v>
      </c>
      <c r="B2675">
        <v>108.446</v>
      </c>
      <c r="C2675">
        <v>118.369</v>
      </c>
      <c r="D2675">
        <v>190</v>
      </c>
      <c r="E2675">
        <v>10431.5</v>
      </c>
      <c r="F2675">
        <v>10800</v>
      </c>
      <c r="G2675">
        <v>19785.8</v>
      </c>
      <c r="H2675">
        <v>2.6299199999999998</v>
      </c>
      <c r="I2675">
        <v>23934.9</v>
      </c>
      <c r="J2675">
        <v>27.5977</v>
      </c>
    </row>
    <row r="2676" spans="1:10" x14ac:dyDescent="0.25">
      <c r="A2676">
        <v>19</v>
      </c>
      <c r="B2676">
        <v>109.39100000000001</v>
      </c>
      <c r="C2676">
        <v>114.598</v>
      </c>
      <c r="D2676">
        <v>189.68700000000001</v>
      </c>
      <c r="E2676">
        <v>10091.299999999999</v>
      </c>
      <c r="F2676">
        <v>10800</v>
      </c>
      <c r="G2676">
        <v>22677.200000000001</v>
      </c>
      <c r="H2676">
        <v>2.5354299999999999</v>
      </c>
      <c r="I2676">
        <v>23808.7</v>
      </c>
      <c r="J2676">
        <v>36.151699999999998</v>
      </c>
    </row>
    <row r="2677" spans="1:10" x14ac:dyDescent="0.25">
      <c r="A2677">
        <v>19</v>
      </c>
      <c r="B2677">
        <v>109.39100000000001</v>
      </c>
      <c r="C2677">
        <v>128.422</v>
      </c>
      <c r="D2677">
        <v>189.68700000000001</v>
      </c>
      <c r="E2677">
        <v>10431.5</v>
      </c>
      <c r="F2677">
        <v>10800</v>
      </c>
      <c r="G2677">
        <v>19955.900000000001</v>
      </c>
      <c r="H2677">
        <v>3.0551200000000001</v>
      </c>
      <c r="I2677">
        <v>24179.1</v>
      </c>
      <c r="J2677">
        <v>113.283</v>
      </c>
    </row>
    <row r="2678" spans="1:10" x14ac:dyDescent="0.25">
      <c r="A2678">
        <v>19</v>
      </c>
      <c r="B2678">
        <v>107.029</v>
      </c>
      <c r="C2678">
        <v>119.625</v>
      </c>
      <c r="D2678">
        <v>189.68700000000001</v>
      </c>
      <c r="E2678">
        <v>7370.08</v>
      </c>
      <c r="F2678">
        <v>10800</v>
      </c>
      <c r="G2678">
        <v>11792.1</v>
      </c>
      <c r="H2678">
        <v>3.7637800000000001</v>
      </c>
      <c r="I2678">
        <v>20298.7</v>
      </c>
      <c r="J2678">
        <v>54.213000000000001</v>
      </c>
    </row>
    <row r="2679" spans="1:10" x14ac:dyDescent="0.25">
      <c r="A2679">
        <v>19</v>
      </c>
      <c r="B2679">
        <v>101.83199999999999</v>
      </c>
      <c r="C2679">
        <v>118.369</v>
      </c>
      <c r="D2679">
        <v>190</v>
      </c>
      <c r="E2679">
        <v>10091.299999999999</v>
      </c>
      <c r="F2679">
        <v>10800</v>
      </c>
      <c r="G2679">
        <v>19615.7</v>
      </c>
      <c r="H2679">
        <v>1.1181099999999999</v>
      </c>
      <c r="I2679">
        <v>26700.400000000001</v>
      </c>
      <c r="J2679">
        <v>35.935899999999997</v>
      </c>
    </row>
    <row r="2680" spans="1:10" x14ac:dyDescent="0.25">
      <c r="A2680">
        <v>19</v>
      </c>
      <c r="B2680">
        <v>109.864</v>
      </c>
      <c r="C2680">
        <v>119.625</v>
      </c>
      <c r="D2680">
        <v>189.06</v>
      </c>
      <c r="E2680">
        <v>7370.08</v>
      </c>
      <c r="F2680">
        <v>10800</v>
      </c>
      <c r="G2680">
        <v>19955.900000000001</v>
      </c>
      <c r="H2680">
        <v>3.3622000000000001</v>
      </c>
      <c r="I2680">
        <v>20420.599999999999</v>
      </c>
      <c r="J2680">
        <v>48.3705</v>
      </c>
    </row>
    <row r="2681" spans="1:10" x14ac:dyDescent="0.25">
      <c r="A2681">
        <v>19</v>
      </c>
      <c r="B2681">
        <v>108.446</v>
      </c>
      <c r="C2681">
        <v>119.625</v>
      </c>
      <c r="D2681">
        <v>189.37299999999999</v>
      </c>
      <c r="E2681">
        <v>10431.5</v>
      </c>
      <c r="F2681">
        <v>10800</v>
      </c>
      <c r="G2681">
        <v>18595.3</v>
      </c>
      <c r="H2681">
        <v>2.6771699999999998</v>
      </c>
      <c r="I2681">
        <v>24106.5</v>
      </c>
      <c r="J2681">
        <v>23.545999999999999</v>
      </c>
    </row>
    <row r="2682" spans="1:10" x14ac:dyDescent="0.25">
      <c r="A2682">
        <v>19</v>
      </c>
      <c r="B2682">
        <v>109.628</v>
      </c>
      <c r="C2682">
        <v>124.652</v>
      </c>
      <c r="D2682">
        <v>189.37299999999999</v>
      </c>
      <c r="E2682">
        <v>7370.08</v>
      </c>
      <c r="F2682">
        <v>10800</v>
      </c>
      <c r="G2682">
        <v>18595.3</v>
      </c>
      <c r="H2682">
        <v>3.9527600000000001</v>
      </c>
      <c r="I2682">
        <v>20559.400000000001</v>
      </c>
      <c r="J2682">
        <v>95.318799999999996</v>
      </c>
    </row>
    <row r="2683" spans="1:10" x14ac:dyDescent="0.25">
      <c r="A2683">
        <v>19</v>
      </c>
      <c r="B2683">
        <v>108.446</v>
      </c>
      <c r="C2683">
        <v>119.625</v>
      </c>
      <c r="D2683">
        <v>190</v>
      </c>
      <c r="E2683">
        <v>10091.299999999999</v>
      </c>
      <c r="F2683">
        <v>10800</v>
      </c>
      <c r="G2683">
        <v>19955.900000000001</v>
      </c>
      <c r="H2683">
        <v>1.7795300000000001</v>
      </c>
      <c r="I2683">
        <v>24642.400000000001</v>
      </c>
      <c r="J2683">
        <v>19.604500000000002</v>
      </c>
    </row>
    <row r="2684" spans="1:10" x14ac:dyDescent="0.25">
      <c r="A2684">
        <v>19</v>
      </c>
      <c r="B2684">
        <v>108.446</v>
      </c>
      <c r="C2684">
        <v>118.68300000000001</v>
      </c>
      <c r="D2684">
        <v>189.68700000000001</v>
      </c>
      <c r="E2684">
        <v>10431.5</v>
      </c>
      <c r="F2684">
        <v>18963.8</v>
      </c>
      <c r="G2684">
        <v>19785.8</v>
      </c>
      <c r="H2684">
        <v>3.7873999999999999</v>
      </c>
      <c r="I2684">
        <v>32969.599999999999</v>
      </c>
      <c r="J2684">
        <v>21.455400000000001</v>
      </c>
    </row>
    <row r="2685" spans="1:10" x14ac:dyDescent="0.25">
      <c r="A2685">
        <v>19</v>
      </c>
      <c r="B2685">
        <v>108.446</v>
      </c>
      <c r="C2685">
        <v>119.625</v>
      </c>
      <c r="D2685">
        <v>190</v>
      </c>
      <c r="E2685">
        <v>10431.5</v>
      </c>
      <c r="F2685">
        <v>10800</v>
      </c>
      <c r="G2685">
        <v>19785.8</v>
      </c>
      <c r="H2685">
        <v>2.6771699999999998</v>
      </c>
      <c r="I2685">
        <v>24009.3</v>
      </c>
      <c r="J2685">
        <v>22.031199999999998</v>
      </c>
    </row>
    <row r="2686" spans="1:10" x14ac:dyDescent="0.25">
      <c r="A2686">
        <v>19</v>
      </c>
      <c r="B2686">
        <v>109.155</v>
      </c>
      <c r="C2686">
        <v>128.422</v>
      </c>
      <c r="D2686">
        <v>189.68700000000001</v>
      </c>
      <c r="E2686">
        <v>10431.5</v>
      </c>
      <c r="F2686">
        <v>10800</v>
      </c>
      <c r="G2686">
        <v>19955.900000000001</v>
      </c>
      <c r="H2686">
        <v>1.2598400000000001</v>
      </c>
      <c r="I2686">
        <v>26709.200000000001</v>
      </c>
      <c r="J2686">
        <v>100.544</v>
      </c>
    </row>
    <row r="2687" spans="1:10" x14ac:dyDescent="0.25">
      <c r="A2687">
        <v>19</v>
      </c>
      <c r="B2687">
        <v>108.919</v>
      </c>
      <c r="C2687">
        <v>119.93899999999999</v>
      </c>
      <c r="D2687">
        <v>190</v>
      </c>
      <c r="E2687">
        <v>10431.5</v>
      </c>
      <c r="F2687">
        <v>10800</v>
      </c>
      <c r="G2687">
        <v>19785.8</v>
      </c>
      <c r="H2687">
        <v>3.7637800000000001</v>
      </c>
      <c r="I2687">
        <v>23557.8</v>
      </c>
      <c r="J2687">
        <v>27.343</v>
      </c>
    </row>
    <row r="2688" spans="1:10" x14ac:dyDescent="0.25">
      <c r="A2688">
        <v>19</v>
      </c>
      <c r="B2688">
        <v>106.32</v>
      </c>
      <c r="C2688">
        <v>119.625</v>
      </c>
      <c r="D2688">
        <v>190</v>
      </c>
      <c r="E2688">
        <v>7370.08</v>
      </c>
      <c r="F2688">
        <v>10800</v>
      </c>
      <c r="G2688">
        <v>22677.200000000001</v>
      </c>
      <c r="H2688">
        <v>1.82677</v>
      </c>
      <c r="I2688">
        <v>21794.3</v>
      </c>
      <c r="J2688">
        <v>45.668300000000002</v>
      </c>
    </row>
    <row r="2689" spans="1:10" x14ac:dyDescent="0.25">
      <c r="A2689">
        <v>19</v>
      </c>
      <c r="B2689">
        <v>108.919</v>
      </c>
      <c r="C2689">
        <v>124.652</v>
      </c>
      <c r="D2689">
        <v>189.06</v>
      </c>
      <c r="E2689">
        <v>7370.08</v>
      </c>
      <c r="F2689">
        <v>10800</v>
      </c>
      <c r="G2689">
        <v>11792.1</v>
      </c>
      <c r="H2689">
        <v>3.7401599999999999</v>
      </c>
      <c r="I2689">
        <v>20837.8</v>
      </c>
      <c r="J2689">
        <v>110.85299999999999</v>
      </c>
    </row>
    <row r="2690" spans="1:10" x14ac:dyDescent="0.25">
      <c r="A2690">
        <v>19</v>
      </c>
      <c r="B2690">
        <v>100.887</v>
      </c>
      <c r="C2690">
        <v>119.625</v>
      </c>
      <c r="D2690">
        <v>188.74600000000001</v>
      </c>
      <c r="E2690">
        <v>10431.5</v>
      </c>
      <c r="F2690">
        <v>10800</v>
      </c>
      <c r="G2690">
        <v>22507.1</v>
      </c>
      <c r="H2690">
        <v>2.6771699999999998</v>
      </c>
      <c r="I2690">
        <v>24078.1</v>
      </c>
      <c r="J2690">
        <v>68.621200000000002</v>
      </c>
    </row>
    <row r="2691" spans="1:10" x14ac:dyDescent="0.25">
      <c r="A2691">
        <v>19</v>
      </c>
      <c r="B2691">
        <v>108.446</v>
      </c>
      <c r="C2691">
        <v>129.679</v>
      </c>
      <c r="D2691">
        <v>189.68700000000001</v>
      </c>
      <c r="E2691">
        <v>7370.08</v>
      </c>
      <c r="F2691">
        <v>10800</v>
      </c>
      <c r="G2691">
        <v>19955.900000000001</v>
      </c>
      <c r="H2691">
        <v>2.4409399999999999</v>
      </c>
      <c r="I2691">
        <v>21190.9</v>
      </c>
      <c r="J2691">
        <v>121.96</v>
      </c>
    </row>
    <row r="2692" spans="1:10" x14ac:dyDescent="0.25">
      <c r="A2692">
        <v>19</v>
      </c>
      <c r="B2692">
        <v>109.864</v>
      </c>
      <c r="C2692">
        <v>119.625</v>
      </c>
      <c r="D2692">
        <v>189.68700000000001</v>
      </c>
      <c r="E2692">
        <v>7370.08</v>
      </c>
      <c r="F2692">
        <v>10800</v>
      </c>
      <c r="G2692">
        <v>22677.200000000001</v>
      </c>
      <c r="H2692">
        <v>3.7873999999999999</v>
      </c>
      <c r="I2692">
        <v>20337</v>
      </c>
      <c r="J2692">
        <v>50.274000000000001</v>
      </c>
    </row>
    <row r="2693" spans="1:10" x14ac:dyDescent="0.25">
      <c r="A2693">
        <v>19</v>
      </c>
      <c r="B2693">
        <v>109.628</v>
      </c>
      <c r="C2693">
        <v>118.369</v>
      </c>
      <c r="D2693">
        <v>189.68700000000001</v>
      </c>
      <c r="E2693">
        <v>10091.299999999999</v>
      </c>
      <c r="F2693">
        <v>10800</v>
      </c>
      <c r="G2693">
        <v>19955.900000000001</v>
      </c>
      <c r="H2693">
        <v>3.7637800000000001</v>
      </c>
      <c r="I2693">
        <v>23088.5</v>
      </c>
      <c r="J2693">
        <v>31.034099999999999</v>
      </c>
    </row>
    <row r="2694" spans="1:10" x14ac:dyDescent="0.25">
      <c r="A2694">
        <v>19</v>
      </c>
      <c r="B2694">
        <v>108.919</v>
      </c>
      <c r="C2694">
        <v>124.652</v>
      </c>
      <c r="D2694">
        <v>189.37299999999999</v>
      </c>
      <c r="E2694">
        <v>7370.08</v>
      </c>
      <c r="F2694">
        <v>10800</v>
      </c>
      <c r="G2694">
        <v>19785.8</v>
      </c>
      <c r="H2694">
        <v>3.6220500000000002</v>
      </c>
      <c r="I2694">
        <v>20925.099999999999</v>
      </c>
      <c r="J2694">
        <v>110.765</v>
      </c>
    </row>
    <row r="2695" spans="1:10" x14ac:dyDescent="0.25">
      <c r="A2695">
        <v>19</v>
      </c>
      <c r="B2695">
        <v>108.446</v>
      </c>
      <c r="C2695">
        <v>118.369</v>
      </c>
      <c r="D2695">
        <v>189.37299999999999</v>
      </c>
      <c r="E2695">
        <v>10091.299999999999</v>
      </c>
      <c r="F2695">
        <v>11055.1</v>
      </c>
      <c r="G2695">
        <v>19785.8</v>
      </c>
      <c r="H2695">
        <v>2.6299199999999998</v>
      </c>
      <c r="I2695">
        <v>23919.200000000001</v>
      </c>
      <c r="J2695">
        <v>27.0581</v>
      </c>
    </row>
    <row r="2696" spans="1:10" x14ac:dyDescent="0.25">
      <c r="A2696">
        <v>19</v>
      </c>
      <c r="B2696">
        <v>108.446</v>
      </c>
      <c r="C2696">
        <v>119.625</v>
      </c>
      <c r="D2696">
        <v>189.68700000000001</v>
      </c>
      <c r="E2696">
        <v>10091.299999999999</v>
      </c>
      <c r="F2696">
        <v>10800</v>
      </c>
      <c r="G2696">
        <v>18595.3</v>
      </c>
      <c r="H2696">
        <v>2.65354</v>
      </c>
      <c r="I2696">
        <v>23786.5</v>
      </c>
      <c r="J2696">
        <v>28.867999999999999</v>
      </c>
    </row>
    <row r="2697" spans="1:10" x14ac:dyDescent="0.25">
      <c r="A2697">
        <v>19</v>
      </c>
      <c r="B2697">
        <v>109.864</v>
      </c>
      <c r="C2697">
        <v>129.679</v>
      </c>
      <c r="D2697">
        <v>189.06</v>
      </c>
      <c r="E2697">
        <v>10431.5</v>
      </c>
      <c r="F2697">
        <v>10800</v>
      </c>
      <c r="G2697">
        <v>19955.900000000001</v>
      </c>
      <c r="H2697">
        <v>2.7716500000000002</v>
      </c>
      <c r="I2697">
        <v>24124</v>
      </c>
      <c r="J2697">
        <v>121.087</v>
      </c>
    </row>
    <row r="2698" spans="1:10" x14ac:dyDescent="0.25">
      <c r="A2698">
        <v>19</v>
      </c>
      <c r="B2698">
        <v>109.864</v>
      </c>
      <c r="C2698">
        <v>119.625</v>
      </c>
      <c r="D2698">
        <v>189.68700000000001</v>
      </c>
      <c r="E2698">
        <v>10431.5</v>
      </c>
      <c r="F2698">
        <v>14881.9</v>
      </c>
      <c r="G2698">
        <v>19955.900000000001</v>
      </c>
      <c r="H2698">
        <v>3.7401599999999999</v>
      </c>
      <c r="I2698">
        <v>29581.200000000001</v>
      </c>
      <c r="J2698">
        <v>20.723500000000001</v>
      </c>
    </row>
    <row r="2699" spans="1:10" x14ac:dyDescent="0.25">
      <c r="A2699">
        <v>19</v>
      </c>
      <c r="B2699">
        <v>108.919</v>
      </c>
      <c r="C2699">
        <v>140.04599999999999</v>
      </c>
      <c r="D2699">
        <v>189.68700000000001</v>
      </c>
      <c r="E2699">
        <v>7370.08</v>
      </c>
      <c r="F2699">
        <v>10800</v>
      </c>
      <c r="G2699">
        <v>19955.900000000001</v>
      </c>
      <c r="H2699">
        <v>3.7401599999999999</v>
      </c>
      <c r="I2699">
        <v>20337.599999999999</v>
      </c>
      <c r="J2699">
        <v>141.47499999999999</v>
      </c>
    </row>
    <row r="2700" spans="1:10" x14ac:dyDescent="0.25">
      <c r="A2700">
        <v>19</v>
      </c>
      <c r="B2700">
        <v>109.864</v>
      </c>
      <c r="C2700">
        <v>114.598</v>
      </c>
      <c r="D2700">
        <v>189.68700000000001</v>
      </c>
      <c r="E2700">
        <v>7370.08</v>
      </c>
      <c r="F2700">
        <v>10800</v>
      </c>
      <c r="G2700">
        <v>19955.900000000001</v>
      </c>
      <c r="H2700">
        <v>2.8897599999999999</v>
      </c>
      <c r="I2700">
        <v>20887.099999999999</v>
      </c>
      <c r="J2700">
        <v>52.651200000000003</v>
      </c>
    </row>
    <row r="2701" spans="1:10" x14ac:dyDescent="0.25">
      <c r="A2701">
        <v>19</v>
      </c>
      <c r="B2701">
        <v>108.68300000000001</v>
      </c>
      <c r="C2701">
        <v>123.395</v>
      </c>
      <c r="D2701">
        <v>190</v>
      </c>
      <c r="E2701">
        <v>10091.299999999999</v>
      </c>
      <c r="F2701">
        <v>10800</v>
      </c>
      <c r="G2701">
        <v>9070.8700000000008</v>
      </c>
      <c r="H2701">
        <v>3.9527600000000001</v>
      </c>
      <c r="I2701">
        <v>23419.3</v>
      </c>
      <c r="J2701">
        <v>102.179</v>
      </c>
    </row>
    <row r="2702" spans="1:10" x14ac:dyDescent="0.25">
      <c r="A2702">
        <v>19</v>
      </c>
      <c r="B2702">
        <v>108.446</v>
      </c>
      <c r="C2702">
        <v>119.625</v>
      </c>
      <c r="D2702">
        <v>189.68700000000001</v>
      </c>
      <c r="E2702">
        <v>10091.299999999999</v>
      </c>
      <c r="F2702">
        <v>10800</v>
      </c>
      <c r="G2702">
        <v>22677.200000000001</v>
      </c>
      <c r="H2702">
        <v>3.4330699999999998</v>
      </c>
      <c r="I2702">
        <v>23205</v>
      </c>
      <c r="J2702">
        <v>42.143300000000004</v>
      </c>
    </row>
    <row r="2703" spans="1:10" x14ac:dyDescent="0.25">
      <c r="A2703">
        <v>19</v>
      </c>
      <c r="B2703">
        <v>109.628</v>
      </c>
      <c r="C2703">
        <v>123.395</v>
      </c>
      <c r="D2703">
        <v>189.68700000000001</v>
      </c>
      <c r="E2703">
        <v>10091.299999999999</v>
      </c>
      <c r="F2703">
        <v>10800</v>
      </c>
      <c r="G2703">
        <v>8900.7900000000009</v>
      </c>
      <c r="H2703">
        <v>3.5748000000000002</v>
      </c>
      <c r="I2703">
        <v>23833.4</v>
      </c>
      <c r="J2703">
        <v>24.290500000000002</v>
      </c>
    </row>
    <row r="2704" spans="1:10" x14ac:dyDescent="0.25">
      <c r="A2704">
        <v>19</v>
      </c>
      <c r="B2704">
        <v>109.39100000000001</v>
      </c>
      <c r="C2704">
        <v>118.997</v>
      </c>
      <c r="D2704">
        <v>189.68700000000001</v>
      </c>
      <c r="E2704">
        <v>7370.08</v>
      </c>
      <c r="F2704">
        <v>10800</v>
      </c>
      <c r="G2704">
        <v>19785.8</v>
      </c>
      <c r="H2704">
        <v>2.6771699999999998</v>
      </c>
      <c r="I2704">
        <v>20822</v>
      </c>
      <c r="J2704">
        <v>39.067300000000003</v>
      </c>
    </row>
    <row r="2705" spans="1:10" x14ac:dyDescent="0.25">
      <c r="A2705">
        <v>19</v>
      </c>
      <c r="B2705">
        <v>108.446</v>
      </c>
      <c r="C2705">
        <v>114.598</v>
      </c>
      <c r="D2705">
        <v>189.37299999999999</v>
      </c>
      <c r="E2705">
        <v>10431.5</v>
      </c>
      <c r="F2705">
        <v>10800</v>
      </c>
      <c r="G2705">
        <v>19785.8</v>
      </c>
      <c r="H2705">
        <v>3.00787</v>
      </c>
      <c r="I2705">
        <v>23706</v>
      </c>
      <c r="J2705">
        <v>40.102499999999999</v>
      </c>
    </row>
    <row r="2706" spans="1:10" x14ac:dyDescent="0.25">
      <c r="A2706">
        <v>19</v>
      </c>
      <c r="B2706">
        <v>110.1</v>
      </c>
      <c r="C2706">
        <v>118.369</v>
      </c>
      <c r="D2706">
        <v>189.68700000000001</v>
      </c>
      <c r="E2706">
        <v>7370.08</v>
      </c>
      <c r="F2706">
        <v>10800</v>
      </c>
      <c r="G2706">
        <v>18595.3</v>
      </c>
      <c r="H2706">
        <v>2.6771699999999998</v>
      </c>
      <c r="I2706">
        <v>20830.900000000001</v>
      </c>
      <c r="J2706">
        <v>39.335099999999997</v>
      </c>
    </row>
    <row r="2707" spans="1:10" x14ac:dyDescent="0.25">
      <c r="A2707">
        <v>19</v>
      </c>
      <c r="B2707">
        <v>109.39100000000001</v>
      </c>
      <c r="C2707">
        <v>124.652</v>
      </c>
      <c r="D2707">
        <v>190</v>
      </c>
      <c r="E2707">
        <v>7710.24</v>
      </c>
      <c r="F2707">
        <v>10800</v>
      </c>
      <c r="G2707">
        <v>18425.2</v>
      </c>
      <c r="H2707">
        <v>2.6771699999999998</v>
      </c>
      <c r="I2707">
        <v>21804.3</v>
      </c>
      <c r="J2707">
        <v>84.424899999999994</v>
      </c>
    </row>
    <row r="2708" spans="1:10" x14ac:dyDescent="0.25">
      <c r="A2708">
        <v>19</v>
      </c>
      <c r="B2708">
        <v>108.446</v>
      </c>
      <c r="C2708">
        <v>119.625</v>
      </c>
      <c r="D2708">
        <v>189.68700000000001</v>
      </c>
      <c r="E2708">
        <v>7710.24</v>
      </c>
      <c r="F2708">
        <v>10800</v>
      </c>
      <c r="G2708">
        <v>9070.8700000000008</v>
      </c>
      <c r="H2708">
        <v>3.3622000000000001</v>
      </c>
      <c r="I2708">
        <v>20810.2</v>
      </c>
      <c r="J2708">
        <v>39.148699999999998</v>
      </c>
    </row>
    <row r="2709" spans="1:10" x14ac:dyDescent="0.25">
      <c r="A2709">
        <v>19</v>
      </c>
      <c r="B2709">
        <v>108.919</v>
      </c>
      <c r="C2709">
        <v>118.68300000000001</v>
      </c>
      <c r="D2709">
        <v>189.68700000000001</v>
      </c>
      <c r="E2709">
        <v>10091.299999999999</v>
      </c>
      <c r="F2709">
        <v>10800</v>
      </c>
      <c r="G2709">
        <v>19955.900000000001</v>
      </c>
      <c r="H2709">
        <v>2.1338599999999999</v>
      </c>
      <c r="I2709">
        <v>24076.2</v>
      </c>
      <c r="J2709">
        <v>23.6065</v>
      </c>
    </row>
    <row r="2710" spans="1:10" x14ac:dyDescent="0.25">
      <c r="A2710">
        <v>19</v>
      </c>
      <c r="B2710">
        <v>109.39100000000001</v>
      </c>
      <c r="C2710">
        <v>118.369</v>
      </c>
      <c r="D2710">
        <v>189.37299999999999</v>
      </c>
      <c r="E2710">
        <v>7370.08</v>
      </c>
      <c r="F2710">
        <v>10800</v>
      </c>
      <c r="G2710">
        <v>19785.8</v>
      </c>
      <c r="H2710">
        <v>2.6771699999999998</v>
      </c>
      <c r="I2710">
        <v>20878.599999999999</v>
      </c>
      <c r="J2710">
        <v>37.881500000000003</v>
      </c>
    </row>
    <row r="2711" spans="1:10" x14ac:dyDescent="0.25">
      <c r="A2711">
        <v>19</v>
      </c>
      <c r="B2711">
        <v>110.1</v>
      </c>
      <c r="C2711">
        <v>124.652</v>
      </c>
      <c r="D2711">
        <v>189.06</v>
      </c>
      <c r="E2711">
        <v>7710.24</v>
      </c>
      <c r="F2711">
        <v>10800</v>
      </c>
      <c r="G2711">
        <v>19955.900000000001</v>
      </c>
      <c r="H2711">
        <v>1.5905499999999999</v>
      </c>
      <c r="I2711">
        <v>22848.1</v>
      </c>
      <c r="J2711">
        <v>91.379199999999997</v>
      </c>
    </row>
    <row r="2712" spans="1:10" x14ac:dyDescent="0.25">
      <c r="A2712">
        <v>19</v>
      </c>
      <c r="B2712">
        <v>108.919</v>
      </c>
      <c r="C2712">
        <v>119.625</v>
      </c>
      <c r="D2712">
        <v>189.68700000000001</v>
      </c>
      <c r="E2712">
        <v>7370.08</v>
      </c>
      <c r="F2712">
        <v>10800</v>
      </c>
      <c r="G2712">
        <v>19955.900000000001</v>
      </c>
      <c r="H2712">
        <v>1.85039</v>
      </c>
      <c r="I2712">
        <v>21937.3</v>
      </c>
      <c r="J2712">
        <v>44.0334</v>
      </c>
    </row>
    <row r="2713" spans="1:10" x14ac:dyDescent="0.25">
      <c r="A2713">
        <v>19</v>
      </c>
      <c r="B2713">
        <v>108.446</v>
      </c>
      <c r="C2713">
        <v>119.625</v>
      </c>
      <c r="D2713">
        <v>190</v>
      </c>
      <c r="E2713">
        <v>7370.08</v>
      </c>
      <c r="F2713">
        <v>10800</v>
      </c>
      <c r="G2713">
        <v>18425.2</v>
      </c>
      <c r="H2713">
        <v>3.1732300000000002</v>
      </c>
      <c r="I2713">
        <v>20635.7</v>
      </c>
      <c r="J2713">
        <v>44.802900000000001</v>
      </c>
    </row>
    <row r="2714" spans="1:10" x14ac:dyDescent="0.25">
      <c r="A2714">
        <v>19</v>
      </c>
      <c r="B2714">
        <v>108.919</v>
      </c>
      <c r="C2714">
        <v>119.625</v>
      </c>
      <c r="D2714">
        <v>189.68700000000001</v>
      </c>
      <c r="E2714">
        <v>10431.5</v>
      </c>
      <c r="F2714">
        <v>11055.1</v>
      </c>
      <c r="G2714">
        <v>19955.900000000001</v>
      </c>
      <c r="H2714">
        <v>1.1653500000000001</v>
      </c>
      <c r="I2714">
        <v>26948.9</v>
      </c>
      <c r="J2714">
        <v>28.654900000000001</v>
      </c>
    </row>
    <row r="2715" spans="1:10" x14ac:dyDescent="0.25">
      <c r="A2715">
        <v>19</v>
      </c>
      <c r="B2715">
        <v>108.919</v>
      </c>
      <c r="C2715">
        <v>124.652</v>
      </c>
      <c r="D2715">
        <v>189.68700000000001</v>
      </c>
      <c r="E2715">
        <v>7370.08</v>
      </c>
      <c r="F2715">
        <v>10800</v>
      </c>
      <c r="G2715">
        <v>19955.900000000001</v>
      </c>
      <c r="H2715">
        <v>1.2125999999999999</v>
      </c>
      <c r="I2715">
        <v>24534.799999999999</v>
      </c>
      <c r="J2715">
        <v>27.9619</v>
      </c>
    </row>
    <row r="2716" spans="1:10" x14ac:dyDescent="0.25">
      <c r="A2716">
        <v>19</v>
      </c>
      <c r="B2716">
        <v>108.68300000000001</v>
      </c>
      <c r="C2716">
        <v>119.93899999999999</v>
      </c>
      <c r="D2716">
        <v>187.18</v>
      </c>
      <c r="E2716">
        <v>7710.24</v>
      </c>
      <c r="F2716">
        <v>10800</v>
      </c>
      <c r="G2716">
        <v>19955.900000000001</v>
      </c>
      <c r="H2716">
        <v>3.7873999999999999</v>
      </c>
      <c r="I2716">
        <v>20607.8</v>
      </c>
      <c r="J2716">
        <v>43.446899999999999</v>
      </c>
    </row>
    <row r="2717" spans="1:10" x14ac:dyDescent="0.25">
      <c r="A2717">
        <v>19</v>
      </c>
      <c r="B2717">
        <v>109.39100000000001</v>
      </c>
      <c r="C2717">
        <v>129.679</v>
      </c>
      <c r="D2717">
        <v>189.68700000000001</v>
      </c>
      <c r="E2717">
        <v>7370.08</v>
      </c>
      <c r="F2717">
        <v>10800</v>
      </c>
      <c r="G2717">
        <v>19955.900000000001</v>
      </c>
      <c r="H2717">
        <v>3.7401599999999999</v>
      </c>
      <c r="I2717">
        <v>20623.8</v>
      </c>
      <c r="J2717">
        <v>127.95</v>
      </c>
    </row>
    <row r="2718" spans="1:10" x14ac:dyDescent="0.25">
      <c r="A2718">
        <v>19</v>
      </c>
      <c r="B2718">
        <v>108.446</v>
      </c>
      <c r="C2718">
        <v>118.369</v>
      </c>
      <c r="D2718">
        <v>190</v>
      </c>
      <c r="E2718">
        <v>7710.24</v>
      </c>
      <c r="F2718">
        <v>10800</v>
      </c>
      <c r="G2718">
        <v>19955.900000000001</v>
      </c>
      <c r="H2718">
        <v>2.6063000000000001</v>
      </c>
      <c r="I2718">
        <v>21268</v>
      </c>
      <c r="J2718">
        <v>41.639000000000003</v>
      </c>
    </row>
    <row r="2719" spans="1:10" x14ac:dyDescent="0.25">
      <c r="A2719">
        <v>19</v>
      </c>
      <c r="B2719">
        <v>109.864</v>
      </c>
      <c r="C2719">
        <v>119.625</v>
      </c>
      <c r="D2719">
        <v>189.68700000000001</v>
      </c>
      <c r="E2719">
        <v>7370.08</v>
      </c>
      <c r="F2719">
        <v>10800</v>
      </c>
      <c r="G2719">
        <v>25228.3</v>
      </c>
      <c r="H2719">
        <v>2.65354</v>
      </c>
      <c r="I2719">
        <v>20900.900000000001</v>
      </c>
      <c r="J2719">
        <v>35.660299999999999</v>
      </c>
    </row>
    <row r="2720" spans="1:10" x14ac:dyDescent="0.25">
      <c r="A2720">
        <v>19</v>
      </c>
      <c r="B2720">
        <v>109.864</v>
      </c>
      <c r="C2720">
        <v>119.625</v>
      </c>
      <c r="D2720">
        <v>189.06</v>
      </c>
      <c r="E2720">
        <v>7710.24</v>
      </c>
      <c r="F2720">
        <v>10800</v>
      </c>
      <c r="G2720">
        <v>22677.200000000001</v>
      </c>
      <c r="H2720">
        <v>3.7637800000000001</v>
      </c>
      <c r="I2720">
        <v>20597.2</v>
      </c>
      <c r="J2720">
        <v>54.269100000000002</v>
      </c>
    </row>
    <row r="2721" spans="1:10" x14ac:dyDescent="0.25">
      <c r="A2721">
        <v>19</v>
      </c>
      <c r="B2721">
        <v>108.68300000000001</v>
      </c>
      <c r="C2721">
        <v>119.93899999999999</v>
      </c>
      <c r="D2721">
        <v>189.68700000000001</v>
      </c>
      <c r="E2721">
        <v>7455.12</v>
      </c>
      <c r="F2721">
        <v>10800</v>
      </c>
      <c r="G2721">
        <v>19955.900000000001</v>
      </c>
      <c r="H2721">
        <v>3.9291299999999998</v>
      </c>
      <c r="I2721">
        <v>20373.3</v>
      </c>
      <c r="J2721">
        <v>45.880899999999997</v>
      </c>
    </row>
    <row r="2722" spans="1:10" x14ac:dyDescent="0.25">
      <c r="A2722">
        <v>19</v>
      </c>
      <c r="B2722">
        <v>108.919</v>
      </c>
      <c r="C2722">
        <v>119.625</v>
      </c>
      <c r="D2722">
        <v>189.68700000000001</v>
      </c>
      <c r="E2722">
        <v>7370.08</v>
      </c>
      <c r="F2722">
        <v>10800</v>
      </c>
      <c r="G2722">
        <v>19955.900000000001</v>
      </c>
      <c r="H2722">
        <v>3.7401599999999999</v>
      </c>
      <c r="I2722">
        <v>20252.2</v>
      </c>
      <c r="J2722">
        <v>42.806699999999999</v>
      </c>
    </row>
    <row r="2723" spans="1:10" x14ac:dyDescent="0.25">
      <c r="A2723">
        <v>19</v>
      </c>
      <c r="B2723">
        <v>109.39100000000001</v>
      </c>
      <c r="C2723">
        <v>119.625</v>
      </c>
      <c r="D2723">
        <v>189.68700000000001</v>
      </c>
      <c r="E2723">
        <v>7370.08</v>
      </c>
      <c r="F2723">
        <v>10800</v>
      </c>
      <c r="G2723">
        <v>22507.1</v>
      </c>
      <c r="H2723">
        <v>2.6771699999999998</v>
      </c>
      <c r="I2723">
        <v>20850.900000000001</v>
      </c>
      <c r="J2723">
        <v>36.053199999999997</v>
      </c>
    </row>
    <row r="2724" spans="1:10" x14ac:dyDescent="0.25">
      <c r="A2724">
        <v>19</v>
      </c>
      <c r="B2724">
        <v>109.39100000000001</v>
      </c>
      <c r="C2724">
        <v>119.625</v>
      </c>
      <c r="D2724">
        <v>189.68700000000001</v>
      </c>
      <c r="E2724">
        <v>7370.08</v>
      </c>
      <c r="F2724">
        <v>10800</v>
      </c>
      <c r="G2724">
        <v>19955.900000000001</v>
      </c>
      <c r="H2724">
        <v>1.1417299999999999</v>
      </c>
      <c r="I2724">
        <v>23430.3</v>
      </c>
      <c r="J2724">
        <v>34.982700000000001</v>
      </c>
    </row>
    <row r="2725" spans="1:10" x14ac:dyDescent="0.25">
      <c r="A2725">
        <v>19</v>
      </c>
      <c r="B2725">
        <v>109.39100000000001</v>
      </c>
      <c r="C2725">
        <v>119.625</v>
      </c>
      <c r="D2725">
        <v>190</v>
      </c>
      <c r="E2725">
        <v>7710.24</v>
      </c>
      <c r="F2725">
        <v>10800</v>
      </c>
      <c r="G2725">
        <v>19955.900000000001</v>
      </c>
      <c r="H2725">
        <v>2.6771699999999998</v>
      </c>
      <c r="I2725">
        <v>21233.4</v>
      </c>
      <c r="J2725">
        <v>42.313200000000002</v>
      </c>
    </row>
    <row r="2726" spans="1:10" x14ac:dyDescent="0.25">
      <c r="A2726">
        <v>19</v>
      </c>
      <c r="B2726">
        <v>108.446</v>
      </c>
      <c r="C2726">
        <v>118.369</v>
      </c>
      <c r="D2726">
        <v>190</v>
      </c>
      <c r="E2726">
        <v>10431.5</v>
      </c>
      <c r="F2726">
        <v>10800</v>
      </c>
      <c r="G2726">
        <v>18595.3</v>
      </c>
      <c r="H2726">
        <v>1.3070900000000001</v>
      </c>
      <c r="I2726">
        <v>25969.8</v>
      </c>
      <c r="J2726">
        <v>17.733799999999999</v>
      </c>
    </row>
    <row r="2727" spans="1:10" x14ac:dyDescent="0.25">
      <c r="A2727">
        <v>19</v>
      </c>
      <c r="B2727">
        <v>109.39100000000001</v>
      </c>
      <c r="C2727">
        <v>124.652</v>
      </c>
      <c r="D2727">
        <v>189.37299999999999</v>
      </c>
      <c r="E2727">
        <v>7370.08</v>
      </c>
      <c r="F2727">
        <v>10800</v>
      </c>
      <c r="G2727">
        <v>18595.3</v>
      </c>
      <c r="H2727">
        <v>3.9527600000000001</v>
      </c>
      <c r="I2727">
        <v>20129.400000000001</v>
      </c>
      <c r="J2727">
        <v>53.995899999999999</v>
      </c>
    </row>
    <row r="2728" spans="1:10" x14ac:dyDescent="0.25">
      <c r="A2728">
        <v>19</v>
      </c>
      <c r="B2728">
        <v>109.628</v>
      </c>
      <c r="C2728">
        <v>114.598</v>
      </c>
      <c r="D2728">
        <v>189.37299999999999</v>
      </c>
      <c r="E2728">
        <v>7370.08</v>
      </c>
      <c r="F2728">
        <v>10800</v>
      </c>
      <c r="G2728">
        <v>18595.3</v>
      </c>
      <c r="H2728">
        <v>3.6692900000000002</v>
      </c>
      <c r="I2728">
        <v>20425.3</v>
      </c>
      <c r="J2728">
        <v>63.953200000000002</v>
      </c>
    </row>
    <row r="2729" spans="1:10" x14ac:dyDescent="0.25">
      <c r="A2729">
        <v>19</v>
      </c>
      <c r="B2729">
        <v>108.446</v>
      </c>
      <c r="C2729">
        <v>119.625</v>
      </c>
      <c r="D2729">
        <v>189.06</v>
      </c>
      <c r="E2729">
        <v>7370.08</v>
      </c>
      <c r="F2729">
        <v>10800</v>
      </c>
      <c r="G2729">
        <v>19955.900000000001</v>
      </c>
      <c r="H2729">
        <v>3.3858299999999999</v>
      </c>
      <c r="I2729">
        <v>20411.8</v>
      </c>
      <c r="J2729">
        <v>47.009099999999997</v>
      </c>
    </row>
    <row r="2730" spans="1:10" x14ac:dyDescent="0.25">
      <c r="A2730">
        <v>19</v>
      </c>
      <c r="B2730">
        <v>110.1</v>
      </c>
      <c r="C2730">
        <v>123.395</v>
      </c>
      <c r="D2730">
        <v>186.553</v>
      </c>
      <c r="E2730">
        <v>7710.24</v>
      </c>
      <c r="F2730">
        <v>10800</v>
      </c>
      <c r="G2730">
        <v>19955.900000000001</v>
      </c>
      <c r="H2730">
        <v>2.4881899999999999</v>
      </c>
      <c r="I2730">
        <v>21372.9</v>
      </c>
      <c r="J2730">
        <v>21.648199999999999</v>
      </c>
    </row>
    <row r="2731" spans="1:10" x14ac:dyDescent="0.25">
      <c r="A2731">
        <v>19</v>
      </c>
      <c r="B2731">
        <v>109.39100000000001</v>
      </c>
      <c r="C2731">
        <v>124.652</v>
      </c>
      <c r="D2731">
        <v>189.68700000000001</v>
      </c>
      <c r="E2731">
        <v>7370.08</v>
      </c>
      <c r="F2731">
        <v>10800</v>
      </c>
      <c r="G2731">
        <v>18595.3</v>
      </c>
      <c r="H2731">
        <v>3.8110200000000001</v>
      </c>
      <c r="I2731">
        <v>20231.7</v>
      </c>
      <c r="J2731">
        <v>63.890300000000003</v>
      </c>
    </row>
    <row r="2732" spans="1:10" x14ac:dyDescent="0.25">
      <c r="A2732">
        <v>19</v>
      </c>
      <c r="B2732">
        <v>109.864</v>
      </c>
      <c r="C2732">
        <v>119.625</v>
      </c>
      <c r="D2732">
        <v>189.68700000000001</v>
      </c>
      <c r="E2732">
        <v>10431.5</v>
      </c>
      <c r="F2732">
        <v>10800</v>
      </c>
      <c r="G2732">
        <v>19955.900000000001</v>
      </c>
      <c r="H2732">
        <v>3.7401599999999999</v>
      </c>
      <c r="I2732">
        <v>23826.9</v>
      </c>
      <c r="J2732">
        <v>35.114600000000003</v>
      </c>
    </row>
    <row r="2733" spans="1:10" x14ac:dyDescent="0.25">
      <c r="A2733">
        <v>19</v>
      </c>
      <c r="B2733">
        <v>108.446</v>
      </c>
      <c r="C2733">
        <v>118.369</v>
      </c>
      <c r="D2733">
        <v>190</v>
      </c>
      <c r="E2733">
        <v>10431.5</v>
      </c>
      <c r="F2733">
        <v>10800</v>
      </c>
      <c r="G2733">
        <v>19955.900000000001</v>
      </c>
      <c r="H2733">
        <v>1.1181099999999999</v>
      </c>
      <c r="I2733">
        <v>26815.1</v>
      </c>
      <c r="J2733">
        <v>17.5837</v>
      </c>
    </row>
    <row r="2734" spans="1:10" x14ac:dyDescent="0.25">
      <c r="A2734">
        <v>19</v>
      </c>
      <c r="B2734">
        <v>108.446</v>
      </c>
      <c r="C2734">
        <v>119.625</v>
      </c>
      <c r="D2734">
        <v>189.68700000000001</v>
      </c>
      <c r="E2734">
        <v>7710.24</v>
      </c>
      <c r="F2734">
        <v>11310.2</v>
      </c>
      <c r="G2734">
        <v>19955.900000000001</v>
      </c>
      <c r="H2734">
        <v>3.55118</v>
      </c>
      <c r="I2734">
        <v>21244.7</v>
      </c>
      <c r="J2734">
        <v>37.094299999999997</v>
      </c>
    </row>
    <row r="2735" spans="1:10" x14ac:dyDescent="0.25">
      <c r="A2735">
        <v>19</v>
      </c>
      <c r="B2735">
        <v>109.864</v>
      </c>
      <c r="C2735">
        <v>128.422</v>
      </c>
      <c r="D2735">
        <v>190</v>
      </c>
      <c r="E2735">
        <v>7370.08</v>
      </c>
      <c r="F2735">
        <v>10800</v>
      </c>
      <c r="G2735">
        <v>18595.3</v>
      </c>
      <c r="H2735">
        <v>1.5905499999999999</v>
      </c>
      <c r="I2735">
        <v>22789.9</v>
      </c>
      <c r="J2735">
        <v>114.49299999999999</v>
      </c>
    </row>
    <row r="2736" spans="1:10" x14ac:dyDescent="0.25">
      <c r="A2736">
        <v>19</v>
      </c>
      <c r="B2736">
        <v>108.919</v>
      </c>
      <c r="C2736">
        <v>119.93899999999999</v>
      </c>
      <c r="D2736">
        <v>189.68700000000001</v>
      </c>
      <c r="E2736">
        <v>7370.08</v>
      </c>
      <c r="F2736">
        <v>10800</v>
      </c>
      <c r="G2736">
        <v>19955.900000000001</v>
      </c>
      <c r="H2736">
        <v>1.85039</v>
      </c>
      <c r="I2736">
        <v>21672.7</v>
      </c>
      <c r="J2736">
        <v>44.514899999999997</v>
      </c>
    </row>
    <row r="2737" spans="1:10" x14ac:dyDescent="0.25">
      <c r="A2737">
        <v>19</v>
      </c>
      <c r="B2737">
        <v>110.1</v>
      </c>
      <c r="C2737">
        <v>119.625</v>
      </c>
      <c r="D2737">
        <v>189.68700000000001</v>
      </c>
      <c r="E2737">
        <v>7370.08</v>
      </c>
      <c r="F2737">
        <v>10800</v>
      </c>
      <c r="G2737">
        <v>21316.5</v>
      </c>
      <c r="H2737">
        <v>3.9291299999999998</v>
      </c>
      <c r="I2737">
        <v>20300.8</v>
      </c>
      <c r="J2737">
        <v>48.944499999999998</v>
      </c>
    </row>
    <row r="2738" spans="1:10" x14ac:dyDescent="0.25">
      <c r="A2738">
        <v>19</v>
      </c>
      <c r="B2738">
        <v>109.864</v>
      </c>
      <c r="C2738">
        <v>114.598</v>
      </c>
      <c r="D2738">
        <v>190</v>
      </c>
      <c r="E2738">
        <v>7370.08</v>
      </c>
      <c r="F2738">
        <v>10800</v>
      </c>
      <c r="G2738">
        <v>19955.900000000001</v>
      </c>
      <c r="H2738">
        <v>3.5748000000000002</v>
      </c>
      <c r="I2738">
        <v>20469.400000000001</v>
      </c>
      <c r="J2738">
        <v>57.884399999999999</v>
      </c>
    </row>
    <row r="2739" spans="1:10" x14ac:dyDescent="0.25">
      <c r="A2739">
        <v>19</v>
      </c>
      <c r="B2739">
        <v>109.628</v>
      </c>
      <c r="C2739">
        <v>118.369</v>
      </c>
      <c r="D2739">
        <v>190</v>
      </c>
      <c r="E2739">
        <v>10431.5</v>
      </c>
      <c r="F2739">
        <v>10800</v>
      </c>
      <c r="G2739">
        <v>19615.7</v>
      </c>
      <c r="H2739">
        <v>2.2283499999999998</v>
      </c>
      <c r="I2739">
        <v>24462.1</v>
      </c>
      <c r="J2739">
        <v>29.252500000000001</v>
      </c>
    </row>
    <row r="2740" spans="1:10" x14ac:dyDescent="0.25">
      <c r="A2740">
        <v>19</v>
      </c>
      <c r="B2740">
        <v>110.1</v>
      </c>
      <c r="C2740">
        <v>124.652</v>
      </c>
      <c r="D2740">
        <v>189.37299999999999</v>
      </c>
      <c r="E2740">
        <v>7370.08</v>
      </c>
      <c r="F2740">
        <v>10800</v>
      </c>
      <c r="G2740">
        <v>18595.3</v>
      </c>
      <c r="H2740">
        <v>3.8582700000000001</v>
      </c>
      <c r="I2740">
        <v>20958.2</v>
      </c>
      <c r="J2740">
        <v>105.968</v>
      </c>
    </row>
    <row r="2741" spans="1:10" x14ac:dyDescent="0.25">
      <c r="A2741">
        <v>19</v>
      </c>
      <c r="B2741">
        <v>109.39100000000001</v>
      </c>
      <c r="C2741">
        <v>118.369</v>
      </c>
      <c r="D2741">
        <v>190</v>
      </c>
      <c r="E2741">
        <v>7370.08</v>
      </c>
      <c r="F2741">
        <v>10800</v>
      </c>
      <c r="G2741">
        <v>18595.3</v>
      </c>
      <c r="H2741">
        <v>2.0629900000000001</v>
      </c>
      <c r="I2741">
        <v>21409.7</v>
      </c>
      <c r="J2741">
        <v>37.028100000000002</v>
      </c>
    </row>
    <row r="2742" spans="1:10" x14ac:dyDescent="0.25">
      <c r="A2742">
        <v>19</v>
      </c>
      <c r="B2742">
        <v>109.628</v>
      </c>
      <c r="C2742">
        <v>123.395</v>
      </c>
      <c r="D2742">
        <v>189.37299999999999</v>
      </c>
      <c r="E2742">
        <v>7370.08</v>
      </c>
      <c r="F2742">
        <v>10800</v>
      </c>
      <c r="G2742">
        <v>18595.3</v>
      </c>
      <c r="H2742">
        <v>3.90551</v>
      </c>
      <c r="I2742">
        <v>20185</v>
      </c>
      <c r="J2742">
        <v>60.101700000000001</v>
      </c>
    </row>
    <row r="2743" spans="1:10" x14ac:dyDescent="0.25">
      <c r="A2743">
        <v>19</v>
      </c>
      <c r="B2743">
        <v>108.919</v>
      </c>
      <c r="C2743">
        <v>119.625</v>
      </c>
      <c r="D2743">
        <v>190</v>
      </c>
      <c r="E2743">
        <v>10091.299999999999</v>
      </c>
      <c r="F2743">
        <v>10800</v>
      </c>
      <c r="G2743">
        <v>19955.900000000001</v>
      </c>
      <c r="H2743">
        <v>2.25197</v>
      </c>
      <c r="I2743">
        <v>23919.3</v>
      </c>
      <c r="J2743">
        <v>26.526199999999999</v>
      </c>
    </row>
    <row r="2744" spans="1:10" x14ac:dyDescent="0.25">
      <c r="A2744">
        <v>19</v>
      </c>
      <c r="B2744">
        <v>109.155</v>
      </c>
      <c r="C2744">
        <v>123.395</v>
      </c>
      <c r="D2744">
        <v>189.06</v>
      </c>
      <c r="E2744">
        <v>7710.24</v>
      </c>
      <c r="F2744">
        <v>10800</v>
      </c>
      <c r="G2744">
        <v>19955.900000000001</v>
      </c>
      <c r="H2744">
        <v>1.40157</v>
      </c>
      <c r="I2744">
        <v>23243.4</v>
      </c>
      <c r="J2744">
        <v>80.064899999999994</v>
      </c>
    </row>
    <row r="2745" spans="1:10" x14ac:dyDescent="0.25">
      <c r="A2745">
        <v>19</v>
      </c>
      <c r="B2745">
        <v>109.864</v>
      </c>
      <c r="C2745">
        <v>118.369</v>
      </c>
      <c r="D2745">
        <v>189.06</v>
      </c>
      <c r="E2745">
        <v>7370.08</v>
      </c>
      <c r="F2745">
        <v>10800</v>
      </c>
      <c r="G2745">
        <v>19955.900000000001</v>
      </c>
      <c r="H2745">
        <v>2.9606300000000001</v>
      </c>
      <c r="I2745">
        <v>20714.599999999999</v>
      </c>
      <c r="J2745">
        <v>43.721899999999998</v>
      </c>
    </row>
    <row r="2746" spans="1:10" x14ac:dyDescent="0.25">
      <c r="A2746">
        <v>19</v>
      </c>
      <c r="B2746">
        <v>108.68300000000001</v>
      </c>
      <c r="C2746">
        <v>128.422</v>
      </c>
      <c r="D2746">
        <v>189.68700000000001</v>
      </c>
      <c r="E2746">
        <v>7370.08</v>
      </c>
      <c r="F2746">
        <v>10800</v>
      </c>
      <c r="G2746">
        <v>22677.200000000001</v>
      </c>
      <c r="H2746">
        <v>3.14961</v>
      </c>
      <c r="I2746">
        <v>21034.6</v>
      </c>
      <c r="J2746">
        <v>114.233</v>
      </c>
    </row>
    <row r="2747" spans="1:10" x14ac:dyDescent="0.25">
      <c r="A2747">
        <v>19</v>
      </c>
      <c r="B2747">
        <v>108.446</v>
      </c>
      <c r="C2747">
        <v>119.625</v>
      </c>
      <c r="D2747">
        <v>190</v>
      </c>
      <c r="E2747">
        <v>10431.5</v>
      </c>
      <c r="F2747">
        <v>10800</v>
      </c>
      <c r="G2747">
        <v>19785.8</v>
      </c>
      <c r="H2747">
        <v>2.6771699999999998</v>
      </c>
      <c r="I2747">
        <v>24009.3</v>
      </c>
      <c r="J2747">
        <v>22.031199999999998</v>
      </c>
    </row>
    <row r="2748" spans="1:10" x14ac:dyDescent="0.25">
      <c r="A2748">
        <v>19</v>
      </c>
      <c r="B2748">
        <v>109.864</v>
      </c>
      <c r="C2748">
        <v>119.93899999999999</v>
      </c>
      <c r="D2748">
        <v>189.68700000000001</v>
      </c>
      <c r="E2748">
        <v>10091.299999999999</v>
      </c>
      <c r="F2748">
        <v>10800</v>
      </c>
      <c r="G2748">
        <v>19785.8</v>
      </c>
      <c r="H2748">
        <v>3.4330699999999998</v>
      </c>
      <c r="I2748">
        <v>23290.400000000001</v>
      </c>
      <c r="J2748">
        <v>29.892700000000001</v>
      </c>
    </row>
    <row r="2749" spans="1:10" x14ac:dyDescent="0.25">
      <c r="A2749">
        <v>19</v>
      </c>
      <c r="B2749">
        <v>109.864</v>
      </c>
      <c r="C2749">
        <v>124.652</v>
      </c>
      <c r="D2749">
        <v>189.37299999999999</v>
      </c>
      <c r="E2749">
        <v>7370.08</v>
      </c>
      <c r="F2749">
        <v>10800</v>
      </c>
      <c r="G2749">
        <v>19955.900000000001</v>
      </c>
      <c r="H2749">
        <v>3.9527600000000001</v>
      </c>
      <c r="I2749">
        <v>20698.400000000001</v>
      </c>
      <c r="J2749">
        <v>103.702</v>
      </c>
    </row>
    <row r="2750" spans="1:10" x14ac:dyDescent="0.25">
      <c r="A2750">
        <v>19</v>
      </c>
      <c r="B2750">
        <v>109.39100000000001</v>
      </c>
      <c r="C2750">
        <v>119.625</v>
      </c>
      <c r="D2750">
        <v>189.68700000000001</v>
      </c>
      <c r="E2750">
        <v>10431.5</v>
      </c>
      <c r="F2750">
        <v>10800</v>
      </c>
      <c r="G2750">
        <v>18595.3</v>
      </c>
      <c r="H2750">
        <v>3.3858299999999999</v>
      </c>
      <c r="I2750">
        <v>23649.200000000001</v>
      </c>
      <c r="J2750">
        <v>22.9041</v>
      </c>
    </row>
    <row r="2751" spans="1:10" x14ac:dyDescent="0.25">
      <c r="A2751">
        <v>19</v>
      </c>
      <c r="B2751">
        <v>110.1</v>
      </c>
      <c r="C2751">
        <v>123.395</v>
      </c>
      <c r="D2751">
        <v>189.68700000000001</v>
      </c>
      <c r="E2751">
        <v>7370.08</v>
      </c>
      <c r="F2751">
        <v>10800</v>
      </c>
      <c r="G2751">
        <v>18595.3</v>
      </c>
      <c r="H2751">
        <v>3.10236</v>
      </c>
      <c r="I2751">
        <v>21051.4</v>
      </c>
      <c r="J2751">
        <v>24.819800000000001</v>
      </c>
    </row>
    <row r="2752" spans="1:10" x14ac:dyDescent="0.25">
      <c r="A2752">
        <v>19</v>
      </c>
      <c r="B2752">
        <v>109.628</v>
      </c>
      <c r="C2752">
        <v>124.652</v>
      </c>
      <c r="D2752">
        <v>189.68700000000001</v>
      </c>
      <c r="E2752">
        <v>7370.08</v>
      </c>
      <c r="F2752">
        <v>10800</v>
      </c>
      <c r="G2752">
        <v>9070.8700000000008</v>
      </c>
      <c r="H2752">
        <v>2.34646</v>
      </c>
      <c r="I2752">
        <v>21614</v>
      </c>
      <c r="J2752">
        <v>78.884200000000007</v>
      </c>
    </row>
    <row r="2753" spans="1:10" x14ac:dyDescent="0.25">
      <c r="A2753">
        <v>19</v>
      </c>
      <c r="B2753">
        <v>109.864</v>
      </c>
      <c r="C2753">
        <v>119.625</v>
      </c>
      <c r="D2753">
        <v>189.68700000000001</v>
      </c>
      <c r="E2753">
        <v>7370.08</v>
      </c>
      <c r="F2753">
        <v>11055.1</v>
      </c>
      <c r="G2753">
        <v>18595.3</v>
      </c>
      <c r="H2753">
        <v>3.7873999999999999</v>
      </c>
      <c r="I2753">
        <v>20600.5</v>
      </c>
      <c r="J2753">
        <v>57.683500000000002</v>
      </c>
    </row>
    <row r="2754" spans="1:10" x14ac:dyDescent="0.25">
      <c r="A2754">
        <v>19</v>
      </c>
      <c r="B2754">
        <v>108.446</v>
      </c>
      <c r="C2754">
        <v>119.625</v>
      </c>
      <c r="D2754">
        <v>190</v>
      </c>
      <c r="E2754">
        <v>10091.299999999999</v>
      </c>
      <c r="F2754">
        <v>10800</v>
      </c>
      <c r="G2754">
        <v>18595.3</v>
      </c>
      <c r="H2754">
        <v>1.85039</v>
      </c>
      <c r="I2754">
        <v>24483.8</v>
      </c>
      <c r="J2754">
        <v>30.4785</v>
      </c>
    </row>
    <row r="2755" spans="1:10" x14ac:dyDescent="0.25">
      <c r="A2755">
        <v>19</v>
      </c>
      <c r="B2755">
        <v>94.745699999999999</v>
      </c>
      <c r="C2755">
        <v>129.679</v>
      </c>
      <c r="D2755">
        <v>189.68700000000001</v>
      </c>
      <c r="E2755">
        <v>10431.5</v>
      </c>
      <c r="F2755">
        <v>10800</v>
      </c>
      <c r="G2755">
        <v>9070.8700000000008</v>
      </c>
      <c r="H2755">
        <v>1.54331</v>
      </c>
      <c r="I2755">
        <v>25630.7</v>
      </c>
      <c r="J2755">
        <v>118.562</v>
      </c>
    </row>
    <row r="2756" spans="1:10" x14ac:dyDescent="0.25">
      <c r="A2756">
        <v>19</v>
      </c>
      <c r="B2756">
        <v>108.446</v>
      </c>
      <c r="C2756">
        <v>118.68300000000001</v>
      </c>
      <c r="D2756">
        <v>190</v>
      </c>
      <c r="E2756">
        <v>7795.28</v>
      </c>
      <c r="F2756">
        <v>10800</v>
      </c>
      <c r="G2756">
        <v>19955.900000000001</v>
      </c>
      <c r="H2756">
        <v>2.4645700000000001</v>
      </c>
      <c r="I2756">
        <v>21555.5</v>
      </c>
      <c r="J2756">
        <v>41.815199999999997</v>
      </c>
    </row>
    <row r="2757" spans="1:10" x14ac:dyDescent="0.25">
      <c r="A2757">
        <v>19</v>
      </c>
      <c r="B2757">
        <v>108.446</v>
      </c>
      <c r="C2757">
        <v>119.625</v>
      </c>
      <c r="D2757">
        <v>190</v>
      </c>
      <c r="E2757">
        <v>7370.08</v>
      </c>
      <c r="F2757">
        <v>10800</v>
      </c>
      <c r="G2757">
        <v>9070.8700000000008</v>
      </c>
      <c r="H2757">
        <v>1.09449</v>
      </c>
      <c r="I2757">
        <v>23908.1</v>
      </c>
      <c r="J2757">
        <v>47.872100000000003</v>
      </c>
    </row>
    <row r="2758" spans="1:10" x14ac:dyDescent="0.25">
      <c r="A2758">
        <v>19</v>
      </c>
      <c r="B2758">
        <v>109.39100000000001</v>
      </c>
      <c r="C2758">
        <v>119.625</v>
      </c>
      <c r="D2758">
        <v>190</v>
      </c>
      <c r="E2758">
        <v>7370.08</v>
      </c>
      <c r="F2758">
        <v>10800</v>
      </c>
      <c r="G2758">
        <v>19955.900000000001</v>
      </c>
      <c r="H2758">
        <v>3.3622000000000001</v>
      </c>
      <c r="I2758">
        <v>20522.400000000001</v>
      </c>
      <c r="J2758">
        <v>41.57</v>
      </c>
    </row>
    <row r="2759" spans="1:10" x14ac:dyDescent="0.25">
      <c r="A2759">
        <v>19</v>
      </c>
      <c r="B2759">
        <v>108.919</v>
      </c>
      <c r="C2759">
        <v>119.625</v>
      </c>
      <c r="D2759">
        <v>189.68700000000001</v>
      </c>
      <c r="E2759">
        <v>10091.299999999999</v>
      </c>
      <c r="F2759">
        <v>10800</v>
      </c>
      <c r="G2759">
        <v>9070.8700000000008</v>
      </c>
      <c r="H2759">
        <v>3.4330699999999998</v>
      </c>
      <c r="I2759">
        <v>23318.2</v>
      </c>
      <c r="J2759">
        <v>33.667099999999998</v>
      </c>
    </row>
    <row r="2760" spans="1:10" x14ac:dyDescent="0.25">
      <c r="A2760">
        <v>19</v>
      </c>
      <c r="B2760">
        <v>109.864</v>
      </c>
      <c r="C2760">
        <v>129.679</v>
      </c>
      <c r="D2760">
        <v>189.06</v>
      </c>
      <c r="E2760">
        <v>7370.08</v>
      </c>
      <c r="F2760">
        <v>10800</v>
      </c>
      <c r="G2760">
        <v>18595.3</v>
      </c>
      <c r="H2760">
        <v>3.7401599999999999</v>
      </c>
      <c r="I2760">
        <v>20734.099999999999</v>
      </c>
      <c r="J2760">
        <v>124.53100000000001</v>
      </c>
    </row>
    <row r="2761" spans="1:10" x14ac:dyDescent="0.25">
      <c r="A2761">
        <v>19</v>
      </c>
      <c r="B2761">
        <v>109.155</v>
      </c>
      <c r="C2761">
        <v>118.369</v>
      </c>
      <c r="D2761">
        <v>189.68700000000001</v>
      </c>
      <c r="E2761">
        <v>10091.299999999999</v>
      </c>
      <c r="F2761">
        <v>10800</v>
      </c>
      <c r="G2761">
        <v>19955.900000000001</v>
      </c>
      <c r="H2761">
        <v>1.40157</v>
      </c>
      <c r="I2761">
        <v>25253.200000000001</v>
      </c>
      <c r="J2761">
        <v>18.960899999999999</v>
      </c>
    </row>
    <row r="2762" spans="1:10" x14ac:dyDescent="0.25">
      <c r="A2762">
        <v>19</v>
      </c>
      <c r="B2762">
        <v>109.155</v>
      </c>
      <c r="C2762">
        <v>128.73599999999999</v>
      </c>
      <c r="D2762">
        <v>189.68700000000001</v>
      </c>
      <c r="E2762">
        <v>7370.08</v>
      </c>
      <c r="F2762">
        <v>10800</v>
      </c>
      <c r="G2762">
        <v>19785.8</v>
      </c>
      <c r="H2762">
        <v>3.4094500000000001</v>
      </c>
      <c r="I2762">
        <v>20964.3</v>
      </c>
      <c r="J2762">
        <v>27.779299999999999</v>
      </c>
    </row>
    <row r="2763" spans="1:10" x14ac:dyDescent="0.25">
      <c r="A2763">
        <v>19</v>
      </c>
      <c r="B2763">
        <v>108.68300000000001</v>
      </c>
      <c r="C2763">
        <v>118.369</v>
      </c>
      <c r="D2763">
        <v>190</v>
      </c>
      <c r="E2763">
        <v>10091.299999999999</v>
      </c>
      <c r="F2763">
        <v>10800</v>
      </c>
      <c r="G2763">
        <v>19955.900000000001</v>
      </c>
      <c r="H2763">
        <v>1.40157</v>
      </c>
      <c r="I2763">
        <v>25363.200000000001</v>
      </c>
      <c r="J2763">
        <v>18.910900000000002</v>
      </c>
    </row>
    <row r="2764" spans="1:10" x14ac:dyDescent="0.25">
      <c r="A2764">
        <v>19</v>
      </c>
      <c r="B2764">
        <v>108.446</v>
      </c>
      <c r="C2764">
        <v>118.369</v>
      </c>
      <c r="D2764">
        <v>190</v>
      </c>
      <c r="E2764">
        <v>10431.5</v>
      </c>
      <c r="F2764">
        <v>10800</v>
      </c>
      <c r="G2764">
        <v>18595.3</v>
      </c>
      <c r="H2764">
        <v>1.3070900000000001</v>
      </c>
      <c r="I2764">
        <v>25969.8</v>
      </c>
      <c r="J2764">
        <v>17.733799999999999</v>
      </c>
    </row>
    <row r="2765" spans="1:10" x14ac:dyDescent="0.25">
      <c r="A2765">
        <v>19</v>
      </c>
      <c r="B2765">
        <v>109.155</v>
      </c>
      <c r="C2765">
        <v>124.652</v>
      </c>
      <c r="D2765">
        <v>189.37299999999999</v>
      </c>
      <c r="E2765">
        <v>7370.08</v>
      </c>
      <c r="F2765">
        <v>10800</v>
      </c>
      <c r="G2765">
        <v>19955.900000000001</v>
      </c>
      <c r="H2765">
        <v>3.8582700000000001</v>
      </c>
      <c r="I2765">
        <v>20425.900000000001</v>
      </c>
      <c r="J2765">
        <v>33.058799999999998</v>
      </c>
    </row>
    <row r="2766" spans="1:10" x14ac:dyDescent="0.25">
      <c r="A2766">
        <v>19</v>
      </c>
      <c r="B2766">
        <v>108.446</v>
      </c>
      <c r="C2766">
        <v>118.369</v>
      </c>
      <c r="D2766">
        <v>187.18</v>
      </c>
      <c r="E2766">
        <v>10091.299999999999</v>
      </c>
      <c r="F2766">
        <v>10800</v>
      </c>
      <c r="G2766">
        <v>19955.900000000001</v>
      </c>
      <c r="H2766">
        <v>1.40157</v>
      </c>
      <c r="I2766">
        <v>25389.1</v>
      </c>
      <c r="J2766">
        <v>18.889700000000001</v>
      </c>
    </row>
    <row r="2767" spans="1:10" x14ac:dyDescent="0.25">
      <c r="A2767">
        <v>19</v>
      </c>
      <c r="B2767">
        <v>110.1</v>
      </c>
      <c r="C2767">
        <v>123.395</v>
      </c>
      <c r="D2767">
        <v>189.68700000000001</v>
      </c>
      <c r="E2767">
        <v>7370.08</v>
      </c>
      <c r="F2767">
        <v>10800</v>
      </c>
      <c r="G2767">
        <v>18595.3</v>
      </c>
      <c r="H2767">
        <v>3.10236</v>
      </c>
      <c r="I2767">
        <v>21051.4</v>
      </c>
      <c r="J2767">
        <v>24.819800000000001</v>
      </c>
    </row>
    <row r="2768" spans="1:10" x14ac:dyDescent="0.25">
      <c r="A2768">
        <v>19</v>
      </c>
      <c r="B2768">
        <v>108.919</v>
      </c>
      <c r="C2768">
        <v>119.93899999999999</v>
      </c>
      <c r="D2768">
        <v>189.68700000000001</v>
      </c>
      <c r="E2768">
        <v>10091.299999999999</v>
      </c>
      <c r="F2768">
        <v>10800</v>
      </c>
      <c r="G2768">
        <v>19955.900000000001</v>
      </c>
      <c r="H2768">
        <v>2.2283499999999998</v>
      </c>
      <c r="I2768">
        <v>24028.5</v>
      </c>
      <c r="J2768">
        <v>19.968</v>
      </c>
    </row>
    <row r="2769" spans="1:10" x14ac:dyDescent="0.25">
      <c r="A2769">
        <v>19</v>
      </c>
      <c r="B2769">
        <v>110.1</v>
      </c>
      <c r="C2769">
        <v>123.395</v>
      </c>
      <c r="D2769">
        <v>186.553</v>
      </c>
      <c r="E2769">
        <v>7710.24</v>
      </c>
      <c r="F2769">
        <v>10800</v>
      </c>
      <c r="G2769">
        <v>19955.900000000001</v>
      </c>
      <c r="H2769">
        <v>2.4881899999999999</v>
      </c>
      <c r="I2769">
        <v>21372.9</v>
      </c>
      <c r="J2769">
        <v>21.648199999999999</v>
      </c>
    </row>
    <row r="2770" spans="1:10" x14ac:dyDescent="0.25">
      <c r="A2770">
        <v>19</v>
      </c>
      <c r="B2770">
        <v>102.777</v>
      </c>
      <c r="C2770">
        <v>123.081</v>
      </c>
      <c r="D2770">
        <v>182.47900000000001</v>
      </c>
      <c r="E2770">
        <v>7200</v>
      </c>
      <c r="F2770">
        <v>10800</v>
      </c>
      <c r="G2770">
        <v>19955.900000000001</v>
      </c>
      <c r="H2770">
        <v>3.7637800000000001</v>
      </c>
      <c r="I2770">
        <v>20089.900000000001</v>
      </c>
      <c r="J2770">
        <v>33.581899999999997</v>
      </c>
    </row>
    <row r="2771" spans="1:10" x14ac:dyDescent="0.25">
      <c r="A2771">
        <v>19</v>
      </c>
      <c r="B2771">
        <v>105.848</v>
      </c>
      <c r="C2771">
        <v>114.913</v>
      </c>
      <c r="D2771">
        <v>189.06</v>
      </c>
      <c r="E2771">
        <v>7710.24</v>
      </c>
      <c r="F2771">
        <v>14881.9</v>
      </c>
      <c r="G2771">
        <v>22677.200000000001</v>
      </c>
      <c r="H2771">
        <v>1.09449</v>
      </c>
      <c r="I2771">
        <v>28153.9</v>
      </c>
      <c r="J2771">
        <v>16.915900000000001</v>
      </c>
    </row>
    <row r="2772" spans="1:10" x14ac:dyDescent="0.25">
      <c r="A2772">
        <v>19</v>
      </c>
      <c r="B2772">
        <v>110.1</v>
      </c>
      <c r="C2772">
        <v>123.395</v>
      </c>
      <c r="D2772">
        <v>189.06</v>
      </c>
      <c r="E2772">
        <v>7710.24</v>
      </c>
      <c r="F2772">
        <v>10800</v>
      </c>
      <c r="G2772">
        <v>19955.900000000001</v>
      </c>
      <c r="H2772">
        <v>1.6377999999999999</v>
      </c>
      <c r="I2772">
        <v>22282.799999999999</v>
      </c>
      <c r="J2772">
        <v>20.198799999999999</v>
      </c>
    </row>
    <row r="2773" spans="1:10" x14ac:dyDescent="0.25">
      <c r="A2773">
        <v>19</v>
      </c>
      <c r="B2773">
        <v>102.777</v>
      </c>
      <c r="C2773">
        <v>123.081</v>
      </c>
      <c r="D2773">
        <v>182.47900000000001</v>
      </c>
      <c r="E2773">
        <v>7200</v>
      </c>
      <c r="F2773">
        <v>10800</v>
      </c>
      <c r="G2773">
        <v>19955.900000000001</v>
      </c>
      <c r="H2773">
        <v>3.7637800000000001</v>
      </c>
      <c r="I2773">
        <v>20089.900000000001</v>
      </c>
      <c r="J2773">
        <v>33.581899999999997</v>
      </c>
    </row>
    <row r="2774" spans="1:10" x14ac:dyDescent="0.25">
      <c r="A2774">
        <v>19</v>
      </c>
      <c r="B2774">
        <v>105.848</v>
      </c>
      <c r="C2774">
        <v>114.913</v>
      </c>
      <c r="D2774">
        <v>189.06</v>
      </c>
      <c r="E2774">
        <v>7710.24</v>
      </c>
      <c r="F2774">
        <v>14881.9</v>
      </c>
      <c r="G2774">
        <v>22677.200000000001</v>
      </c>
      <c r="H2774">
        <v>1.09449</v>
      </c>
      <c r="I2774">
        <v>28153.9</v>
      </c>
      <c r="J2774">
        <v>16.915900000000001</v>
      </c>
    </row>
    <row r="2775" spans="1:10" x14ac:dyDescent="0.25">
      <c r="A2775">
        <v>19</v>
      </c>
      <c r="B2775">
        <v>110.1</v>
      </c>
      <c r="C2775">
        <v>123.395</v>
      </c>
      <c r="D2775">
        <v>189.06</v>
      </c>
      <c r="E2775">
        <v>7710.24</v>
      </c>
      <c r="F2775">
        <v>10800</v>
      </c>
      <c r="G2775">
        <v>19955.900000000001</v>
      </c>
      <c r="H2775">
        <v>1.6377999999999999</v>
      </c>
      <c r="I2775">
        <v>22282.799999999999</v>
      </c>
      <c r="J2775">
        <v>20.198799999999999</v>
      </c>
    </row>
    <row r="2776" spans="1:10" x14ac:dyDescent="0.25">
      <c r="A2776">
        <v>19</v>
      </c>
      <c r="B2776">
        <v>102.777</v>
      </c>
      <c r="C2776">
        <v>123.081</v>
      </c>
      <c r="D2776">
        <v>182.47900000000001</v>
      </c>
      <c r="E2776">
        <v>7200</v>
      </c>
      <c r="F2776">
        <v>10800</v>
      </c>
      <c r="G2776">
        <v>19955.900000000001</v>
      </c>
      <c r="H2776">
        <v>3.7637800000000001</v>
      </c>
      <c r="I2776">
        <v>20089.900000000001</v>
      </c>
      <c r="J2776">
        <v>33.581899999999997</v>
      </c>
    </row>
    <row r="2777" spans="1:10" x14ac:dyDescent="0.25">
      <c r="A2777">
        <v>19</v>
      </c>
      <c r="B2777">
        <v>102.777</v>
      </c>
      <c r="C2777">
        <v>123.081</v>
      </c>
      <c r="D2777">
        <v>182.47900000000001</v>
      </c>
      <c r="E2777">
        <v>7200</v>
      </c>
      <c r="F2777">
        <v>10800</v>
      </c>
      <c r="G2777">
        <v>19955.900000000001</v>
      </c>
      <c r="H2777">
        <v>3.7637800000000001</v>
      </c>
      <c r="I2777">
        <v>20089.900000000001</v>
      </c>
      <c r="J2777">
        <v>33.581899999999997</v>
      </c>
    </row>
    <row r="2778" spans="1:10" x14ac:dyDescent="0.25">
      <c r="A2778">
        <v>19</v>
      </c>
      <c r="B2778">
        <v>110.1</v>
      </c>
      <c r="C2778">
        <v>123.395</v>
      </c>
      <c r="D2778">
        <v>189.06</v>
      </c>
      <c r="E2778">
        <v>7710.24</v>
      </c>
      <c r="F2778">
        <v>10800</v>
      </c>
      <c r="G2778">
        <v>19955.900000000001</v>
      </c>
      <c r="H2778">
        <v>1.6377999999999999</v>
      </c>
      <c r="I2778">
        <v>22282.799999999999</v>
      </c>
      <c r="J2778">
        <v>20.198799999999999</v>
      </c>
    </row>
    <row r="2779" spans="1:10" x14ac:dyDescent="0.25">
      <c r="A2779">
        <v>19</v>
      </c>
      <c r="B2779">
        <v>102.777</v>
      </c>
      <c r="C2779">
        <v>123.081</v>
      </c>
      <c r="D2779">
        <v>182.47900000000001</v>
      </c>
      <c r="E2779">
        <v>7200</v>
      </c>
      <c r="F2779">
        <v>10800</v>
      </c>
      <c r="G2779">
        <v>19955.900000000001</v>
      </c>
      <c r="H2779">
        <v>3.7637800000000001</v>
      </c>
      <c r="I2779">
        <v>20089.900000000001</v>
      </c>
      <c r="J2779">
        <v>33.581899999999997</v>
      </c>
    </row>
    <row r="2780" spans="1:10" x14ac:dyDescent="0.25">
      <c r="A2780">
        <v>19</v>
      </c>
      <c r="B2780">
        <v>102.777</v>
      </c>
      <c r="C2780">
        <v>123.081</v>
      </c>
      <c r="D2780">
        <v>182.47900000000001</v>
      </c>
      <c r="E2780">
        <v>7200</v>
      </c>
      <c r="F2780">
        <v>10800</v>
      </c>
      <c r="G2780">
        <v>19955.900000000001</v>
      </c>
      <c r="H2780">
        <v>3.7637800000000001</v>
      </c>
      <c r="I2780">
        <v>20089.900000000001</v>
      </c>
      <c r="J2780">
        <v>33.581899999999997</v>
      </c>
    </row>
    <row r="2781" spans="1:10" x14ac:dyDescent="0.25">
      <c r="A2781">
        <v>19</v>
      </c>
      <c r="B2781">
        <v>108.446</v>
      </c>
      <c r="C2781">
        <v>118.369</v>
      </c>
      <c r="D2781">
        <v>190</v>
      </c>
      <c r="E2781">
        <v>10431.5</v>
      </c>
      <c r="F2781">
        <v>10800</v>
      </c>
      <c r="G2781">
        <v>19955.900000000001</v>
      </c>
      <c r="H2781">
        <v>1.1181099999999999</v>
      </c>
      <c r="I2781">
        <v>26815.1</v>
      </c>
      <c r="J2781">
        <v>17.5837</v>
      </c>
    </row>
    <row r="2782" spans="1:10" x14ac:dyDescent="0.25">
      <c r="A2782">
        <v>19</v>
      </c>
      <c r="B2782">
        <v>108.919</v>
      </c>
      <c r="C2782">
        <v>118.369</v>
      </c>
      <c r="D2782">
        <v>189.68700000000001</v>
      </c>
      <c r="E2782">
        <v>10431.5</v>
      </c>
      <c r="F2782">
        <v>10800</v>
      </c>
      <c r="G2782">
        <v>19955.900000000001</v>
      </c>
      <c r="H2782">
        <v>1.4960599999999999</v>
      </c>
      <c r="I2782">
        <v>25565.9</v>
      </c>
      <c r="J2782">
        <v>18.1692</v>
      </c>
    </row>
    <row r="2783" spans="1:10" x14ac:dyDescent="0.25">
      <c r="A2783">
        <v>19</v>
      </c>
      <c r="B2783">
        <v>110.1</v>
      </c>
      <c r="C2783">
        <v>123.395</v>
      </c>
      <c r="D2783">
        <v>189.06</v>
      </c>
      <c r="E2783">
        <v>7370.08</v>
      </c>
      <c r="F2783">
        <v>10800</v>
      </c>
      <c r="G2783">
        <v>21316.5</v>
      </c>
      <c r="H2783">
        <v>3.0787399999999998</v>
      </c>
      <c r="I2783">
        <v>21028.799999999999</v>
      </c>
      <c r="J2783">
        <v>25.227799999999998</v>
      </c>
    </row>
    <row r="2784" spans="1:10" x14ac:dyDescent="0.25">
      <c r="A2784">
        <v>19</v>
      </c>
      <c r="B2784">
        <v>110.1</v>
      </c>
      <c r="C2784">
        <v>123.395</v>
      </c>
      <c r="D2784">
        <v>189.06</v>
      </c>
      <c r="E2784">
        <v>7710.24</v>
      </c>
      <c r="F2784">
        <v>10800</v>
      </c>
      <c r="G2784">
        <v>19955.900000000001</v>
      </c>
      <c r="H2784">
        <v>1.6377999999999999</v>
      </c>
      <c r="I2784">
        <v>22282.799999999999</v>
      </c>
      <c r="J2784">
        <v>20.198799999999999</v>
      </c>
    </row>
    <row r="2785" spans="1:10" x14ac:dyDescent="0.25">
      <c r="A2785">
        <v>19</v>
      </c>
      <c r="B2785">
        <v>106.79300000000001</v>
      </c>
      <c r="C2785">
        <v>124.024</v>
      </c>
      <c r="D2785">
        <v>184.04599999999999</v>
      </c>
      <c r="E2785">
        <v>10516.5</v>
      </c>
      <c r="F2785">
        <v>19984.3</v>
      </c>
      <c r="G2785">
        <v>20636.2</v>
      </c>
      <c r="H2785">
        <v>2.25197</v>
      </c>
      <c r="I2785">
        <v>36430.5</v>
      </c>
      <c r="J2785">
        <v>16.778199999999998</v>
      </c>
    </row>
    <row r="2786" spans="1:10" x14ac:dyDescent="0.25">
      <c r="A2786">
        <v>19</v>
      </c>
      <c r="B2786">
        <v>102.777</v>
      </c>
      <c r="C2786">
        <v>123.081</v>
      </c>
      <c r="D2786">
        <v>182.47900000000001</v>
      </c>
      <c r="E2786">
        <v>7200</v>
      </c>
      <c r="F2786">
        <v>10800</v>
      </c>
      <c r="G2786">
        <v>19955.900000000001</v>
      </c>
      <c r="H2786">
        <v>3.7637800000000001</v>
      </c>
      <c r="I2786">
        <v>20089.900000000001</v>
      </c>
      <c r="J2786">
        <v>33.581899999999997</v>
      </c>
    </row>
    <row r="2787" spans="1:10" x14ac:dyDescent="0.25">
      <c r="A2787">
        <v>19</v>
      </c>
      <c r="B2787">
        <v>110.1</v>
      </c>
      <c r="C2787">
        <v>123.395</v>
      </c>
      <c r="D2787">
        <v>189.06</v>
      </c>
      <c r="E2787">
        <v>7370.08</v>
      </c>
      <c r="F2787">
        <v>10800</v>
      </c>
      <c r="G2787">
        <v>21316.5</v>
      </c>
      <c r="H2787">
        <v>3.0787399999999998</v>
      </c>
      <c r="I2787">
        <v>21028.799999999999</v>
      </c>
      <c r="J2787">
        <v>25.227799999999998</v>
      </c>
    </row>
    <row r="2788" spans="1:10" x14ac:dyDescent="0.25">
      <c r="A2788">
        <v>19</v>
      </c>
      <c r="B2788">
        <v>108.446</v>
      </c>
      <c r="C2788">
        <v>118.369</v>
      </c>
      <c r="D2788">
        <v>190</v>
      </c>
      <c r="E2788">
        <v>10431.5</v>
      </c>
      <c r="F2788">
        <v>10800</v>
      </c>
      <c r="G2788">
        <v>19955.900000000001</v>
      </c>
      <c r="H2788">
        <v>1.1181099999999999</v>
      </c>
      <c r="I2788">
        <v>26815.1</v>
      </c>
      <c r="J2788">
        <v>17.5837</v>
      </c>
    </row>
    <row r="2789" spans="1:10" x14ac:dyDescent="0.25">
      <c r="A2789">
        <v>19</v>
      </c>
      <c r="B2789">
        <v>108.446</v>
      </c>
      <c r="C2789">
        <v>118.369</v>
      </c>
      <c r="D2789">
        <v>190</v>
      </c>
      <c r="E2789">
        <v>10431.5</v>
      </c>
      <c r="F2789">
        <v>10800</v>
      </c>
      <c r="G2789">
        <v>19955.900000000001</v>
      </c>
      <c r="H2789">
        <v>1.1181099999999999</v>
      </c>
      <c r="I2789">
        <v>26815.1</v>
      </c>
      <c r="J2789">
        <v>17.5837</v>
      </c>
    </row>
    <row r="2790" spans="1:10" x14ac:dyDescent="0.25">
      <c r="A2790">
        <v>19</v>
      </c>
      <c r="B2790">
        <v>110.1</v>
      </c>
      <c r="C2790">
        <v>123.395</v>
      </c>
      <c r="D2790">
        <v>189.06</v>
      </c>
      <c r="E2790">
        <v>7710.24</v>
      </c>
      <c r="F2790">
        <v>10800</v>
      </c>
      <c r="G2790">
        <v>19955.900000000001</v>
      </c>
      <c r="H2790">
        <v>1.6377999999999999</v>
      </c>
      <c r="I2790">
        <v>22282.799999999999</v>
      </c>
      <c r="J2790">
        <v>20.198799999999999</v>
      </c>
    </row>
    <row r="2791" spans="1:10" x14ac:dyDescent="0.25">
      <c r="A2791">
        <v>19</v>
      </c>
      <c r="B2791">
        <v>102.777</v>
      </c>
      <c r="C2791">
        <v>123.081</v>
      </c>
      <c r="D2791">
        <v>182.47900000000001</v>
      </c>
      <c r="E2791">
        <v>7200</v>
      </c>
      <c r="F2791">
        <v>10800</v>
      </c>
      <c r="G2791">
        <v>19955.900000000001</v>
      </c>
      <c r="H2791">
        <v>3.7637800000000001</v>
      </c>
      <c r="I2791">
        <v>20089.900000000001</v>
      </c>
      <c r="J2791">
        <v>33.581899999999997</v>
      </c>
    </row>
    <row r="2792" spans="1:10" x14ac:dyDescent="0.25">
      <c r="A2792">
        <v>19</v>
      </c>
      <c r="B2792">
        <v>102.777</v>
      </c>
      <c r="C2792">
        <v>123.081</v>
      </c>
      <c r="D2792">
        <v>182.47900000000001</v>
      </c>
      <c r="E2792">
        <v>7200</v>
      </c>
      <c r="F2792">
        <v>10800</v>
      </c>
      <c r="G2792">
        <v>19955.900000000001</v>
      </c>
      <c r="H2792">
        <v>3.7637800000000001</v>
      </c>
      <c r="I2792">
        <v>20089.900000000001</v>
      </c>
      <c r="J2792">
        <v>33.581899999999997</v>
      </c>
    </row>
    <row r="2793" spans="1:10" x14ac:dyDescent="0.25">
      <c r="A2793">
        <v>19</v>
      </c>
      <c r="B2793">
        <v>110.1</v>
      </c>
      <c r="C2793">
        <v>123.395</v>
      </c>
      <c r="D2793">
        <v>189.06</v>
      </c>
      <c r="E2793">
        <v>7710.24</v>
      </c>
      <c r="F2793">
        <v>10800</v>
      </c>
      <c r="G2793">
        <v>19955.900000000001</v>
      </c>
      <c r="H2793">
        <v>1.6377999999999999</v>
      </c>
      <c r="I2793">
        <v>22282.799999999999</v>
      </c>
      <c r="J2793">
        <v>20.198799999999999</v>
      </c>
    </row>
    <row r="2794" spans="1:10" x14ac:dyDescent="0.25">
      <c r="A2794">
        <v>19</v>
      </c>
      <c r="B2794">
        <v>108.446</v>
      </c>
      <c r="C2794">
        <v>119.625</v>
      </c>
      <c r="D2794">
        <v>189.68700000000001</v>
      </c>
      <c r="E2794">
        <v>9070.8700000000008</v>
      </c>
      <c r="F2794">
        <v>10800</v>
      </c>
      <c r="G2794">
        <v>19955.900000000001</v>
      </c>
      <c r="H2794">
        <v>1.4960599999999999</v>
      </c>
      <c r="I2794">
        <v>24098.3</v>
      </c>
      <c r="J2794">
        <v>19.2303</v>
      </c>
    </row>
    <row r="2795" spans="1:10" x14ac:dyDescent="0.25">
      <c r="A2795">
        <v>19</v>
      </c>
      <c r="B2795">
        <v>102.777</v>
      </c>
      <c r="C2795">
        <v>123.081</v>
      </c>
      <c r="D2795">
        <v>182.47900000000001</v>
      </c>
      <c r="E2795">
        <v>7200</v>
      </c>
      <c r="F2795">
        <v>10800</v>
      </c>
      <c r="G2795">
        <v>19955.900000000001</v>
      </c>
      <c r="H2795">
        <v>3.7637800000000001</v>
      </c>
      <c r="I2795">
        <v>20089.900000000001</v>
      </c>
      <c r="J2795">
        <v>33.581899999999997</v>
      </c>
    </row>
    <row r="2796" spans="1:10" x14ac:dyDescent="0.25">
      <c r="A2796">
        <v>19</v>
      </c>
      <c r="B2796">
        <v>110.1</v>
      </c>
      <c r="C2796">
        <v>123.395</v>
      </c>
      <c r="D2796">
        <v>189.06</v>
      </c>
      <c r="E2796">
        <v>7710.24</v>
      </c>
      <c r="F2796">
        <v>10800</v>
      </c>
      <c r="G2796">
        <v>19955.900000000001</v>
      </c>
      <c r="H2796">
        <v>1.6377999999999999</v>
      </c>
      <c r="I2796">
        <v>22282.799999999999</v>
      </c>
      <c r="J2796">
        <v>20.198799999999999</v>
      </c>
    </row>
    <row r="2797" spans="1:10" x14ac:dyDescent="0.25">
      <c r="A2797">
        <v>19</v>
      </c>
      <c r="B2797">
        <v>110.1</v>
      </c>
      <c r="C2797">
        <v>123.395</v>
      </c>
      <c r="D2797">
        <v>189.06</v>
      </c>
      <c r="E2797">
        <v>7710.24</v>
      </c>
      <c r="F2797">
        <v>10800</v>
      </c>
      <c r="G2797">
        <v>19955.900000000001</v>
      </c>
      <c r="H2797">
        <v>1.6377999999999999</v>
      </c>
      <c r="I2797">
        <v>22282.799999999999</v>
      </c>
      <c r="J2797">
        <v>20.198799999999999</v>
      </c>
    </row>
    <row r="2798" spans="1:10" x14ac:dyDescent="0.25">
      <c r="A2798">
        <v>19</v>
      </c>
      <c r="B2798">
        <v>108.446</v>
      </c>
      <c r="C2798">
        <v>117.74</v>
      </c>
      <c r="D2798">
        <v>189.68700000000001</v>
      </c>
      <c r="E2798">
        <v>9921.26</v>
      </c>
      <c r="F2798">
        <v>10800</v>
      </c>
      <c r="G2798">
        <v>18595.3</v>
      </c>
      <c r="H2798">
        <v>1.1653500000000001</v>
      </c>
      <c r="I2798">
        <v>25881.9</v>
      </c>
      <c r="J2798">
        <v>18.015799999999999</v>
      </c>
    </row>
    <row r="2799" spans="1:10" x14ac:dyDescent="0.25">
      <c r="A2799">
        <v>19</v>
      </c>
      <c r="B2799">
        <v>109.155</v>
      </c>
      <c r="C2799">
        <v>128.422</v>
      </c>
      <c r="D2799">
        <v>189.68700000000001</v>
      </c>
      <c r="E2799">
        <v>7370.08</v>
      </c>
      <c r="F2799">
        <v>10800</v>
      </c>
      <c r="G2799">
        <v>22507.1</v>
      </c>
      <c r="H2799">
        <v>3.3149600000000001</v>
      </c>
      <c r="I2799">
        <v>20692</v>
      </c>
      <c r="J2799">
        <v>28.869900000000001</v>
      </c>
    </row>
    <row r="2800" spans="1:10" x14ac:dyDescent="0.25">
      <c r="A2800">
        <v>19</v>
      </c>
      <c r="B2800">
        <v>108.446</v>
      </c>
      <c r="C2800">
        <v>119.625</v>
      </c>
      <c r="D2800">
        <v>189.68700000000001</v>
      </c>
      <c r="E2800">
        <v>9070.8700000000008</v>
      </c>
      <c r="F2800">
        <v>10800</v>
      </c>
      <c r="G2800">
        <v>19955.900000000001</v>
      </c>
      <c r="H2800">
        <v>1.4960599999999999</v>
      </c>
      <c r="I2800">
        <v>24098.3</v>
      </c>
      <c r="J2800">
        <v>19.2303</v>
      </c>
    </row>
    <row r="2801" spans="1:10" x14ac:dyDescent="0.25">
      <c r="A2801">
        <v>20</v>
      </c>
      <c r="B2801">
        <v>110.1</v>
      </c>
      <c r="C2801">
        <v>123.395</v>
      </c>
      <c r="D2801">
        <v>186.553</v>
      </c>
      <c r="E2801">
        <v>7710.24</v>
      </c>
      <c r="F2801">
        <v>10800</v>
      </c>
      <c r="G2801">
        <v>19955.900000000001</v>
      </c>
      <c r="H2801">
        <v>2.4881899999999999</v>
      </c>
      <c r="I2801">
        <v>21372.9</v>
      </c>
      <c r="J2801">
        <v>21.648199999999999</v>
      </c>
    </row>
    <row r="2802" spans="1:10" x14ac:dyDescent="0.25">
      <c r="A2802">
        <v>20</v>
      </c>
      <c r="B2802">
        <v>108.446</v>
      </c>
      <c r="C2802">
        <v>119.625</v>
      </c>
      <c r="D2802">
        <v>190</v>
      </c>
      <c r="E2802">
        <v>10091.299999999999</v>
      </c>
      <c r="F2802">
        <v>10800</v>
      </c>
      <c r="G2802">
        <v>19955.900000000001</v>
      </c>
      <c r="H2802">
        <v>1.7795300000000001</v>
      </c>
      <c r="I2802">
        <v>24642.400000000001</v>
      </c>
      <c r="J2802">
        <v>19.604500000000002</v>
      </c>
    </row>
    <row r="2803" spans="1:10" x14ac:dyDescent="0.25">
      <c r="A2803">
        <v>20</v>
      </c>
      <c r="B2803">
        <v>108.446</v>
      </c>
      <c r="C2803">
        <v>118.369</v>
      </c>
      <c r="D2803">
        <v>190</v>
      </c>
      <c r="E2803">
        <v>10431.5</v>
      </c>
      <c r="F2803">
        <v>10800</v>
      </c>
      <c r="G2803">
        <v>18595.3</v>
      </c>
      <c r="H2803">
        <v>1.3070900000000001</v>
      </c>
      <c r="I2803">
        <v>25969.8</v>
      </c>
      <c r="J2803">
        <v>17.733799999999999</v>
      </c>
    </row>
    <row r="2804" spans="1:10" x14ac:dyDescent="0.25">
      <c r="A2804">
        <v>20</v>
      </c>
      <c r="B2804">
        <v>108.446</v>
      </c>
      <c r="C2804">
        <v>118.369</v>
      </c>
      <c r="D2804">
        <v>190</v>
      </c>
      <c r="E2804">
        <v>10431.5</v>
      </c>
      <c r="F2804">
        <v>10800</v>
      </c>
      <c r="G2804">
        <v>19955.900000000001</v>
      </c>
      <c r="H2804">
        <v>1.1181099999999999</v>
      </c>
      <c r="I2804">
        <v>26815.1</v>
      </c>
      <c r="J2804">
        <v>17.5837</v>
      </c>
    </row>
    <row r="2805" spans="1:10" x14ac:dyDescent="0.25">
      <c r="A2805">
        <v>20</v>
      </c>
      <c r="B2805">
        <v>110.1</v>
      </c>
      <c r="C2805">
        <v>123.395</v>
      </c>
      <c r="D2805">
        <v>189.68700000000001</v>
      </c>
      <c r="E2805">
        <v>7370.08</v>
      </c>
      <c r="F2805">
        <v>10800</v>
      </c>
      <c r="G2805">
        <v>18595.3</v>
      </c>
      <c r="H2805">
        <v>3.10236</v>
      </c>
      <c r="I2805">
        <v>21051.4</v>
      </c>
      <c r="J2805">
        <v>24.819800000000001</v>
      </c>
    </row>
    <row r="2806" spans="1:10" x14ac:dyDescent="0.25">
      <c r="A2806">
        <v>20</v>
      </c>
      <c r="B2806">
        <v>110.1</v>
      </c>
      <c r="C2806">
        <v>123.395</v>
      </c>
      <c r="D2806">
        <v>189.06</v>
      </c>
      <c r="E2806">
        <v>7710.24</v>
      </c>
      <c r="F2806">
        <v>10800</v>
      </c>
      <c r="G2806">
        <v>19955.900000000001</v>
      </c>
      <c r="H2806">
        <v>1.6377999999999999</v>
      </c>
      <c r="I2806">
        <v>22282.799999999999</v>
      </c>
      <c r="J2806">
        <v>20.198799999999999</v>
      </c>
    </row>
    <row r="2807" spans="1:10" x14ac:dyDescent="0.25">
      <c r="A2807">
        <v>20</v>
      </c>
      <c r="B2807">
        <v>108.919</v>
      </c>
      <c r="C2807">
        <v>119.93899999999999</v>
      </c>
      <c r="D2807">
        <v>189.68700000000001</v>
      </c>
      <c r="E2807">
        <v>10091.299999999999</v>
      </c>
      <c r="F2807">
        <v>10800</v>
      </c>
      <c r="G2807">
        <v>19955.900000000001</v>
      </c>
      <c r="H2807">
        <v>2.2283499999999998</v>
      </c>
      <c r="I2807">
        <v>24028.5</v>
      </c>
      <c r="J2807">
        <v>19.968</v>
      </c>
    </row>
    <row r="2808" spans="1:10" x14ac:dyDescent="0.25">
      <c r="A2808">
        <v>20</v>
      </c>
      <c r="B2808">
        <v>109.155</v>
      </c>
      <c r="C2808">
        <v>124.652</v>
      </c>
      <c r="D2808">
        <v>189.37299999999999</v>
      </c>
      <c r="E2808">
        <v>7370.08</v>
      </c>
      <c r="F2808">
        <v>10800</v>
      </c>
      <c r="G2808">
        <v>19955.900000000001</v>
      </c>
      <c r="H2808">
        <v>3.8582700000000001</v>
      </c>
      <c r="I2808">
        <v>20425.900000000001</v>
      </c>
      <c r="J2808">
        <v>33.058799999999998</v>
      </c>
    </row>
    <row r="2809" spans="1:10" x14ac:dyDescent="0.25">
      <c r="A2809">
        <v>20</v>
      </c>
      <c r="B2809">
        <v>109.628</v>
      </c>
      <c r="C2809">
        <v>112.71299999999999</v>
      </c>
      <c r="D2809">
        <v>189.68700000000001</v>
      </c>
      <c r="E2809">
        <v>7370.08</v>
      </c>
      <c r="F2809">
        <v>10800</v>
      </c>
      <c r="G2809">
        <v>19955.900000000001</v>
      </c>
      <c r="H2809">
        <v>2.7244100000000002</v>
      </c>
      <c r="I2809">
        <v>21016</v>
      </c>
      <c r="J2809">
        <v>61.978700000000003</v>
      </c>
    </row>
    <row r="2810" spans="1:10" x14ac:dyDescent="0.25">
      <c r="A2810">
        <v>20</v>
      </c>
      <c r="B2810">
        <v>110.1</v>
      </c>
      <c r="C2810">
        <v>114.598</v>
      </c>
      <c r="D2810">
        <v>189.06</v>
      </c>
      <c r="E2810">
        <v>7370.08</v>
      </c>
      <c r="F2810">
        <v>10800</v>
      </c>
      <c r="G2810">
        <v>18595.3</v>
      </c>
      <c r="H2810">
        <v>3.9291299999999998</v>
      </c>
      <c r="I2810">
        <v>20377.099999999999</v>
      </c>
      <c r="J2810">
        <v>63.924900000000001</v>
      </c>
    </row>
    <row r="2811" spans="1:10" x14ac:dyDescent="0.25">
      <c r="A2811">
        <v>20</v>
      </c>
      <c r="B2811">
        <v>108.446</v>
      </c>
      <c r="C2811">
        <v>119.625</v>
      </c>
      <c r="D2811">
        <v>189.06</v>
      </c>
      <c r="E2811">
        <v>7370.08</v>
      </c>
      <c r="F2811">
        <v>10800</v>
      </c>
      <c r="G2811">
        <v>19955.900000000001</v>
      </c>
      <c r="H2811">
        <v>3.3858299999999999</v>
      </c>
      <c r="I2811">
        <v>20411.8</v>
      </c>
      <c r="J2811">
        <v>47.009099999999997</v>
      </c>
    </row>
    <row r="2812" spans="1:10" x14ac:dyDescent="0.25">
      <c r="A2812">
        <v>20</v>
      </c>
      <c r="B2812">
        <v>109.864</v>
      </c>
      <c r="C2812">
        <v>119.93899999999999</v>
      </c>
      <c r="D2812">
        <v>189.68700000000001</v>
      </c>
      <c r="E2812">
        <v>10431.5</v>
      </c>
      <c r="F2812">
        <v>14881.9</v>
      </c>
      <c r="G2812">
        <v>19955.900000000001</v>
      </c>
      <c r="H2812">
        <v>2.2283499999999998</v>
      </c>
      <c r="I2812">
        <v>30352.7</v>
      </c>
      <c r="J2812">
        <v>21.638100000000001</v>
      </c>
    </row>
    <row r="2813" spans="1:10" x14ac:dyDescent="0.25">
      <c r="A2813">
        <v>20</v>
      </c>
      <c r="B2813">
        <v>108.919</v>
      </c>
      <c r="C2813">
        <v>119.625</v>
      </c>
      <c r="D2813">
        <v>189.68700000000001</v>
      </c>
      <c r="E2813">
        <v>7370.08</v>
      </c>
      <c r="F2813">
        <v>10800</v>
      </c>
      <c r="G2813">
        <v>18595.3</v>
      </c>
      <c r="H2813">
        <v>3.7401599999999999</v>
      </c>
      <c r="I2813">
        <v>20252.2</v>
      </c>
      <c r="J2813">
        <v>42.806699999999999</v>
      </c>
    </row>
    <row r="2814" spans="1:10" x14ac:dyDescent="0.25">
      <c r="A2814">
        <v>20</v>
      </c>
      <c r="B2814">
        <v>108.919</v>
      </c>
      <c r="C2814">
        <v>119.93899999999999</v>
      </c>
      <c r="D2814">
        <v>189.68700000000001</v>
      </c>
      <c r="E2814">
        <v>10091.299999999999</v>
      </c>
      <c r="F2814">
        <v>10800</v>
      </c>
      <c r="G2814">
        <v>18595.3</v>
      </c>
      <c r="H2814">
        <v>3.8110200000000001</v>
      </c>
      <c r="I2814">
        <v>23115.4</v>
      </c>
      <c r="J2814">
        <v>31.2377</v>
      </c>
    </row>
    <row r="2815" spans="1:10" x14ac:dyDescent="0.25">
      <c r="A2815">
        <v>20</v>
      </c>
      <c r="B2815">
        <v>109.628</v>
      </c>
      <c r="C2815">
        <v>118.369</v>
      </c>
      <c r="D2815">
        <v>190</v>
      </c>
      <c r="E2815">
        <v>10431.5</v>
      </c>
      <c r="F2815">
        <v>10800</v>
      </c>
      <c r="G2815">
        <v>18595.3</v>
      </c>
      <c r="H2815">
        <v>1.2125999999999999</v>
      </c>
      <c r="I2815">
        <v>26324.6</v>
      </c>
      <c r="J2815">
        <v>31.278600000000001</v>
      </c>
    </row>
    <row r="2816" spans="1:10" x14ac:dyDescent="0.25">
      <c r="A2816">
        <v>20</v>
      </c>
      <c r="B2816">
        <v>104.667</v>
      </c>
      <c r="C2816">
        <v>118.369</v>
      </c>
      <c r="D2816">
        <v>190</v>
      </c>
      <c r="E2816">
        <v>10431.5</v>
      </c>
      <c r="F2816">
        <v>10800</v>
      </c>
      <c r="G2816">
        <v>18595.3</v>
      </c>
      <c r="H2816">
        <v>1.3070900000000001</v>
      </c>
      <c r="I2816">
        <v>26042.3</v>
      </c>
      <c r="J2816">
        <v>54.273099999999999</v>
      </c>
    </row>
    <row r="2817" spans="1:10" x14ac:dyDescent="0.25">
      <c r="A2817">
        <v>20</v>
      </c>
      <c r="B2817">
        <v>110.1</v>
      </c>
      <c r="C2817">
        <v>123.395</v>
      </c>
      <c r="D2817">
        <v>186.553</v>
      </c>
      <c r="E2817">
        <v>7710.24</v>
      </c>
      <c r="F2817">
        <v>10800</v>
      </c>
      <c r="G2817">
        <v>19955.900000000001</v>
      </c>
      <c r="H2817">
        <v>2.4881899999999999</v>
      </c>
      <c r="I2817">
        <v>21372.9</v>
      </c>
      <c r="J2817">
        <v>21.648199999999999</v>
      </c>
    </row>
    <row r="2818" spans="1:10" x14ac:dyDescent="0.25">
      <c r="A2818">
        <v>20</v>
      </c>
      <c r="B2818">
        <v>108.446</v>
      </c>
      <c r="C2818">
        <v>119.625</v>
      </c>
      <c r="D2818">
        <v>189.06</v>
      </c>
      <c r="E2818">
        <v>7710.24</v>
      </c>
      <c r="F2818">
        <v>10800</v>
      </c>
      <c r="G2818">
        <v>22677.200000000001</v>
      </c>
      <c r="H2818">
        <v>2.6771699999999998</v>
      </c>
      <c r="I2818">
        <v>21168.9</v>
      </c>
      <c r="J2818">
        <v>41.0595</v>
      </c>
    </row>
    <row r="2819" spans="1:10" x14ac:dyDescent="0.25">
      <c r="A2819">
        <v>20</v>
      </c>
      <c r="B2819">
        <v>109.39100000000001</v>
      </c>
      <c r="C2819">
        <v>114.598</v>
      </c>
      <c r="D2819">
        <v>189.37299999999999</v>
      </c>
      <c r="E2819">
        <v>7370.08</v>
      </c>
      <c r="F2819">
        <v>10800</v>
      </c>
      <c r="G2819">
        <v>18595.3</v>
      </c>
      <c r="H2819">
        <v>3.8582700000000001</v>
      </c>
      <c r="I2819">
        <v>20387.099999999999</v>
      </c>
      <c r="J2819">
        <v>63.293700000000001</v>
      </c>
    </row>
    <row r="2820" spans="1:10" x14ac:dyDescent="0.25">
      <c r="A2820">
        <v>20</v>
      </c>
      <c r="B2820">
        <v>109.39100000000001</v>
      </c>
      <c r="C2820">
        <v>114.598</v>
      </c>
      <c r="D2820">
        <v>184.672</v>
      </c>
      <c r="E2820">
        <v>10091.299999999999</v>
      </c>
      <c r="F2820">
        <v>10800</v>
      </c>
      <c r="G2820">
        <v>7710.24</v>
      </c>
      <c r="H2820">
        <v>3.5748000000000002</v>
      </c>
      <c r="I2820">
        <v>23171.7</v>
      </c>
      <c r="J2820">
        <v>50.982599999999998</v>
      </c>
    </row>
    <row r="2821" spans="1:10" x14ac:dyDescent="0.25">
      <c r="A2821">
        <v>20</v>
      </c>
      <c r="B2821">
        <v>108.446</v>
      </c>
      <c r="C2821">
        <v>119.93899999999999</v>
      </c>
      <c r="D2821">
        <v>190</v>
      </c>
      <c r="E2821">
        <v>10091.299999999999</v>
      </c>
      <c r="F2821">
        <v>10800</v>
      </c>
      <c r="G2821">
        <v>19955.900000000001</v>
      </c>
      <c r="H2821">
        <v>2.1338599999999999</v>
      </c>
      <c r="I2821">
        <v>24143.200000000001</v>
      </c>
      <c r="J2821">
        <v>20.894600000000001</v>
      </c>
    </row>
    <row r="2822" spans="1:10" x14ac:dyDescent="0.25">
      <c r="A2822">
        <v>20</v>
      </c>
      <c r="B2822">
        <v>110.1</v>
      </c>
      <c r="C2822">
        <v>119.625</v>
      </c>
      <c r="D2822">
        <v>186.553</v>
      </c>
      <c r="E2822">
        <v>7710.24</v>
      </c>
      <c r="F2822">
        <v>10800</v>
      </c>
      <c r="G2822">
        <v>19955.900000000001</v>
      </c>
      <c r="H2822">
        <v>3.9291299999999998</v>
      </c>
      <c r="I2822">
        <v>20687.599999999999</v>
      </c>
      <c r="J2822">
        <v>61.627000000000002</v>
      </c>
    </row>
    <row r="2823" spans="1:10" x14ac:dyDescent="0.25">
      <c r="A2823">
        <v>20</v>
      </c>
      <c r="B2823">
        <v>110.1</v>
      </c>
      <c r="C2823">
        <v>114.598</v>
      </c>
      <c r="D2823">
        <v>189.68700000000001</v>
      </c>
      <c r="E2823">
        <v>7370.08</v>
      </c>
      <c r="F2823">
        <v>10800</v>
      </c>
      <c r="G2823">
        <v>18595.3</v>
      </c>
      <c r="H2823">
        <v>3.9291299999999998</v>
      </c>
      <c r="I2823">
        <v>20308.5</v>
      </c>
      <c r="J2823">
        <v>61.411999999999999</v>
      </c>
    </row>
    <row r="2824" spans="1:10" x14ac:dyDescent="0.25">
      <c r="A2824">
        <v>20</v>
      </c>
      <c r="B2824">
        <v>108.919</v>
      </c>
      <c r="C2824">
        <v>119.625</v>
      </c>
      <c r="D2824">
        <v>189.68700000000001</v>
      </c>
      <c r="E2824">
        <v>7370.08</v>
      </c>
      <c r="F2824">
        <v>10800</v>
      </c>
      <c r="G2824">
        <v>19955.900000000001</v>
      </c>
      <c r="H2824">
        <v>3.4094500000000001</v>
      </c>
      <c r="I2824">
        <v>20380.2</v>
      </c>
      <c r="J2824">
        <v>40.484000000000002</v>
      </c>
    </row>
    <row r="2825" spans="1:10" x14ac:dyDescent="0.25">
      <c r="A2825">
        <v>20</v>
      </c>
      <c r="B2825">
        <v>109.155</v>
      </c>
      <c r="C2825">
        <v>124.652</v>
      </c>
      <c r="D2825">
        <v>189.37299999999999</v>
      </c>
      <c r="E2825">
        <v>7370.08</v>
      </c>
      <c r="F2825">
        <v>10800</v>
      </c>
      <c r="G2825">
        <v>18595.3</v>
      </c>
      <c r="H2825">
        <v>3.4803099999999998</v>
      </c>
      <c r="I2825">
        <v>20510</v>
      </c>
      <c r="J2825">
        <v>35.837600000000002</v>
      </c>
    </row>
    <row r="2826" spans="1:10" x14ac:dyDescent="0.25">
      <c r="A2826">
        <v>20</v>
      </c>
      <c r="B2826">
        <v>108.919</v>
      </c>
      <c r="C2826">
        <v>119.93899999999999</v>
      </c>
      <c r="D2826">
        <v>189.68700000000001</v>
      </c>
      <c r="E2826">
        <v>7370.08</v>
      </c>
      <c r="F2826">
        <v>10800</v>
      </c>
      <c r="G2826">
        <v>9070.8700000000008</v>
      </c>
      <c r="H2826">
        <v>3.3622000000000001</v>
      </c>
      <c r="I2826">
        <v>20416.5</v>
      </c>
      <c r="J2826">
        <v>38.339399999999998</v>
      </c>
    </row>
    <row r="2827" spans="1:10" x14ac:dyDescent="0.25">
      <c r="A2827">
        <v>20</v>
      </c>
      <c r="B2827">
        <v>109.628</v>
      </c>
      <c r="C2827">
        <v>123.395</v>
      </c>
      <c r="D2827">
        <v>186.553</v>
      </c>
      <c r="E2827">
        <v>7370.08</v>
      </c>
      <c r="F2827">
        <v>10800</v>
      </c>
      <c r="G2827">
        <v>18595.3</v>
      </c>
      <c r="H2827">
        <v>2.4881899999999999</v>
      </c>
      <c r="I2827">
        <v>21796.6</v>
      </c>
      <c r="J2827">
        <v>25.094799999999999</v>
      </c>
    </row>
    <row r="2828" spans="1:10" x14ac:dyDescent="0.25">
      <c r="A2828">
        <v>20</v>
      </c>
      <c r="B2828">
        <v>109.155</v>
      </c>
      <c r="C2828">
        <v>124.96599999999999</v>
      </c>
      <c r="D2828">
        <v>190</v>
      </c>
      <c r="E2828">
        <v>10091.299999999999</v>
      </c>
      <c r="F2828">
        <v>10800</v>
      </c>
      <c r="G2828">
        <v>19955.900000000001</v>
      </c>
      <c r="H2828">
        <v>2.34646</v>
      </c>
      <c r="I2828">
        <v>24586</v>
      </c>
      <c r="J2828">
        <v>33.354199999999999</v>
      </c>
    </row>
    <row r="2829" spans="1:10" x14ac:dyDescent="0.25">
      <c r="A2829">
        <v>20</v>
      </c>
      <c r="B2829">
        <v>108.446</v>
      </c>
      <c r="C2829">
        <v>124.652</v>
      </c>
      <c r="D2829">
        <v>189.68700000000001</v>
      </c>
      <c r="E2829">
        <v>7710.24</v>
      </c>
      <c r="F2829">
        <v>10800</v>
      </c>
      <c r="G2829">
        <v>9070.8700000000008</v>
      </c>
      <c r="H2829">
        <v>2.25197</v>
      </c>
      <c r="I2829">
        <v>22937.5</v>
      </c>
      <c r="J2829">
        <v>32.945399999999999</v>
      </c>
    </row>
    <row r="2830" spans="1:10" x14ac:dyDescent="0.25">
      <c r="A2830">
        <v>20</v>
      </c>
      <c r="B2830">
        <v>110.1</v>
      </c>
      <c r="C2830">
        <v>119.625</v>
      </c>
      <c r="D2830">
        <v>189.37299999999999</v>
      </c>
      <c r="E2830">
        <v>7370.08</v>
      </c>
      <c r="F2830">
        <v>10800</v>
      </c>
      <c r="G2830">
        <v>19955.900000000001</v>
      </c>
      <c r="H2830">
        <v>3.64567</v>
      </c>
      <c r="I2830">
        <v>20345.099999999999</v>
      </c>
      <c r="J2830">
        <v>50.926600000000001</v>
      </c>
    </row>
    <row r="2831" spans="1:10" x14ac:dyDescent="0.25">
      <c r="A2831">
        <v>20</v>
      </c>
      <c r="B2831">
        <v>108.446</v>
      </c>
      <c r="C2831">
        <v>113.342</v>
      </c>
      <c r="D2831">
        <v>189.68700000000001</v>
      </c>
      <c r="E2831">
        <v>10431.5</v>
      </c>
      <c r="F2831">
        <v>10800</v>
      </c>
      <c r="G2831">
        <v>19955.900000000001</v>
      </c>
      <c r="H2831">
        <v>3.4330699999999998</v>
      </c>
      <c r="I2831">
        <v>23559.4</v>
      </c>
      <c r="J2831">
        <v>48.458300000000001</v>
      </c>
    </row>
    <row r="2832" spans="1:10" x14ac:dyDescent="0.25">
      <c r="A2832">
        <v>20</v>
      </c>
      <c r="B2832">
        <v>109.39100000000001</v>
      </c>
      <c r="C2832">
        <v>119.625</v>
      </c>
      <c r="D2832">
        <v>189.68700000000001</v>
      </c>
      <c r="E2832">
        <v>7370.08</v>
      </c>
      <c r="F2832">
        <v>10800</v>
      </c>
      <c r="G2832">
        <v>22507.1</v>
      </c>
      <c r="H2832">
        <v>2.6771699999999998</v>
      </c>
      <c r="I2832">
        <v>20850.900000000001</v>
      </c>
      <c r="J2832">
        <v>36.053199999999997</v>
      </c>
    </row>
    <row r="2833" spans="1:10" x14ac:dyDescent="0.25">
      <c r="A2833">
        <v>20</v>
      </c>
      <c r="B2833">
        <v>108.446</v>
      </c>
      <c r="C2833">
        <v>128.422</v>
      </c>
      <c r="D2833">
        <v>189.68700000000001</v>
      </c>
      <c r="E2833">
        <v>7370.08</v>
      </c>
      <c r="F2833">
        <v>11055.1</v>
      </c>
      <c r="G2833">
        <v>19955.900000000001</v>
      </c>
      <c r="H2833">
        <v>2.0629900000000001</v>
      </c>
      <c r="I2833">
        <v>22124</v>
      </c>
      <c r="J2833">
        <v>119.03100000000001</v>
      </c>
    </row>
    <row r="2834" spans="1:10" x14ac:dyDescent="0.25">
      <c r="A2834">
        <v>20</v>
      </c>
      <c r="B2834">
        <v>109.864</v>
      </c>
      <c r="C2834">
        <v>118.997</v>
      </c>
      <c r="D2834">
        <v>189.68700000000001</v>
      </c>
      <c r="E2834">
        <v>7370.08</v>
      </c>
      <c r="F2834">
        <v>10800</v>
      </c>
      <c r="G2834">
        <v>19955.900000000001</v>
      </c>
      <c r="H2834">
        <v>1.51969</v>
      </c>
      <c r="I2834">
        <v>22210.5</v>
      </c>
      <c r="J2834">
        <v>41.758899999999997</v>
      </c>
    </row>
    <row r="2835" spans="1:10" x14ac:dyDescent="0.25">
      <c r="A2835">
        <v>20</v>
      </c>
      <c r="B2835">
        <v>109.864</v>
      </c>
      <c r="C2835">
        <v>117.11199999999999</v>
      </c>
      <c r="D2835">
        <v>189.06</v>
      </c>
      <c r="E2835">
        <v>7370.08</v>
      </c>
      <c r="F2835">
        <v>10800</v>
      </c>
      <c r="G2835">
        <v>18595.3</v>
      </c>
      <c r="H2835">
        <v>3.55118</v>
      </c>
      <c r="I2835">
        <v>20477.900000000001</v>
      </c>
      <c r="J2835">
        <v>46.449199999999998</v>
      </c>
    </row>
    <row r="2836" spans="1:10" x14ac:dyDescent="0.25">
      <c r="A2836">
        <v>20</v>
      </c>
      <c r="B2836">
        <v>109.39100000000001</v>
      </c>
      <c r="C2836">
        <v>119.93899999999999</v>
      </c>
      <c r="D2836">
        <v>190</v>
      </c>
      <c r="E2836">
        <v>7370.08</v>
      </c>
      <c r="F2836">
        <v>10800</v>
      </c>
      <c r="G2836">
        <v>22507.1</v>
      </c>
      <c r="H2836">
        <v>2.6299199999999998</v>
      </c>
      <c r="I2836">
        <v>20913.3</v>
      </c>
      <c r="J2836">
        <v>35.423900000000003</v>
      </c>
    </row>
    <row r="2837" spans="1:10" x14ac:dyDescent="0.25">
      <c r="A2837">
        <v>20</v>
      </c>
      <c r="B2837">
        <v>109.39100000000001</v>
      </c>
      <c r="C2837">
        <v>119.625</v>
      </c>
      <c r="D2837">
        <v>190</v>
      </c>
      <c r="E2837">
        <v>7370.08</v>
      </c>
      <c r="F2837">
        <v>10800</v>
      </c>
      <c r="G2837">
        <v>19955.900000000001</v>
      </c>
      <c r="H2837">
        <v>1.07087</v>
      </c>
      <c r="I2837">
        <v>23610.6</v>
      </c>
      <c r="J2837">
        <v>42.637599999999999</v>
      </c>
    </row>
    <row r="2838" spans="1:10" x14ac:dyDescent="0.25">
      <c r="A2838">
        <v>20</v>
      </c>
      <c r="B2838">
        <v>109.155</v>
      </c>
      <c r="C2838">
        <v>119.93899999999999</v>
      </c>
      <c r="D2838">
        <v>189.68700000000001</v>
      </c>
      <c r="E2838">
        <v>7455.12</v>
      </c>
      <c r="F2838">
        <v>10800</v>
      </c>
      <c r="G2838">
        <v>19955.900000000001</v>
      </c>
      <c r="H2838">
        <v>3.9527600000000001</v>
      </c>
      <c r="I2838">
        <v>20348.8</v>
      </c>
      <c r="J2838">
        <v>41.412700000000001</v>
      </c>
    </row>
    <row r="2839" spans="1:10" x14ac:dyDescent="0.25">
      <c r="A2839">
        <v>20</v>
      </c>
      <c r="B2839">
        <v>108.446</v>
      </c>
      <c r="C2839">
        <v>119.625</v>
      </c>
      <c r="D2839">
        <v>189.68700000000001</v>
      </c>
      <c r="E2839">
        <v>10431.5</v>
      </c>
      <c r="F2839">
        <v>10800</v>
      </c>
      <c r="G2839">
        <v>18595.3</v>
      </c>
      <c r="H2839">
        <v>1.87402</v>
      </c>
      <c r="I2839">
        <v>24864.400000000001</v>
      </c>
      <c r="J2839">
        <v>37.080500000000001</v>
      </c>
    </row>
    <row r="2840" spans="1:10" x14ac:dyDescent="0.25">
      <c r="A2840">
        <v>20</v>
      </c>
      <c r="B2840">
        <v>109.39100000000001</v>
      </c>
      <c r="C2840">
        <v>123.395</v>
      </c>
      <c r="D2840">
        <v>189.37299999999999</v>
      </c>
      <c r="E2840">
        <v>10091.299999999999</v>
      </c>
      <c r="F2840">
        <v>10800</v>
      </c>
      <c r="G2840">
        <v>18595.3</v>
      </c>
      <c r="H2840">
        <v>2.1574800000000001</v>
      </c>
      <c r="I2840">
        <v>24902.9</v>
      </c>
      <c r="J2840">
        <v>77.308300000000003</v>
      </c>
    </row>
    <row r="2841" spans="1:10" x14ac:dyDescent="0.25">
      <c r="A2841">
        <v>20</v>
      </c>
      <c r="B2841">
        <v>108.919</v>
      </c>
      <c r="C2841">
        <v>117.74</v>
      </c>
      <c r="D2841">
        <v>189.68700000000001</v>
      </c>
      <c r="E2841">
        <v>10091.299999999999</v>
      </c>
      <c r="F2841">
        <v>10800</v>
      </c>
      <c r="G2841">
        <v>19955.900000000001</v>
      </c>
      <c r="H2841">
        <v>1.7795300000000001</v>
      </c>
      <c r="I2841">
        <v>24566.9</v>
      </c>
      <c r="J2841">
        <v>18.9421</v>
      </c>
    </row>
    <row r="2842" spans="1:10" x14ac:dyDescent="0.25">
      <c r="A2842">
        <v>20</v>
      </c>
      <c r="B2842">
        <v>108.446</v>
      </c>
      <c r="C2842">
        <v>119.625</v>
      </c>
      <c r="D2842">
        <v>190</v>
      </c>
      <c r="E2842">
        <v>10431.5</v>
      </c>
      <c r="F2842">
        <v>10800</v>
      </c>
      <c r="G2842">
        <v>18595.3</v>
      </c>
      <c r="H2842">
        <v>1.1181099999999999</v>
      </c>
      <c r="I2842">
        <v>26416.7</v>
      </c>
      <c r="J2842">
        <v>18.099799999999998</v>
      </c>
    </row>
    <row r="2843" spans="1:10" x14ac:dyDescent="0.25">
      <c r="A2843">
        <v>20</v>
      </c>
      <c r="B2843">
        <v>109.628</v>
      </c>
      <c r="C2843">
        <v>123.395</v>
      </c>
      <c r="D2843">
        <v>189.68700000000001</v>
      </c>
      <c r="E2843">
        <v>10091.299999999999</v>
      </c>
      <c r="F2843">
        <v>10800</v>
      </c>
      <c r="G2843">
        <v>18595.3</v>
      </c>
      <c r="H2843">
        <v>3.4803099999999998</v>
      </c>
      <c r="I2843">
        <v>23890</v>
      </c>
      <c r="J2843">
        <v>24.266500000000001</v>
      </c>
    </row>
    <row r="2844" spans="1:10" x14ac:dyDescent="0.25">
      <c r="A2844">
        <v>20</v>
      </c>
      <c r="B2844">
        <v>108.446</v>
      </c>
      <c r="C2844">
        <v>119.625</v>
      </c>
      <c r="D2844">
        <v>189.37299999999999</v>
      </c>
      <c r="E2844">
        <v>10091.299999999999</v>
      </c>
      <c r="F2844">
        <v>10800</v>
      </c>
      <c r="G2844">
        <v>19955.900000000001</v>
      </c>
      <c r="H2844">
        <v>1.7795300000000001</v>
      </c>
      <c r="I2844">
        <v>24647.8</v>
      </c>
      <c r="J2844">
        <v>19.604500000000002</v>
      </c>
    </row>
    <row r="2845" spans="1:10" x14ac:dyDescent="0.25">
      <c r="A2845">
        <v>20</v>
      </c>
      <c r="B2845">
        <v>110.1</v>
      </c>
      <c r="C2845">
        <v>119.625</v>
      </c>
      <c r="D2845">
        <v>189.68700000000001</v>
      </c>
      <c r="E2845">
        <v>7370.08</v>
      </c>
      <c r="F2845">
        <v>10800</v>
      </c>
      <c r="G2845">
        <v>22677.200000000001</v>
      </c>
      <c r="H2845">
        <v>3.55118</v>
      </c>
      <c r="I2845">
        <v>20363.900000000001</v>
      </c>
      <c r="J2845">
        <v>51.306899999999999</v>
      </c>
    </row>
    <row r="2846" spans="1:10" x14ac:dyDescent="0.25">
      <c r="A2846">
        <v>20</v>
      </c>
      <c r="B2846">
        <v>109.155</v>
      </c>
      <c r="C2846">
        <v>124.652</v>
      </c>
      <c r="D2846">
        <v>189.68700000000001</v>
      </c>
      <c r="E2846">
        <v>7370.08</v>
      </c>
      <c r="F2846">
        <v>10800</v>
      </c>
      <c r="G2846">
        <v>18425.2</v>
      </c>
      <c r="H2846">
        <v>3.0787399999999998</v>
      </c>
      <c r="I2846">
        <v>21042.6</v>
      </c>
      <c r="J2846">
        <v>105.673</v>
      </c>
    </row>
    <row r="2847" spans="1:10" x14ac:dyDescent="0.25">
      <c r="A2847">
        <v>20</v>
      </c>
      <c r="B2847">
        <v>109.864</v>
      </c>
      <c r="C2847">
        <v>124.652</v>
      </c>
      <c r="D2847">
        <v>189.68700000000001</v>
      </c>
      <c r="E2847">
        <v>7370.08</v>
      </c>
      <c r="F2847">
        <v>10800</v>
      </c>
      <c r="G2847">
        <v>22677.200000000001</v>
      </c>
      <c r="H2847">
        <v>1.6850400000000001</v>
      </c>
      <c r="I2847">
        <v>22715.5</v>
      </c>
      <c r="J2847">
        <v>104.22199999999999</v>
      </c>
    </row>
    <row r="2848" spans="1:10" x14ac:dyDescent="0.25">
      <c r="A2848">
        <v>20</v>
      </c>
      <c r="B2848">
        <v>110.1</v>
      </c>
      <c r="C2848">
        <v>123.395</v>
      </c>
      <c r="D2848">
        <v>189.68700000000001</v>
      </c>
      <c r="E2848">
        <v>10091.299999999999</v>
      </c>
      <c r="F2848">
        <v>10800</v>
      </c>
      <c r="G2848">
        <v>18595.3</v>
      </c>
      <c r="H2848">
        <v>3.9527600000000001</v>
      </c>
      <c r="I2848">
        <v>24016</v>
      </c>
      <c r="J2848">
        <v>32.203400000000002</v>
      </c>
    </row>
    <row r="2849" spans="1:10" x14ac:dyDescent="0.25">
      <c r="A2849">
        <v>20</v>
      </c>
      <c r="B2849">
        <v>109.39100000000001</v>
      </c>
      <c r="C2849">
        <v>119.625</v>
      </c>
      <c r="D2849">
        <v>189.68700000000001</v>
      </c>
      <c r="E2849">
        <v>7370.08</v>
      </c>
      <c r="F2849">
        <v>10800</v>
      </c>
      <c r="G2849">
        <v>19785.8</v>
      </c>
      <c r="H2849">
        <v>3.7873999999999999</v>
      </c>
      <c r="I2849">
        <v>20269</v>
      </c>
      <c r="J2849">
        <v>41.207799999999999</v>
      </c>
    </row>
    <row r="2850" spans="1:10" x14ac:dyDescent="0.25">
      <c r="A2850">
        <v>20</v>
      </c>
      <c r="B2850">
        <v>110.1</v>
      </c>
      <c r="C2850">
        <v>119.625</v>
      </c>
      <c r="D2850">
        <v>189.68700000000001</v>
      </c>
      <c r="E2850">
        <v>7370.08</v>
      </c>
      <c r="F2850">
        <v>10800</v>
      </c>
      <c r="G2850">
        <v>21316.5</v>
      </c>
      <c r="H2850">
        <v>3.8582700000000001</v>
      </c>
      <c r="I2850">
        <v>20311.3</v>
      </c>
      <c r="J2850">
        <v>56.765300000000003</v>
      </c>
    </row>
    <row r="2851" spans="1:10" x14ac:dyDescent="0.25">
      <c r="A2851">
        <v>20</v>
      </c>
      <c r="B2851">
        <v>107.029</v>
      </c>
      <c r="C2851">
        <v>119.625</v>
      </c>
      <c r="D2851">
        <v>189.68700000000001</v>
      </c>
      <c r="E2851">
        <v>7370.08</v>
      </c>
      <c r="F2851">
        <v>10800</v>
      </c>
      <c r="G2851">
        <v>14513.4</v>
      </c>
      <c r="H2851">
        <v>3.0314999999999999</v>
      </c>
      <c r="I2851">
        <v>20626.2</v>
      </c>
      <c r="J2851">
        <v>43.1995</v>
      </c>
    </row>
    <row r="2852" spans="1:10" x14ac:dyDescent="0.25">
      <c r="A2852">
        <v>20</v>
      </c>
      <c r="B2852">
        <v>109.864</v>
      </c>
      <c r="C2852">
        <v>119.625</v>
      </c>
      <c r="D2852">
        <v>189.68700000000001</v>
      </c>
      <c r="E2852">
        <v>7710.24</v>
      </c>
      <c r="F2852">
        <v>10800</v>
      </c>
      <c r="G2852">
        <v>18595.3</v>
      </c>
      <c r="H2852">
        <v>3.3858299999999999</v>
      </c>
      <c r="I2852">
        <v>20830.8</v>
      </c>
      <c r="J2852">
        <v>50.450200000000002</v>
      </c>
    </row>
    <row r="2853" spans="1:10" x14ac:dyDescent="0.25">
      <c r="A2853">
        <v>20</v>
      </c>
      <c r="B2853">
        <v>108.446</v>
      </c>
      <c r="C2853">
        <v>119.625</v>
      </c>
      <c r="D2853">
        <v>189.68700000000001</v>
      </c>
      <c r="E2853">
        <v>10431.5</v>
      </c>
      <c r="F2853">
        <v>11310.2</v>
      </c>
      <c r="G2853">
        <v>19955.900000000001</v>
      </c>
      <c r="H2853">
        <v>1.87402</v>
      </c>
      <c r="I2853">
        <v>25307.3</v>
      </c>
      <c r="J2853">
        <v>43.376100000000001</v>
      </c>
    </row>
    <row r="2854" spans="1:10" x14ac:dyDescent="0.25">
      <c r="A2854">
        <v>20</v>
      </c>
      <c r="B2854">
        <v>109.864</v>
      </c>
      <c r="C2854">
        <v>119.625</v>
      </c>
      <c r="D2854">
        <v>190</v>
      </c>
      <c r="E2854">
        <v>7710.24</v>
      </c>
      <c r="F2854">
        <v>11055.1</v>
      </c>
      <c r="G2854">
        <v>19955.900000000001</v>
      </c>
      <c r="H2854">
        <v>1.2598400000000001</v>
      </c>
      <c r="I2854">
        <v>23821.200000000001</v>
      </c>
      <c r="J2854">
        <v>39.362200000000001</v>
      </c>
    </row>
    <row r="2855" spans="1:10" x14ac:dyDescent="0.25">
      <c r="A2855">
        <v>20</v>
      </c>
      <c r="B2855">
        <v>108.919</v>
      </c>
      <c r="C2855">
        <v>114.598</v>
      </c>
      <c r="D2855">
        <v>189.37299999999999</v>
      </c>
      <c r="E2855">
        <v>10091.299999999999</v>
      </c>
      <c r="F2855">
        <v>10800</v>
      </c>
      <c r="G2855">
        <v>19955.900000000001</v>
      </c>
      <c r="H2855">
        <v>3.7637800000000001</v>
      </c>
      <c r="I2855">
        <v>23152.400000000001</v>
      </c>
      <c r="J2855">
        <v>54.981400000000001</v>
      </c>
    </row>
    <row r="2856" spans="1:10" x14ac:dyDescent="0.25">
      <c r="A2856">
        <v>20</v>
      </c>
      <c r="B2856">
        <v>108.446</v>
      </c>
      <c r="C2856">
        <v>119.625</v>
      </c>
      <c r="D2856">
        <v>189.37299999999999</v>
      </c>
      <c r="E2856">
        <v>10431.5</v>
      </c>
      <c r="F2856">
        <v>10800</v>
      </c>
      <c r="G2856">
        <v>19955.900000000001</v>
      </c>
      <c r="H2856">
        <v>1.6850400000000001</v>
      </c>
      <c r="I2856">
        <v>25536.3</v>
      </c>
      <c r="J2856">
        <v>56.872700000000002</v>
      </c>
    </row>
    <row r="2857" spans="1:10" x14ac:dyDescent="0.25">
      <c r="A2857">
        <v>20</v>
      </c>
      <c r="B2857">
        <v>109.628</v>
      </c>
      <c r="C2857">
        <v>114.598</v>
      </c>
      <c r="D2857">
        <v>189.68700000000001</v>
      </c>
      <c r="E2857">
        <v>7370.08</v>
      </c>
      <c r="F2857">
        <v>10800</v>
      </c>
      <c r="G2857">
        <v>21316.5</v>
      </c>
      <c r="H2857">
        <v>3.90551</v>
      </c>
      <c r="I2857">
        <v>20396.2</v>
      </c>
      <c r="J2857">
        <v>66.283900000000003</v>
      </c>
    </row>
    <row r="2858" spans="1:10" x14ac:dyDescent="0.25">
      <c r="A2858">
        <v>20</v>
      </c>
      <c r="B2858">
        <v>109.39100000000001</v>
      </c>
      <c r="C2858">
        <v>119.625</v>
      </c>
      <c r="D2858">
        <v>190</v>
      </c>
      <c r="E2858">
        <v>10091.299999999999</v>
      </c>
      <c r="F2858">
        <v>10800</v>
      </c>
      <c r="G2858">
        <v>19955.900000000001</v>
      </c>
      <c r="H2858">
        <v>3.5748000000000002</v>
      </c>
      <c r="I2858">
        <v>23499.200000000001</v>
      </c>
      <c r="J2858">
        <v>26.401900000000001</v>
      </c>
    </row>
    <row r="2859" spans="1:10" x14ac:dyDescent="0.25">
      <c r="A2859">
        <v>20</v>
      </c>
      <c r="B2859">
        <v>109.628</v>
      </c>
      <c r="C2859">
        <v>119.93899999999999</v>
      </c>
      <c r="D2859">
        <v>187.18</v>
      </c>
      <c r="E2859">
        <v>10261.4</v>
      </c>
      <c r="F2859">
        <v>10800</v>
      </c>
      <c r="G2859">
        <v>19955.900000000001</v>
      </c>
      <c r="H2859">
        <v>1.6614199999999999</v>
      </c>
      <c r="I2859">
        <v>25731.1</v>
      </c>
      <c r="J2859">
        <v>57.798099999999998</v>
      </c>
    </row>
    <row r="2860" spans="1:10" x14ac:dyDescent="0.25">
      <c r="A2860">
        <v>20</v>
      </c>
      <c r="B2860">
        <v>108.446</v>
      </c>
      <c r="C2860">
        <v>119.93899999999999</v>
      </c>
      <c r="D2860">
        <v>189.68700000000001</v>
      </c>
      <c r="E2860">
        <v>7455.12</v>
      </c>
      <c r="F2860">
        <v>10800</v>
      </c>
      <c r="G2860">
        <v>19955.900000000001</v>
      </c>
      <c r="H2860">
        <v>3.9527600000000001</v>
      </c>
      <c r="I2860">
        <v>20344.900000000001</v>
      </c>
      <c r="J2860">
        <v>44.430300000000003</v>
      </c>
    </row>
    <row r="2861" spans="1:10" x14ac:dyDescent="0.25">
      <c r="A2861">
        <v>20</v>
      </c>
      <c r="B2861">
        <v>108.68300000000001</v>
      </c>
      <c r="C2861">
        <v>123.395</v>
      </c>
      <c r="D2861">
        <v>190</v>
      </c>
      <c r="E2861">
        <v>7370.08</v>
      </c>
      <c r="F2861">
        <v>10800</v>
      </c>
      <c r="G2861">
        <v>19955.900000000001</v>
      </c>
      <c r="H2861">
        <v>3.9291299999999998</v>
      </c>
      <c r="I2861">
        <v>20383.400000000001</v>
      </c>
      <c r="J2861">
        <v>91.576499999999996</v>
      </c>
    </row>
    <row r="2862" spans="1:10" x14ac:dyDescent="0.25">
      <c r="A2862">
        <v>20</v>
      </c>
      <c r="B2862">
        <v>109.864</v>
      </c>
      <c r="C2862">
        <v>118.997</v>
      </c>
      <c r="D2862">
        <v>190</v>
      </c>
      <c r="E2862">
        <v>10091.299999999999</v>
      </c>
      <c r="F2862">
        <v>10800</v>
      </c>
      <c r="G2862">
        <v>18425.2</v>
      </c>
      <c r="H2862">
        <v>2.9133900000000001</v>
      </c>
      <c r="I2862">
        <v>23724</v>
      </c>
      <c r="J2862">
        <v>46.570300000000003</v>
      </c>
    </row>
    <row r="2863" spans="1:10" x14ac:dyDescent="0.25">
      <c r="A2863">
        <v>20</v>
      </c>
      <c r="B2863">
        <v>110.1</v>
      </c>
      <c r="C2863">
        <v>123.395</v>
      </c>
      <c r="D2863">
        <v>186.86600000000001</v>
      </c>
      <c r="E2863">
        <v>7710.24</v>
      </c>
      <c r="F2863">
        <v>10800</v>
      </c>
      <c r="G2863">
        <v>18595.3</v>
      </c>
      <c r="H2863">
        <v>2.3936999999999999</v>
      </c>
      <c r="I2863">
        <v>21765.5</v>
      </c>
      <c r="J2863">
        <v>84.232100000000003</v>
      </c>
    </row>
    <row r="2864" spans="1:10" x14ac:dyDescent="0.25">
      <c r="A2864">
        <v>20</v>
      </c>
      <c r="B2864">
        <v>108.446</v>
      </c>
      <c r="C2864">
        <v>119.625</v>
      </c>
      <c r="D2864">
        <v>189.68700000000001</v>
      </c>
      <c r="E2864">
        <v>10431.5</v>
      </c>
      <c r="F2864">
        <v>10800</v>
      </c>
      <c r="G2864">
        <v>19955.900000000001</v>
      </c>
      <c r="H2864">
        <v>3.7401599999999999</v>
      </c>
      <c r="I2864">
        <v>23299.7</v>
      </c>
      <c r="J2864">
        <v>60.599200000000003</v>
      </c>
    </row>
    <row r="2865" spans="1:10" x14ac:dyDescent="0.25">
      <c r="A2865">
        <v>20</v>
      </c>
      <c r="B2865">
        <v>109.864</v>
      </c>
      <c r="C2865">
        <v>123.395</v>
      </c>
      <c r="D2865">
        <v>189.06</v>
      </c>
      <c r="E2865">
        <v>10091.299999999999</v>
      </c>
      <c r="F2865">
        <v>10800</v>
      </c>
      <c r="G2865">
        <v>22677.200000000001</v>
      </c>
      <c r="H2865">
        <v>3.14961</v>
      </c>
      <c r="I2865">
        <v>23510.2</v>
      </c>
      <c r="J2865">
        <v>83.9876</v>
      </c>
    </row>
    <row r="2866" spans="1:10" x14ac:dyDescent="0.25">
      <c r="A2866">
        <v>20</v>
      </c>
      <c r="B2866">
        <v>108.68300000000001</v>
      </c>
      <c r="C2866">
        <v>129.679</v>
      </c>
      <c r="D2866">
        <v>189.37299999999999</v>
      </c>
      <c r="E2866">
        <v>10091.299999999999</v>
      </c>
      <c r="F2866">
        <v>10800</v>
      </c>
      <c r="G2866">
        <v>19955.900000000001</v>
      </c>
      <c r="H2866">
        <v>3.8582700000000001</v>
      </c>
      <c r="I2866">
        <v>23229</v>
      </c>
      <c r="J2866">
        <v>112.152</v>
      </c>
    </row>
    <row r="2867" spans="1:10" x14ac:dyDescent="0.25">
      <c r="A2867">
        <v>20</v>
      </c>
      <c r="B2867">
        <v>108.446</v>
      </c>
      <c r="C2867">
        <v>118.369</v>
      </c>
      <c r="D2867">
        <v>190</v>
      </c>
      <c r="E2867">
        <v>7710.24</v>
      </c>
      <c r="F2867">
        <v>10800</v>
      </c>
      <c r="G2867">
        <v>9070.8700000000008</v>
      </c>
      <c r="H2867">
        <v>3.3858299999999999</v>
      </c>
      <c r="I2867">
        <v>20860</v>
      </c>
      <c r="J2867">
        <v>46.770400000000002</v>
      </c>
    </row>
    <row r="2868" spans="1:10" x14ac:dyDescent="0.25">
      <c r="A2868">
        <v>20</v>
      </c>
      <c r="B2868">
        <v>108.446</v>
      </c>
      <c r="C2868">
        <v>119.625</v>
      </c>
      <c r="D2868">
        <v>189.68700000000001</v>
      </c>
      <c r="E2868">
        <v>7370.08</v>
      </c>
      <c r="F2868">
        <v>10800</v>
      </c>
      <c r="G2868">
        <v>19785.8</v>
      </c>
      <c r="H2868">
        <v>2.5826799999999999</v>
      </c>
      <c r="I2868">
        <v>20926.8</v>
      </c>
      <c r="J2868">
        <v>38.333500000000001</v>
      </c>
    </row>
    <row r="2869" spans="1:10" x14ac:dyDescent="0.25">
      <c r="A2869">
        <v>20</v>
      </c>
      <c r="B2869">
        <v>108.446</v>
      </c>
      <c r="C2869">
        <v>118.997</v>
      </c>
      <c r="D2869">
        <v>189.68700000000001</v>
      </c>
      <c r="E2869">
        <v>7370.08</v>
      </c>
      <c r="F2869">
        <v>10800</v>
      </c>
      <c r="G2869">
        <v>19955.900000000001</v>
      </c>
      <c r="H2869">
        <v>1.1653500000000001</v>
      </c>
      <c r="I2869">
        <v>23486.5</v>
      </c>
      <c r="J2869">
        <v>39.465200000000003</v>
      </c>
    </row>
    <row r="2870" spans="1:10" x14ac:dyDescent="0.25">
      <c r="A2870">
        <v>20</v>
      </c>
      <c r="B2870">
        <v>108.446</v>
      </c>
      <c r="C2870">
        <v>119.625</v>
      </c>
      <c r="D2870">
        <v>189.37299999999999</v>
      </c>
      <c r="E2870">
        <v>10091.299999999999</v>
      </c>
      <c r="F2870">
        <v>10800</v>
      </c>
      <c r="G2870">
        <v>18595.3</v>
      </c>
      <c r="H2870">
        <v>2.25197</v>
      </c>
      <c r="I2870">
        <v>23911.7</v>
      </c>
      <c r="J2870">
        <v>27.3232</v>
      </c>
    </row>
    <row r="2871" spans="1:10" x14ac:dyDescent="0.25">
      <c r="A2871">
        <v>20</v>
      </c>
      <c r="B2871">
        <v>109.39100000000001</v>
      </c>
      <c r="C2871">
        <v>118.997</v>
      </c>
      <c r="D2871">
        <v>189.68700000000001</v>
      </c>
      <c r="E2871">
        <v>7370.08</v>
      </c>
      <c r="F2871">
        <v>10800</v>
      </c>
      <c r="G2871">
        <v>19785.8</v>
      </c>
      <c r="H2871">
        <v>2.6771699999999998</v>
      </c>
      <c r="I2871">
        <v>20822</v>
      </c>
      <c r="J2871">
        <v>39.067300000000003</v>
      </c>
    </row>
    <row r="2872" spans="1:10" x14ac:dyDescent="0.25">
      <c r="A2872">
        <v>20</v>
      </c>
      <c r="B2872">
        <v>108.446</v>
      </c>
      <c r="C2872">
        <v>119.625</v>
      </c>
      <c r="D2872">
        <v>190</v>
      </c>
      <c r="E2872">
        <v>10091.299999999999</v>
      </c>
      <c r="F2872">
        <v>10800</v>
      </c>
      <c r="G2872">
        <v>18595.3</v>
      </c>
      <c r="H2872">
        <v>1.07087</v>
      </c>
      <c r="I2872">
        <v>26918.400000000001</v>
      </c>
      <c r="J2872">
        <v>55.450699999999998</v>
      </c>
    </row>
    <row r="2873" spans="1:10" x14ac:dyDescent="0.25">
      <c r="A2873">
        <v>20</v>
      </c>
      <c r="B2873">
        <v>108.446</v>
      </c>
      <c r="C2873">
        <v>118.369</v>
      </c>
      <c r="D2873">
        <v>190</v>
      </c>
      <c r="E2873">
        <v>10431.5</v>
      </c>
      <c r="F2873">
        <v>10800</v>
      </c>
      <c r="G2873">
        <v>19955.900000000001</v>
      </c>
      <c r="H2873">
        <v>1.87402</v>
      </c>
      <c r="I2873">
        <v>24755</v>
      </c>
      <c r="J2873">
        <v>34.043799999999997</v>
      </c>
    </row>
    <row r="2874" spans="1:10" x14ac:dyDescent="0.25">
      <c r="A2874">
        <v>20</v>
      </c>
      <c r="B2874">
        <v>110.1</v>
      </c>
      <c r="C2874">
        <v>123.395</v>
      </c>
      <c r="D2874">
        <v>189.68700000000001</v>
      </c>
      <c r="E2874">
        <v>7370.08</v>
      </c>
      <c r="F2874">
        <v>10800</v>
      </c>
      <c r="G2874">
        <v>18595.3</v>
      </c>
      <c r="H2874">
        <v>3.10236</v>
      </c>
      <c r="I2874">
        <v>21051.4</v>
      </c>
      <c r="J2874">
        <v>24.819800000000001</v>
      </c>
    </row>
    <row r="2875" spans="1:10" x14ac:dyDescent="0.25">
      <c r="A2875">
        <v>20</v>
      </c>
      <c r="B2875">
        <v>108.446</v>
      </c>
      <c r="C2875">
        <v>118.369</v>
      </c>
      <c r="D2875">
        <v>190</v>
      </c>
      <c r="E2875">
        <v>10431.5</v>
      </c>
      <c r="F2875">
        <v>10800</v>
      </c>
      <c r="G2875">
        <v>19955.900000000001</v>
      </c>
      <c r="H2875">
        <v>1.1181099999999999</v>
      </c>
      <c r="I2875">
        <v>26815.1</v>
      </c>
      <c r="J2875">
        <v>17.5837</v>
      </c>
    </row>
    <row r="2876" spans="1:10" x14ac:dyDescent="0.25">
      <c r="A2876">
        <v>20</v>
      </c>
      <c r="B2876">
        <v>108.919</v>
      </c>
      <c r="C2876">
        <v>129.679</v>
      </c>
      <c r="D2876">
        <v>189.06</v>
      </c>
      <c r="E2876">
        <v>7370.08</v>
      </c>
      <c r="F2876">
        <v>10800</v>
      </c>
      <c r="G2876">
        <v>19955.900000000001</v>
      </c>
      <c r="H2876">
        <v>3.8582700000000001</v>
      </c>
      <c r="I2876">
        <v>20488.3</v>
      </c>
      <c r="J2876">
        <v>121.351</v>
      </c>
    </row>
    <row r="2877" spans="1:10" x14ac:dyDescent="0.25">
      <c r="A2877">
        <v>20</v>
      </c>
      <c r="B2877">
        <v>108.919</v>
      </c>
      <c r="C2877">
        <v>118.369</v>
      </c>
      <c r="D2877">
        <v>190</v>
      </c>
      <c r="E2877">
        <v>10431.5</v>
      </c>
      <c r="F2877">
        <v>10800</v>
      </c>
      <c r="G2877">
        <v>19955.900000000001</v>
      </c>
      <c r="H2877">
        <v>1.4960599999999999</v>
      </c>
      <c r="I2877">
        <v>25563</v>
      </c>
      <c r="J2877">
        <v>18.1692</v>
      </c>
    </row>
    <row r="2878" spans="1:10" x14ac:dyDescent="0.25">
      <c r="A2878">
        <v>20</v>
      </c>
      <c r="B2878">
        <v>109.864</v>
      </c>
      <c r="C2878">
        <v>123.395</v>
      </c>
      <c r="D2878">
        <v>189.06</v>
      </c>
      <c r="E2878">
        <v>7710.24</v>
      </c>
      <c r="F2878">
        <v>10800</v>
      </c>
      <c r="G2878">
        <v>18595.3</v>
      </c>
      <c r="H2878">
        <v>3.9527600000000001</v>
      </c>
      <c r="I2878">
        <v>20448.5</v>
      </c>
      <c r="J2878">
        <v>82.869799999999998</v>
      </c>
    </row>
    <row r="2879" spans="1:10" x14ac:dyDescent="0.25">
      <c r="A2879">
        <v>20</v>
      </c>
      <c r="B2879">
        <v>106.557</v>
      </c>
      <c r="C2879">
        <v>119.625</v>
      </c>
      <c r="D2879">
        <v>189.06</v>
      </c>
      <c r="E2879">
        <v>7370.08</v>
      </c>
      <c r="F2879">
        <v>10800</v>
      </c>
      <c r="G2879">
        <v>19955.900000000001</v>
      </c>
      <c r="H2879">
        <v>3.7637800000000001</v>
      </c>
      <c r="I2879">
        <v>20376.900000000001</v>
      </c>
      <c r="J2879">
        <v>59.809699999999999</v>
      </c>
    </row>
    <row r="2880" spans="1:10" x14ac:dyDescent="0.25">
      <c r="A2880">
        <v>20</v>
      </c>
      <c r="B2880">
        <v>109.864</v>
      </c>
      <c r="C2880">
        <v>119.625</v>
      </c>
      <c r="D2880">
        <v>189.68700000000001</v>
      </c>
      <c r="E2880">
        <v>7370.08</v>
      </c>
      <c r="F2880">
        <v>10800</v>
      </c>
      <c r="G2880">
        <v>18595.3</v>
      </c>
      <c r="H2880">
        <v>3.3622000000000001</v>
      </c>
      <c r="I2880">
        <v>20419.5</v>
      </c>
      <c r="J2880">
        <v>48.611800000000002</v>
      </c>
    </row>
    <row r="2881" spans="1:10" x14ac:dyDescent="0.25">
      <c r="A2881">
        <v>20</v>
      </c>
      <c r="B2881">
        <v>109.628</v>
      </c>
      <c r="C2881">
        <v>123.395</v>
      </c>
      <c r="D2881">
        <v>189.37299999999999</v>
      </c>
      <c r="E2881">
        <v>7370.08</v>
      </c>
      <c r="F2881">
        <v>10800</v>
      </c>
      <c r="G2881">
        <v>19955.900000000001</v>
      </c>
      <c r="H2881">
        <v>3.90551</v>
      </c>
      <c r="I2881">
        <v>20185</v>
      </c>
      <c r="J2881">
        <v>60.101700000000001</v>
      </c>
    </row>
    <row r="2882" spans="1:10" x14ac:dyDescent="0.25">
      <c r="A2882">
        <v>20</v>
      </c>
      <c r="B2882">
        <v>110.1</v>
      </c>
      <c r="C2882">
        <v>123.395</v>
      </c>
      <c r="D2882">
        <v>189.06</v>
      </c>
      <c r="E2882">
        <v>7710.24</v>
      </c>
      <c r="F2882">
        <v>10800</v>
      </c>
      <c r="G2882">
        <v>19955.900000000001</v>
      </c>
      <c r="H2882">
        <v>1.6377999999999999</v>
      </c>
      <c r="I2882">
        <v>22282.799999999999</v>
      </c>
      <c r="J2882">
        <v>20.198799999999999</v>
      </c>
    </row>
    <row r="2883" spans="1:10" x14ac:dyDescent="0.25">
      <c r="A2883">
        <v>20</v>
      </c>
      <c r="B2883">
        <v>107.029</v>
      </c>
      <c r="C2883">
        <v>123.395</v>
      </c>
      <c r="D2883">
        <v>186.553</v>
      </c>
      <c r="E2883">
        <v>7370.08</v>
      </c>
      <c r="F2883">
        <v>10800</v>
      </c>
      <c r="G2883">
        <v>9070.8700000000008</v>
      </c>
      <c r="H2883">
        <v>2.25197</v>
      </c>
      <c r="I2883">
        <v>21685.5</v>
      </c>
      <c r="J2883">
        <v>104.011</v>
      </c>
    </row>
    <row r="2884" spans="1:10" x14ac:dyDescent="0.25">
      <c r="A2884">
        <v>20</v>
      </c>
      <c r="B2884">
        <v>109.155</v>
      </c>
      <c r="C2884">
        <v>124.652</v>
      </c>
      <c r="D2884">
        <v>189.37299999999999</v>
      </c>
      <c r="E2884">
        <v>7370.08</v>
      </c>
      <c r="F2884">
        <v>10800</v>
      </c>
      <c r="G2884">
        <v>19955.900000000001</v>
      </c>
      <c r="H2884">
        <v>3.7401599999999999</v>
      </c>
      <c r="I2884">
        <v>20434.5</v>
      </c>
      <c r="J2884">
        <v>33.7791</v>
      </c>
    </row>
    <row r="2885" spans="1:10" x14ac:dyDescent="0.25">
      <c r="A2885">
        <v>20</v>
      </c>
      <c r="B2885">
        <v>110.1</v>
      </c>
      <c r="C2885">
        <v>128.422</v>
      </c>
      <c r="D2885">
        <v>189.68700000000001</v>
      </c>
      <c r="E2885">
        <v>7370.08</v>
      </c>
      <c r="F2885">
        <v>10800</v>
      </c>
      <c r="G2885">
        <v>19955.900000000001</v>
      </c>
      <c r="H2885">
        <v>2.8897599999999999</v>
      </c>
      <c r="I2885">
        <v>20901.900000000001</v>
      </c>
      <c r="J2885">
        <v>120.884</v>
      </c>
    </row>
    <row r="2886" spans="1:10" x14ac:dyDescent="0.25">
      <c r="A2886">
        <v>20</v>
      </c>
      <c r="B2886">
        <v>108.446</v>
      </c>
      <c r="C2886">
        <v>119.625</v>
      </c>
      <c r="D2886">
        <v>189.37299999999999</v>
      </c>
      <c r="E2886">
        <v>10431.5</v>
      </c>
      <c r="F2886">
        <v>10800</v>
      </c>
      <c r="G2886">
        <v>18595.3</v>
      </c>
      <c r="H2886">
        <v>2.8189000000000002</v>
      </c>
      <c r="I2886">
        <v>23848.2</v>
      </c>
      <c r="J2886">
        <v>44.1265</v>
      </c>
    </row>
    <row r="2887" spans="1:10" x14ac:dyDescent="0.25">
      <c r="A2887">
        <v>20</v>
      </c>
      <c r="B2887">
        <v>108.446</v>
      </c>
      <c r="C2887">
        <v>114.598</v>
      </c>
      <c r="D2887">
        <v>190</v>
      </c>
      <c r="E2887">
        <v>7710.24</v>
      </c>
      <c r="F2887">
        <v>10800</v>
      </c>
      <c r="G2887">
        <v>19955.900000000001</v>
      </c>
      <c r="H2887">
        <v>2.4409399999999999</v>
      </c>
      <c r="I2887">
        <v>21464.6</v>
      </c>
      <c r="J2887">
        <v>61.040900000000001</v>
      </c>
    </row>
    <row r="2888" spans="1:10" x14ac:dyDescent="0.25">
      <c r="A2888">
        <v>20</v>
      </c>
      <c r="B2888">
        <v>109.155</v>
      </c>
      <c r="C2888">
        <v>129.99299999999999</v>
      </c>
      <c r="D2888">
        <v>189.06</v>
      </c>
      <c r="E2888">
        <v>10091.299999999999</v>
      </c>
      <c r="F2888">
        <v>10800</v>
      </c>
      <c r="G2888">
        <v>19955.900000000001</v>
      </c>
      <c r="H2888">
        <v>2.25197</v>
      </c>
      <c r="I2888">
        <v>24485.5</v>
      </c>
      <c r="J2888">
        <v>120.747</v>
      </c>
    </row>
    <row r="2889" spans="1:10" x14ac:dyDescent="0.25">
      <c r="A2889">
        <v>20</v>
      </c>
      <c r="B2889">
        <v>109.628</v>
      </c>
      <c r="C2889">
        <v>124.652</v>
      </c>
      <c r="D2889">
        <v>190</v>
      </c>
      <c r="E2889">
        <v>10431.5</v>
      </c>
      <c r="F2889">
        <v>10800</v>
      </c>
      <c r="G2889">
        <v>18595.3</v>
      </c>
      <c r="H2889">
        <v>3.0551200000000001</v>
      </c>
      <c r="I2889">
        <v>24518.1</v>
      </c>
      <c r="J2889">
        <v>96.572000000000003</v>
      </c>
    </row>
    <row r="2890" spans="1:10" x14ac:dyDescent="0.25">
      <c r="A2890">
        <v>20</v>
      </c>
      <c r="B2890">
        <v>109.39100000000001</v>
      </c>
      <c r="C2890">
        <v>124.652</v>
      </c>
      <c r="D2890">
        <v>189.37299999999999</v>
      </c>
      <c r="E2890">
        <v>7370.08</v>
      </c>
      <c r="F2890">
        <v>10800</v>
      </c>
      <c r="G2890">
        <v>18595.3</v>
      </c>
      <c r="H2890">
        <v>3.9527600000000001</v>
      </c>
      <c r="I2890">
        <v>20129.400000000001</v>
      </c>
      <c r="J2890">
        <v>53.995899999999999</v>
      </c>
    </row>
    <row r="2891" spans="1:10" x14ac:dyDescent="0.25">
      <c r="A2891">
        <v>20</v>
      </c>
      <c r="B2891">
        <v>108.446</v>
      </c>
      <c r="C2891">
        <v>128.422</v>
      </c>
      <c r="D2891">
        <v>189.06</v>
      </c>
      <c r="E2891">
        <v>7370.08</v>
      </c>
      <c r="F2891">
        <v>10800</v>
      </c>
      <c r="G2891">
        <v>19955.900000000001</v>
      </c>
      <c r="H2891">
        <v>3.5748000000000002</v>
      </c>
      <c r="I2891">
        <v>20534</v>
      </c>
      <c r="J2891">
        <v>117.783</v>
      </c>
    </row>
    <row r="2892" spans="1:10" x14ac:dyDescent="0.25">
      <c r="A2892">
        <v>20</v>
      </c>
      <c r="B2892">
        <v>110.1</v>
      </c>
      <c r="C2892">
        <v>118.369</v>
      </c>
      <c r="D2892">
        <v>190</v>
      </c>
      <c r="E2892">
        <v>10431.5</v>
      </c>
      <c r="F2892">
        <v>10800</v>
      </c>
      <c r="G2892">
        <v>18595.3</v>
      </c>
      <c r="H2892">
        <v>3.1732300000000002</v>
      </c>
      <c r="I2892">
        <v>23895.7</v>
      </c>
      <c r="J2892">
        <v>26.662500000000001</v>
      </c>
    </row>
    <row r="2893" spans="1:10" x14ac:dyDescent="0.25">
      <c r="A2893">
        <v>20</v>
      </c>
      <c r="B2893">
        <v>109.864</v>
      </c>
      <c r="C2893">
        <v>129.679</v>
      </c>
      <c r="D2893">
        <v>189.68700000000001</v>
      </c>
      <c r="E2893">
        <v>7370.08</v>
      </c>
      <c r="F2893">
        <v>10800</v>
      </c>
      <c r="G2893">
        <v>18595.3</v>
      </c>
      <c r="H2893">
        <v>3.8110200000000001</v>
      </c>
      <c r="I2893">
        <v>20544.599999999999</v>
      </c>
      <c r="J2893">
        <v>118.923</v>
      </c>
    </row>
    <row r="2894" spans="1:10" x14ac:dyDescent="0.25">
      <c r="A2894">
        <v>20</v>
      </c>
      <c r="B2894">
        <v>109.628</v>
      </c>
      <c r="C2894">
        <v>128.422</v>
      </c>
      <c r="D2894">
        <v>189.37299999999999</v>
      </c>
      <c r="E2894">
        <v>10091.299999999999</v>
      </c>
      <c r="F2894">
        <v>10800</v>
      </c>
      <c r="G2894">
        <v>18595.3</v>
      </c>
      <c r="H2894">
        <v>3.8582700000000001</v>
      </c>
      <c r="I2894">
        <v>23335.9</v>
      </c>
      <c r="J2894">
        <v>118.107</v>
      </c>
    </row>
    <row r="2895" spans="1:10" x14ac:dyDescent="0.25">
      <c r="A2895">
        <v>20</v>
      </c>
      <c r="B2895">
        <v>109.39100000000001</v>
      </c>
      <c r="C2895">
        <v>119.625</v>
      </c>
      <c r="D2895">
        <v>189.68700000000001</v>
      </c>
      <c r="E2895">
        <v>10091.299999999999</v>
      </c>
      <c r="F2895">
        <v>10800</v>
      </c>
      <c r="G2895">
        <v>21316.5</v>
      </c>
      <c r="H2895">
        <v>1.6850400000000001</v>
      </c>
      <c r="I2895">
        <v>24964.9</v>
      </c>
      <c r="J2895">
        <v>57.499899999999997</v>
      </c>
    </row>
    <row r="2896" spans="1:10" x14ac:dyDescent="0.25">
      <c r="A2896">
        <v>20</v>
      </c>
      <c r="B2896">
        <v>110.1</v>
      </c>
      <c r="C2896">
        <v>118.369</v>
      </c>
      <c r="D2896">
        <v>189.68700000000001</v>
      </c>
      <c r="E2896">
        <v>10771.7</v>
      </c>
      <c r="F2896">
        <v>10800</v>
      </c>
      <c r="G2896">
        <v>18595.3</v>
      </c>
      <c r="H2896">
        <v>2.2283499999999998</v>
      </c>
      <c r="I2896">
        <v>24677.3</v>
      </c>
      <c r="J2896">
        <v>30.5898</v>
      </c>
    </row>
    <row r="2897" spans="1:10" x14ac:dyDescent="0.25">
      <c r="A2897">
        <v>20</v>
      </c>
      <c r="B2897">
        <v>109.39100000000001</v>
      </c>
      <c r="C2897">
        <v>119.625</v>
      </c>
      <c r="D2897">
        <v>189.68700000000001</v>
      </c>
      <c r="E2897">
        <v>7710.24</v>
      </c>
      <c r="F2897">
        <v>10800</v>
      </c>
      <c r="G2897">
        <v>18595.3</v>
      </c>
      <c r="H2897">
        <v>3.5748000000000002</v>
      </c>
      <c r="I2897">
        <v>20794.8</v>
      </c>
      <c r="J2897">
        <v>45.477699999999999</v>
      </c>
    </row>
    <row r="2898" spans="1:10" x14ac:dyDescent="0.25">
      <c r="A2898">
        <v>20</v>
      </c>
      <c r="B2898">
        <v>109.39100000000001</v>
      </c>
      <c r="C2898">
        <v>118.369</v>
      </c>
      <c r="D2898">
        <v>189.37299999999999</v>
      </c>
      <c r="E2898">
        <v>10091.299999999999</v>
      </c>
      <c r="F2898">
        <v>10800</v>
      </c>
      <c r="G2898">
        <v>19785.8</v>
      </c>
      <c r="H2898">
        <v>1.82677</v>
      </c>
      <c r="I2898">
        <v>24411.7</v>
      </c>
      <c r="J2898">
        <v>22.704999999999998</v>
      </c>
    </row>
    <row r="2899" spans="1:10" x14ac:dyDescent="0.25">
      <c r="A2899">
        <v>20</v>
      </c>
      <c r="B2899">
        <v>109.628</v>
      </c>
      <c r="C2899">
        <v>124.024</v>
      </c>
      <c r="D2899">
        <v>190</v>
      </c>
      <c r="E2899">
        <v>7370.08</v>
      </c>
      <c r="F2899">
        <v>10800</v>
      </c>
      <c r="G2899">
        <v>18425.2</v>
      </c>
      <c r="H2899">
        <v>3.8110200000000001</v>
      </c>
      <c r="I2899">
        <v>20866.900000000001</v>
      </c>
      <c r="J2899">
        <v>90.134399999999999</v>
      </c>
    </row>
    <row r="2900" spans="1:10" x14ac:dyDescent="0.25">
      <c r="A2900">
        <v>20</v>
      </c>
      <c r="B2900">
        <v>109.39100000000001</v>
      </c>
      <c r="C2900">
        <v>119.625</v>
      </c>
      <c r="D2900">
        <v>190</v>
      </c>
      <c r="E2900">
        <v>10091.299999999999</v>
      </c>
      <c r="F2900">
        <v>10800</v>
      </c>
      <c r="G2900">
        <v>21316.5</v>
      </c>
      <c r="H2900">
        <v>1.1181099999999999</v>
      </c>
      <c r="I2900">
        <v>27085.7</v>
      </c>
      <c r="J2900">
        <v>21.6233</v>
      </c>
    </row>
    <row r="2901" spans="1:10" x14ac:dyDescent="0.25">
      <c r="A2901">
        <v>20</v>
      </c>
      <c r="B2901">
        <v>108.919</v>
      </c>
      <c r="C2901">
        <v>117.74</v>
      </c>
      <c r="D2901">
        <v>189.68700000000001</v>
      </c>
      <c r="E2901">
        <v>10091.299999999999</v>
      </c>
      <c r="F2901">
        <v>10800</v>
      </c>
      <c r="G2901">
        <v>19955.900000000001</v>
      </c>
      <c r="H2901">
        <v>1.7795300000000001</v>
      </c>
      <c r="I2901">
        <v>24566.9</v>
      </c>
      <c r="J2901">
        <v>18.9421</v>
      </c>
    </row>
    <row r="2902" spans="1:10" x14ac:dyDescent="0.25">
      <c r="A2902">
        <v>20</v>
      </c>
      <c r="B2902">
        <v>109.155</v>
      </c>
      <c r="C2902">
        <v>128.73599999999999</v>
      </c>
      <c r="D2902">
        <v>189.68700000000001</v>
      </c>
      <c r="E2902">
        <v>7370.08</v>
      </c>
      <c r="F2902">
        <v>10800</v>
      </c>
      <c r="G2902">
        <v>19785.8</v>
      </c>
      <c r="H2902">
        <v>3.4094500000000001</v>
      </c>
      <c r="I2902">
        <v>20964.3</v>
      </c>
      <c r="J2902">
        <v>27.779299999999999</v>
      </c>
    </row>
    <row r="2903" spans="1:10" x14ac:dyDescent="0.25">
      <c r="A2903">
        <v>20</v>
      </c>
      <c r="B2903">
        <v>108.68300000000001</v>
      </c>
      <c r="C2903">
        <v>118.369</v>
      </c>
      <c r="D2903">
        <v>190</v>
      </c>
      <c r="E2903">
        <v>10091.299999999999</v>
      </c>
      <c r="F2903">
        <v>10800</v>
      </c>
      <c r="G2903">
        <v>19955.900000000001</v>
      </c>
      <c r="H2903">
        <v>1.40157</v>
      </c>
      <c r="I2903">
        <v>25363.200000000001</v>
      </c>
      <c r="J2903">
        <v>18.910900000000002</v>
      </c>
    </row>
    <row r="2904" spans="1:10" x14ac:dyDescent="0.25">
      <c r="A2904">
        <v>20</v>
      </c>
      <c r="B2904">
        <v>108.446</v>
      </c>
      <c r="C2904">
        <v>118.369</v>
      </c>
      <c r="D2904">
        <v>190</v>
      </c>
      <c r="E2904">
        <v>10431.5</v>
      </c>
      <c r="F2904">
        <v>10800</v>
      </c>
      <c r="G2904">
        <v>18595.3</v>
      </c>
      <c r="H2904">
        <v>1.3070900000000001</v>
      </c>
      <c r="I2904">
        <v>25969.8</v>
      </c>
      <c r="J2904">
        <v>17.733799999999999</v>
      </c>
    </row>
    <row r="2905" spans="1:10" x14ac:dyDescent="0.25">
      <c r="A2905">
        <v>20</v>
      </c>
      <c r="B2905">
        <v>109.155</v>
      </c>
      <c r="C2905">
        <v>124.652</v>
      </c>
      <c r="D2905">
        <v>189.37299999999999</v>
      </c>
      <c r="E2905">
        <v>7370.08</v>
      </c>
      <c r="F2905">
        <v>10800</v>
      </c>
      <c r="G2905">
        <v>19955.900000000001</v>
      </c>
      <c r="H2905">
        <v>3.8582700000000001</v>
      </c>
      <c r="I2905">
        <v>20425.900000000001</v>
      </c>
      <c r="J2905">
        <v>33.058799999999998</v>
      </c>
    </row>
    <row r="2906" spans="1:10" x14ac:dyDescent="0.25">
      <c r="A2906">
        <v>20</v>
      </c>
      <c r="B2906">
        <v>108.446</v>
      </c>
      <c r="C2906">
        <v>118.369</v>
      </c>
      <c r="D2906">
        <v>187.18</v>
      </c>
      <c r="E2906">
        <v>10091.299999999999</v>
      </c>
      <c r="F2906">
        <v>10800</v>
      </c>
      <c r="G2906">
        <v>19955.900000000001</v>
      </c>
      <c r="H2906">
        <v>1.40157</v>
      </c>
      <c r="I2906">
        <v>25389.1</v>
      </c>
      <c r="J2906">
        <v>18.889700000000001</v>
      </c>
    </row>
    <row r="2907" spans="1:10" x14ac:dyDescent="0.25">
      <c r="A2907">
        <v>20</v>
      </c>
      <c r="B2907">
        <v>110.1</v>
      </c>
      <c r="C2907">
        <v>123.395</v>
      </c>
      <c r="D2907">
        <v>189.68700000000001</v>
      </c>
      <c r="E2907">
        <v>7370.08</v>
      </c>
      <c r="F2907">
        <v>10800</v>
      </c>
      <c r="G2907">
        <v>18595.3</v>
      </c>
      <c r="H2907">
        <v>3.10236</v>
      </c>
      <c r="I2907">
        <v>21051.4</v>
      </c>
      <c r="J2907">
        <v>24.819800000000001</v>
      </c>
    </row>
    <row r="2908" spans="1:10" x14ac:dyDescent="0.25">
      <c r="A2908">
        <v>20</v>
      </c>
      <c r="B2908">
        <v>108.919</v>
      </c>
      <c r="C2908">
        <v>119.93899999999999</v>
      </c>
      <c r="D2908">
        <v>189.68700000000001</v>
      </c>
      <c r="E2908">
        <v>10091.299999999999</v>
      </c>
      <c r="F2908">
        <v>10800</v>
      </c>
      <c r="G2908">
        <v>19955.900000000001</v>
      </c>
      <c r="H2908">
        <v>2.2283499999999998</v>
      </c>
      <c r="I2908">
        <v>24028.5</v>
      </c>
      <c r="J2908">
        <v>19.968</v>
      </c>
    </row>
    <row r="2909" spans="1:10" x14ac:dyDescent="0.25">
      <c r="A2909">
        <v>20</v>
      </c>
      <c r="B2909">
        <v>110.1</v>
      </c>
      <c r="C2909">
        <v>123.395</v>
      </c>
      <c r="D2909">
        <v>186.553</v>
      </c>
      <c r="E2909">
        <v>7710.24</v>
      </c>
      <c r="F2909">
        <v>10800</v>
      </c>
      <c r="G2909">
        <v>19955.900000000001</v>
      </c>
      <c r="H2909">
        <v>2.4881899999999999</v>
      </c>
      <c r="I2909">
        <v>21372.9</v>
      </c>
      <c r="J2909">
        <v>21.648199999999999</v>
      </c>
    </row>
    <row r="2910" spans="1:10" x14ac:dyDescent="0.25">
      <c r="A2910">
        <v>20</v>
      </c>
      <c r="B2910">
        <v>102.777</v>
      </c>
      <c r="C2910">
        <v>123.081</v>
      </c>
      <c r="D2910">
        <v>182.47900000000001</v>
      </c>
      <c r="E2910">
        <v>7200</v>
      </c>
      <c r="F2910">
        <v>10800</v>
      </c>
      <c r="G2910">
        <v>19955.900000000001</v>
      </c>
      <c r="H2910">
        <v>3.7637800000000001</v>
      </c>
      <c r="I2910">
        <v>20089.900000000001</v>
      </c>
      <c r="J2910">
        <v>33.581899999999997</v>
      </c>
    </row>
    <row r="2911" spans="1:10" x14ac:dyDescent="0.25">
      <c r="A2911">
        <v>20</v>
      </c>
      <c r="B2911">
        <v>105.848</v>
      </c>
      <c r="C2911">
        <v>114.913</v>
      </c>
      <c r="D2911">
        <v>189.06</v>
      </c>
      <c r="E2911">
        <v>7710.24</v>
      </c>
      <c r="F2911">
        <v>14881.9</v>
      </c>
      <c r="G2911">
        <v>22677.200000000001</v>
      </c>
      <c r="H2911">
        <v>1.09449</v>
      </c>
      <c r="I2911">
        <v>28153.9</v>
      </c>
      <c r="J2911">
        <v>16.915900000000001</v>
      </c>
    </row>
    <row r="2912" spans="1:10" x14ac:dyDescent="0.25">
      <c r="A2912">
        <v>20</v>
      </c>
      <c r="B2912">
        <v>110.1</v>
      </c>
      <c r="C2912">
        <v>123.395</v>
      </c>
      <c r="D2912">
        <v>189.06</v>
      </c>
      <c r="E2912">
        <v>7710.24</v>
      </c>
      <c r="F2912">
        <v>10800</v>
      </c>
      <c r="G2912">
        <v>19955.900000000001</v>
      </c>
      <c r="H2912">
        <v>1.6377999999999999</v>
      </c>
      <c r="I2912">
        <v>22282.799999999999</v>
      </c>
      <c r="J2912">
        <v>20.198799999999999</v>
      </c>
    </row>
    <row r="2913" spans="1:10" x14ac:dyDescent="0.25">
      <c r="A2913">
        <v>20</v>
      </c>
      <c r="B2913">
        <v>102.777</v>
      </c>
      <c r="C2913">
        <v>123.081</v>
      </c>
      <c r="D2913">
        <v>182.47900000000001</v>
      </c>
      <c r="E2913">
        <v>7200</v>
      </c>
      <c r="F2913">
        <v>10800</v>
      </c>
      <c r="G2913">
        <v>19955.900000000001</v>
      </c>
      <c r="H2913">
        <v>3.7637800000000001</v>
      </c>
      <c r="I2913">
        <v>20089.900000000001</v>
      </c>
      <c r="J2913">
        <v>33.581899999999997</v>
      </c>
    </row>
    <row r="2914" spans="1:10" x14ac:dyDescent="0.25">
      <c r="A2914">
        <v>20</v>
      </c>
      <c r="B2914">
        <v>105.848</v>
      </c>
      <c r="C2914">
        <v>114.913</v>
      </c>
      <c r="D2914">
        <v>189.06</v>
      </c>
      <c r="E2914">
        <v>7710.24</v>
      </c>
      <c r="F2914">
        <v>14881.9</v>
      </c>
      <c r="G2914">
        <v>22677.200000000001</v>
      </c>
      <c r="H2914">
        <v>1.09449</v>
      </c>
      <c r="I2914">
        <v>28153.9</v>
      </c>
      <c r="J2914">
        <v>16.915900000000001</v>
      </c>
    </row>
    <row r="2915" spans="1:10" x14ac:dyDescent="0.25">
      <c r="A2915">
        <v>20</v>
      </c>
      <c r="B2915">
        <v>110.1</v>
      </c>
      <c r="C2915">
        <v>123.395</v>
      </c>
      <c r="D2915">
        <v>189.06</v>
      </c>
      <c r="E2915">
        <v>7710.24</v>
      </c>
      <c r="F2915">
        <v>10800</v>
      </c>
      <c r="G2915">
        <v>19955.900000000001</v>
      </c>
      <c r="H2915">
        <v>1.6377999999999999</v>
      </c>
      <c r="I2915">
        <v>22282.799999999999</v>
      </c>
      <c r="J2915">
        <v>20.198799999999999</v>
      </c>
    </row>
    <row r="2916" spans="1:10" x14ac:dyDescent="0.25">
      <c r="A2916">
        <v>20</v>
      </c>
      <c r="B2916">
        <v>102.777</v>
      </c>
      <c r="C2916">
        <v>123.081</v>
      </c>
      <c r="D2916">
        <v>182.47900000000001</v>
      </c>
      <c r="E2916">
        <v>7200</v>
      </c>
      <c r="F2916">
        <v>10800</v>
      </c>
      <c r="G2916">
        <v>19955.900000000001</v>
      </c>
      <c r="H2916">
        <v>3.7637800000000001</v>
      </c>
      <c r="I2916">
        <v>20089.900000000001</v>
      </c>
      <c r="J2916">
        <v>33.581899999999997</v>
      </c>
    </row>
    <row r="2917" spans="1:10" x14ac:dyDescent="0.25">
      <c r="A2917">
        <v>20</v>
      </c>
      <c r="B2917">
        <v>102.777</v>
      </c>
      <c r="C2917">
        <v>123.081</v>
      </c>
      <c r="D2917">
        <v>182.47900000000001</v>
      </c>
      <c r="E2917">
        <v>7200</v>
      </c>
      <c r="F2917">
        <v>10800</v>
      </c>
      <c r="G2917">
        <v>19955.900000000001</v>
      </c>
      <c r="H2917">
        <v>3.7637800000000001</v>
      </c>
      <c r="I2917">
        <v>20089.900000000001</v>
      </c>
      <c r="J2917">
        <v>33.581899999999997</v>
      </c>
    </row>
    <row r="2918" spans="1:10" x14ac:dyDescent="0.25">
      <c r="A2918">
        <v>20</v>
      </c>
      <c r="B2918">
        <v>110.1</v>
      </c>
      <c r="C2918">
        <v>123.395</v>
      </c>
      <c r="D2918">
        <v>189.06</v>
      </c>
      <c r="E2918">
        <v>7710.24</v>
      </c>
      <c r="F2918">
        <v>10800</v>
      </c>
      <c r="G2918">
        <v>19955.900000000001</v>
      </c>
      <c r="H2918">
        <v>1.6377999999999999</v>
      </c>
      <c r="I2918">
        <v>22282.799999999999</v>
      </c>
      <c r="J2918">
        <v>20.198799999999999</v>
      </c>
    </row>
    <row r="2919" spans="1:10" x14ac:dyDescent="0.25">
      <c r="A2919">
        <v>20</v>
      </c>
      <c r="B2919">
        <v>102.777</v>
      </c>
      <c r="C2919">
        <v>123.081</v>
      </c>
      <c r="D2919">
        <v>182.47900000000001</v>
      </c>
      <c r="E2919">
        <v>7200</v>
      </c>
      <c r="F2919">
        <v>10800</v>
      </c>
      <c r="G2919">
        <v>19955.900000000001</v>
      </c>
      <c r="H2919">
        <v>3.7637800000000001</v>
      </c>
      <c r="I2919">
        <v>20089.900000000001</v>
      </c>
      <c r="J2919">
        <v>33.581899999999997</v>
      </c>
    </row>
    <row r="2920" spans="1:10" x14ac:dyDescent="0.25">
      <c r="A2920">
        <v>20</v>
      </c>
      <c r="B2920">
        <v>102.777</v>
      </c>
      <c r="C2920">
        <v>123.081</v>
      </c>
      <c r="D2920">
        <v>182.47900000000001</v>
      </c>
      <c r="E2920">
        <v>7200</v>
      </c>
      <c r="F2920">
        <v>10800</v>
      </c>
      <c r="G2920">
        <v>19955.900000000001</v>
      </c>
      <c r="H2920">
        <v>3.7637800000000001</v>
      </c>
      <c r="I2920">
        <v>20089.900000000001</v>
      </c>
      <c r="J2920">
        <v>33.581899999999997</v>
      </c>
    </row>
    <row r="2921" spans="1:10" x14ac:dyDescent="0.25">
      <c r="A2921">
        <v>20</v>
      </c>
      <c r="B2921">
        <v>108.446</v>
      </c>
      <c r="C2921">
        <v>118.369</v>
      </c>
      <c r="D2921">
        <v>190</v>
      </c>
      <c r="E2921">
        <v>10431.5</v>
      </c>
      <c r="F2921">
        <v>10800</v>
      </c>
      <c r="G2921">
        <v>19955.900000000001</v>
      </c>
      <c r="H2921">
        <v>1.1181099999999999</v>
      </c>
      <c r="I2921">
        <v>26815.1</v>
      </c>
      <c r="J2921">
        <v>17.5837</v>
      </c>
    </row>
    <row r="2922" spans="1:10" x14ac:dyDescent="0.25">
      <c r="A2922">
        <v>20</v>
      </c>
      <c r="B2922">
        <v>108.919</v>
      </c>
      <c r="C2922">
        <v>118.369</v>
      </c>
      <c r="D2922">
        <v>190</v>
      </c>
      <c r="E2922">
        <v>10431.5</v>
      </c>
      <c r="F2922">
        <v>10800</v>
      </c>
      <c r="G2922">
        <v>19955.900000000001</v>
      </c>
      <c r="H2922">
        <v>1.4960599999999999</v>
      </c>
      <c r="I2922">
        <v>25563</v>
      </c>
      <c r="J2922">
        <v>18.1692</v>
      </c>
    </row>
    <row r="2923" spans="1:10" x14ac:dyDescent="0.25">
      <c r="A2923">
        <v>20</v>
      </c>
      <c r="B2923">
        <v>110.1</v>
      </c>
      <c r="C2923">
        <v>123.395</v>
      </c>
      <c r="D2923">
        <v>189.06</v>
      </c>
      <c r="E2923">
        <v>7370.08</v>
      </c>
      <c r="F2923">
        <v>10800</v>
      </c>
      <c r="G2923">
        <v>21316.5</v>
      </c>
      <c r="H2923">
        <v>3.0787399999999998</v>
      </c>
      <c r="I2923">
        <v>21028.799999999999</v>
      </c>
      <c r="J2923">
        <v>25.227799999999998</v>
      </c>
    </row>
    <row r="2924" spans="1:10" x14ac:dyDescent="0.25">
      <c r="A2924">
        <v>20</v>
      </c>
      <c r="B2924">
        <v>110.1</v>
      </c>
      <c r="C2924">
        <v>123.395</v>
      </c>
      <c r="D2924">
        <v>189.06</v>
      </c>
      <c r="E2924">
        <v>7710.24</v>
      </c>
      <c r="F2924">
        <v>10800</v>
      </c>
      <c r="G2924">
        <v>19955.900000000001</v>
      </c>
      <c r="H2924">
        <v>1.6377999999999999</v>
      </c>
      <c r="I2924">
        <v>22282.799999999999</v>
      </c>
      <c r="J2924">
        <v>20.198799999999999</v>
      </c>
    </row>
    <row r="2925" spans="1:10" x14ac:dyDescent="0.25">
      <c r="A2925">
        <v>20</v>
      </c>
      <c r="B2925">
        <v>106.79300000000001</v>
      </c>
      <c r="C2925">
        <v>124.024</v>
      </c>
      <c r="D2925">
        <v>184.04599999999999</v>
      </c>
      <c r="E2925">
        <v>10516.5</v>
      </c>
      <c r="F2925">
        <v>19984.3</v>
      </c>
      <c r="G2925">
        <v>20636.2</v>
      </c>
      <c r="H2925">
        <v>2.25197</v>
      </c>
      <c r="I2925">
        <v>36430.5</v>
      </c>
      <c r="J2925">
        <v>16.778199999999998</v>
      </c>
    </row>
    <row r="2926" spans="1:10" x14ac:dyDescent="0.25">
      <c r="A2926">
        <v>20</v>
      </c>
      <c r="B2926">
        <v>102.777</v>
      </c>
      <c r="C2926">
        <v>123.081</v>
      </c>
      <c r="D2926">
        <v>182.47900000000001</v>
      </c>
      <c r="E2926">
        <v>7200</v>
      </c>
      <c r="F2926">
        <v>10800</v>
      </c>
      <c r="G2926">
        <v>19955.900000000001</v>
      </c>
      <c r="H2926">
        <v>3.7637800000000001</v>
      </c>
      <c r="I2926">
        <v>20089.900000000001</v>
      </c>
      <c r="J2926">
        <v>33.581899999999997</v>
      </c>
    </row>
    <row r="2927" spans="1:10" x14ac:dyDescent="0.25">
      <c r="A2927">
        <v>20</v>
      </c>
      <c r="B2927">
        <v>110.1</v>
      </c>
      <c r="C2927">
        <v>123.395</v>
      </c>
      <c r="D2927">
        <v>189.06</v>
      </c>
      <c r="E2927">
        <v>7370.08</v>
      </c>
      <c r="F2927">
        <v>10800</v>
      </c>
      <c r="G2927">
        <v>21316.5</v>
      </c>
      <c r="H2927">
        <v>3.0787399999999998</v>
      </c>
      <c r="I2927">
        <v>21028.799999999999</v>
      </c>
      <c r="J2927">
        <v>25.227799999999998</v>
      </c>
    </row>
    <row r="2928" spans="1:10" x14ac:dyDescent="0.25">
      <c r="A2928">
        <v>20</v>
      </c>
      <c r="B2928">
        <v>108.446</v>
      </c>
      <c r="C2928">
        <v>118.369</v>
      </c>
      <c r="D2928">
        <v>190</v>
      </c>
      <c r="E2928">
        <v>10431.5</v>
      </c>
      <c r="F2928">
        <v>10800</v>
      </c>
      <c r="G2928">
        <v>19955.900000000001</v>
      </c>
      <c r="H2928">
        <v>1.1181099999999999</v>
      </c>
      <c r="I2928">
        <v>26815.1</v>
      </c>
      <c r="J2928">
        <v>17.5837</v>
      </c>
    </row>
    <row r="2929" spans="1:10" x14ac:dyDescent="0.25">
      <c r="A2929">
        <v>20</v>
      </c>
      <c r="B2929">
        <v>108.446</v>
      </c>
      <c r="C2929">
        <v>118.369</v>
      </c>
      <c r="D2929">
        <v>190</v>
      </c>
      <c r="E2929">
        <v>10431.5</v>
      </c>
      <c r="F2929">
        <v>10800</v>
      </c>
      <c r="G2929">
        <v>19955.900000000001</v>
      </c>
      <c r="H2929">
        <v>1.1181099999999999</v>
      </c>
      <c r="I2929">
        <v>26815.1</v>
      </c>
      <c r="J2929">
        <v>17.5837</v>
      </c>
    </row>
    <row r="2930" spans="1:10" x14ac:dyDescent="0.25">
      <c r="A2930">
        <v>20</v>
      </c>
      <c r="B2930">
        <v>110.1</v>
      </c>
      <c r="C2930">
        <v>123.395</v>
      </c>
      <c r="D2930">
        <v>189.06</v>
      </c>
      <c r="E2930">
        <v>7710.24</v>
      </c>
      <c r="F2930">
        <v>10800</v>
      </c>
      <c r="G2930">
        <v>19955.900000000001</v>
      </c>
      <c r="H2930">
        <v>1.6377999999999999</v>
      </c>
      <c r="I2930">
        <v>22282.799999999999</v>
      </c>
      <c r="J2930">
        <v>20.198799999999999</v>
      </c>
    </row>
    <row r="2931" spans="1:10" x14ac:dyDescent="0.25">
      <c r="A2931">
        <v>20</v>
      </c>
      <c r="B2931">
        <v>102.777</v>
      </c>
      <c r="C2931">
        <v>123.081</v>
      </c>
      <c r="D2931">
        <v>182.47900000000001</v>
      </c>
      <c r="E2931">
        <v>7200</v>
      </c>
      <c r="F2931">
        <v>10800</v>
      </c>
      <c r="G2931">
        <v>19955.900000000001</v>
      </c>
      <c r="H2931">
        <v>3.7637800000000001</v>
      </c>
      <c r="I2931">
        <v>20089.900000000001</v>
      </c>
      <c r="J2931">
        <v>33.581899999999997</v>
      </c>
    </row>
    <row r="2932" spans="1:10" x14ac:dyDescent="0.25">
      <c r="A2932">
        <v>20</v>
      </c>
      <c r="B2932">
        <v>102.777</v>
      </c>
      <c r="C2932">
        <v>123.081</v>
      </c>
      <c r="D2932">
        <v>182.47900000000001</v>
      </c>
      <c r="E2932">
        <v>7200</v>
      </c>
      <c r="F2932">
        <v>10800</v>
      </c>
      <c r="G2932">
        <v>19955.900000000001</v>
      </c>
      <c r="H2932">
        <v>3.7637800000000001</v>
      </c>
      <c r="I2932">
        <v>20089.900000000001</v>
      </c>
      <c r="J2932">
        <v>33.581899999999997</v>
      </c>
    </row>
    <row r="2933" spans="1:10" x14ac:dyDescent="0.25">
      <c r="A2933">
        <v>20</v>
      </c>
      <c r="B2933">
        <v>110.1</v>
      </c>
      <c r="C2933">
        <v>123.395</v>
      </c>
      <c r="D2933">
        <v>189.06</v>
      </c>
      <c r="E2933">
        <v>7710.24</v>
      </c>
      <c r="F2933">
        <v>10800</v>
      </c>
      <c r="G2933">
        <v>19955.900000000001</v>
      </c>
      <c r="H2933">
        <v>1.6377999999999999</v>
      </c>
      <c r="I2933">
        <v>22282.799999999999</v>
      </c>
      <c r="J2933">
        <v>20.198799999999999</v>
      </c>
    </row>
    <row r="2934" spans="1:10" x14ac:dyDescent="0.25">
      <c r="A2934">
        <v>20</v>
      </c>
      <c r="B2934">
        <v>108.446</v>
      </c>
      <c r="C2934">
        <v>119.625</v>
      </c>
      <c r="D2934">
        <v>189.68700000000001</v>
      </c>
      <c r="E2934">
        <v>9070.8700000000008</v>
      </c>
      <c r="F2934">
        <v>10800</v>
      </c>
      <c r="G2934">
        <v>19955.900000000001</v>
      </c>
      <c r="H2934">
        <v>1.4960599999999999</v>
      </c>
      <c r="I2934">
        <v>24098.3</v>
      </c>
      <c r="J2934">
        <v>19.2303</v>
      </c>
    </row>
    <row r="2935" spans="1:10" x14ac:dyDescent="0.25">
      <c r="A2935">
        <v>20</v>
      </c>
      <c r="B2935">
        <v>102.777</v>
      </c>
      <c r="C2935">
        <v>123.081</v>
      </c>
      <c r="D2935">
        <v>182.47900000000001</v>
      </c>
      <c r="E2935">
        <v>7200</v>
      </c>
      <c r="F2935">
        <v>10800</v>
      </c>
      <c r="G2935">
        <v>19955.900000000001</v>
      </c>
      <c r="H2935">
        <v>3.7637800000000001</v>
      </c>
      <c r="I2935">
        <v>20089.900000000001</v>
      </c>
      <c r="J2935">
        <v>33.581899999999997</v>
      </c>
    </row>
    <row r="2936" spans="1:10" x14ac:dyDescent="0.25">
      <c r="A2936">
        <v>20</v>
      </c>
      <c r="B2936">
        <v>110.1</v>
      </c>
      <c r="C2936">
        <v>123.395</v>
      </c>
      <c r="D2936">
        <v>189.06</v>
      </c>
      <c r="E2936">
        <v>7710.24</v>
      </c>
      <c r="F2936">
        <v>10800</v>
      </c>
      <c r="G2936">
        <v>19955.900000000001</v>
      </c>
      <c r="H2936">
        <v>1.6377999999999999</v>
      </c>
      <c r="I2936">
        <v>22282.799999999999</v>
      </c>
      <c r="J2936">
        <v>20.198799999999999</v>
      </c>
    </row>
    <row r="2937" spans="1:10" x14ac:dyDescent="0.25">
      <c r="A2937">
        <v>20</v>
      </c>
      <c r="B2937">
        <v>110.1</v>
      </c>
      <c r="C2937">
        <v>123.395</v>
      </c>
      <c r="D2937">
        <v>189.06</v>
      </c>
      <c r="E2937">
        <v>7710.24</v>
      </c>
      <c r="F2937">
        <v>10800</v>
      </c>
      <c r="G2937">
        <v>19955.900000000001</v>
      </c>
      <c r="H2937">
        <v>1.6377999999999999</v>
      </c>
      <c r="I2937">
        <v>22282.799999999999</v>
      </c>
      <c r="J2937">
        <v>20.198799999999999</v>
      </c>
    </row>
    <row r="2938" spans="1:10" x14ac:dyDescent="0.25">
      <c r="A2938">
        <v>20</v>
      </c>
      <c r="B2938">
        <v>108.446</v>
      </c>
      <c r="C2938">
        <v>117.74</v>
      </c>
      <c r="D2938">
        <v>189.68700000000001</v>
      </c>
      <c r="E2938">
        <v>9921.26</v>
      </c>
      <c r="F2938">
        <v>10800</v>
      </c>
      <c r="G2938">
        <v>18595.3</v>
      </c>
      <c r="H2938">
        <v>1.1653500000000001</v>
      </c>
      <c r="I2938">
        <v>25881.9</v>
      </c>
      <c r="J2938">
        <v>18.015799999999999</v>
      </c>
    </row>
    <row r="2939" spans="1:10" x14ac:dyDescent="0.25">
      <c r="A2939">
        <v>20</v>
      </c>
      <c r="B2939">
        <v>109.155</v>
      </c>
      <c r="C2939">
        <v>128.422</v>
      </c>
      <c r="D2939">
        <v>189.68700000000001</v>
      </c>
      <c r="E2939">
        <v>7370.08</v>
      </c>
      <c r="F2939">
        <v>10800</v>
      </c>
      <c r="G2939">
        <v>22507.1</v>
      </c>
      <c r="H2939">
        <v>3.3149600000000001</v>
      </c>
      <c r="I2939">
        <v>20692</v>
      </c>
      <c r="J2939">
        <v>28.869900000000001</v>
      </c>
    </row>
    <row r="2940" spans="1:10" x14ac:dyDescent="0.25">
      <c r="A2940">
        <v>20</v>
      </c>
      <c r="B2940">
        <v>108.446</v>
      </c>
      <c r="C2940">
        <v>119.625</v>
      </c>
      <c r="D2940">
        <v>189.68700000000001</v>
      </c>
      <c r="E2940">
        <v>9070.8700000000008</v>
      </c>
      <c r="F2940">
        <v>10800</v>
      </c>
      <c r="G2940">
        <v>19955.900000000001</v>
      </c>
      <c r="H2940">
        <v>1.4960599999999999</v>
      </c>
      <c r="I2940">
        <v>24098.3</v>
      </c>
      <c r="J2940">
        <v>19.2303</v>
      </c>
    </row>
    <row r="2941" spans="1:10" x14ac:dyDescent="0.25">
      <c r="A2941">
        <v>21</v>
      </c>
      <c r="B2941">
        <v>109.39100000000001</v>
      </c>
      <c r="C2941">
        <v>124.652</v>
      </c>
      <c r="D2941">
        <v>189.37299999999999</v>
      </c>
      <c r="E2941">
        <v>7370.08</v>
      </c>
      <c r="F2941">
        <v>10800</v>
      </c>
      <c r="G2941">
        <v>18595.3</v>
      </c>
      <c r="H2941">
        <v>3.9527600000000001</v>
      </c>
      <c r="I2941">
        <v>20129.400000000001</v>
      </c>
      <c r="J2941">
        <v>53.995899999999999</v>
      </c>
    </row>
    <row r="2942" spans="1:10" x14ac:dyDescent="0.25">
      <c r="A2942">
        <v>21</v>
      </c>
      <c r="B2942">
        <v>108.446</v>
      </c>
      <c r="C2942">
        <v>118.369</v>
      </c>
      <c r="D2942">
        <v>190</v>
      </c>
      <c r="E2942">
        <v>10431.5</v>
      </c>
      <c r="F2942">
        <v>10800</v>
      </c>
      <c r="G2942">
        <v>18595.3</v>
      </c>
      <c r="H2942">
        <v>1.3070900000000001</v>
      </c>
      <c r="I2942">
        <v>25969.8</v>
      </c>
      <c r="J2942">
        <v>17.733799999999999</v>
      </c>
    </row>
    <row r="2943" spans="1:10" x14ac:dyDescent="0.25">
      <c r="A2943">
        <v>21</v>
      </c>
      <c r="B2943">
        <v>108.919</v>
      </c>
      <c r="C2943">
        <v>117.74</v>
      </c>
      <c r="D2943">
        <v>189.68700000000001</v>
      </c>
      <c r="E2943">
        <v>10091.299999999999</v>
      </c>
      <c r="F2943">
        <v>10800</v>
      </c>
      <c r="G2943">
        <v>19955.900000000001</v>
      </c>
      <c r="H2943">
        <v>1.7795300000000001</v>
      </c>
      <c r="I2943">
        <v>24566.9</v>
      </c>
      <c r="J2943">
        <v>18.9421</v>
      </c>
    </row>
    <row r="2944" spans="1:10" x14ac:dyDescent="0.25">
      <c r="A2944">
        <v>21</v>
      </c>
      <c r="B2944">
        <v>110.1</v>
      </c>
      <c r="C2944">
        <v>123.395</v>
      </c>
      <c r="D2944">
        <v>189.68700000000001</v>
      </c>
      <c r="E2944">
        <v>7370.08</v>
      </c>
      <c r="F2944">
        <v>10800</v>
      </c>
      <c r="G2944">
        <v>18595.3</v>
      </c>
      <c r="H2944">
        <v>3.10236</v>
      </c>
      <c r="I2944">
        <v>21051.4</v>
      </c>
      <c r="J2944">
        <v>24.819800000000001</v>
      </c>
    </row>
    <row r="2945" spans="1:10" x14ac:dyDescent="0.25">
      <c r="A2945">
        <v>21</v>
      </c>
      <c r="B2945">
        <v>108.919</v>
      </c>
      <c r="C2945">
        <v>118.369</v>
      </c>
      <c r="D2945">
        <v>190</v>
      </c>
      <c r="E2945">
        <v>10431.5</v>
      </c>
      <c r="F2945">
        <v>10800</v>
      </c>
      <c r="G2945">
        <v>19955.900000000001</v>
      </c>
      <c r="H2945">
        <v>1.4960599999999999</v>
      </c>
      <c r="I2945">
        <v>25563</v>
      </c>
      <c r="J2945">
        <v>18.1692</v>
      </c>
    </row>
    <row r="2946" spans="1:10" x14ac:dyDescent="0.25">
      <c r="A2946">
        <v>21</v>
      </c>
      <c r="B2946">
        <v>110.1</v>
      </c>
      <c r="C2946">
        <v>123.395</v>
      </c>
      <c r="D2946">
        <v>189.68700000000001</v>
      </c>
      <c r="E2946">
        <v>7370.08</v>
      </c>
      <c r="F2946">
        <v>10800</v>
      </c>
      <c r="G2946">
        <v>18595.3</v>
      </c>
      <c r="H2946">
        <v>3.10236</v>
      </c>
      <c r="I2946">
        <v>21051.4</v>
      </c>
      <c r="J2946">
        <v>24.819800000000001</v>
      </c>
    </row>
    <row r="2947" spans="1:10" x14ac:dyDescent="0.25">
      <c r="A2947">
        <v>21</v>
      </c>
      <c r="B2947">
        <v>110.1</v>
      </c>
      <c r="C2947">
        <v>123.395</v>
      </c>
      <c r="D2947">
        <v>186.553</v>
      </c>
      <c r="E2947">
        <v>7710.24</v>
      </c>
      <c r="F2947">
        <v>10800</v>
      </c>
      <c r="G2947">
        <v>19955.900000000001</v>
      </c>
      <c r="H2947">
        <v>2.4881899999999999</v>
      </c>
      <c r="I2947">
        <v>21372.9</v>
      </c>
      <c r="J2947">
        <v>21.648199999999999</v>
      </c>
    </row>
    <row r="2948" spans="1:10" x14ac:dyDescent="0.25">
      <c r="A2948">
        <v>21</v>
      </c>
      <c r="B2948">
        <v>110.1</v>
      </c>
      <c r="C2948">
        <v>123.395</v>
      </c>
      <c r="D2948">
        <v>186.553</v>
      </c>
      <c r="E2948">
        <v>7710.24</v>
      </c>
      <c r="F2948">
        <v>10800</v>
      </c>
      <c r="G2948">
        <v>19955.900000000001</v>
      </c>
      <c r="H2948">
        <v>2.4881899999999999</v>
      </c>
      <c r="I2948">
        <v>21372.9</v>
      </c>
      <c r="J2948">
        <v>21.648199999999999</v>
      </c>
    </row>
    <row r="2949" spans="1:10" x14ac:dyDescent="0.25">
      <c r="A2949">
        <v>21</v>
      </c>
      <c r="B2949">
        <v>110.1</v>
      </c>
      <c r="C2949">
        <v>123.395</v>
      </c>
      <c r="D2949">
        <v>186.553</v>
      </c>
      <c r="E2949">
        <v>7710.24</v>
      </c>
      <c r="F2949">
        <v>10800</v>
      </c>
      <c r="G2949">
        <v>19955.900000000001</v>
      </c>
      <c r="H2949">
        <v>2.3936999999999999</v>
      </c>
      <c r="I2949">
        <v>21765.5</v>
      </c>
      <c r="J2949">
        <v>84.232100000000003</v>
      </c>
    </row>
    <row r="2950" spans="1:10" x14ac:dyDescent="0.25">
      <c r="A2950">
        <v>21</v>
      </c>
      <c r="B2950">
        <v>108.68300000000001</v>
      </c>
      <c r="C2950">
        <v>119.625</v>
      </c>
      <c r="D2950">
        <v>189.37299999999999</v>
      </c>
      <c r="E2950">
        <v>10091.299999999999</v>
      </c>
      <c r="F2950">
        <v>10800</v>
      </c>
      <c r="G2950">
        <v>19955.900000000001</v>
      </c>
      <c r="H2950">
        <v>1.2125999999999999</v>
      </c>
      <c r="I2950">
        <v>26219.200000000001</v>
      </c>
      <c r="J2950">
        <v>19.045500000000001</v>
      </c>
    </row>
    <row r="2951" spans="1:10" x14ac:dyDescent="0.25">
      <c r="A2951">
        <v>21</v>
      </c>
      <c r="B2951">
        <v>109.39100000000001</v>
      </c>
      <c r="C2951">
        <v>129.679</v>
      </c>
      <c r="D2951">
        <v>184.672</v>
      </c>
      <c r="E2951">
        <v>7370.08</v>
      </c>
      <c r="F2951">
        <v>10800</v>
      </c>
      <c r="G2951">
        <v>18595.3</v>
      </c>
      <c r="H2951">
        <v>3.9527600000000001</v>
      </c>
      <c r="I2951">
        <v>20581.3</v>
      </c>
      <c r="J2951">
        <v>131.97</v>
      </c>
    </row>
    <row r="2952" spans="1:10" x14ac:dyDescent="0.25">
      <c r="A2952">
        <v>21</v>
      </c>
      <c r="B2952">
        <v>108.919</v>
      </c>
      <c r="C2952">
        <v>118.68300000000001</v>
      </c>
      <c r="D2952">
        <v>189.68700000000001</v>
      </c>
      <c r="E2952">
        <v>10091.299999999999</v>
      </c>
      <c r="F2952">
        <v>10800</v>
      </c>
      <c r="G2952">
        <v>9070.8700000000008</v>
      </c>
      <c r="H2952">
        <v>1.87402</v>
      </c>
      <c r="I2952">
        <v>24454.3</v>
      </c>
      <c r="J2952">
        <v>33.918500000000002</v>
      </c>
    </row>
    <row r="2953" spans="1:10" x14ac:dyDescent="0.25">
      <c r="A2953">
        <v>21</v>
      </c>
      <c r="B2953">
        <v>108.68300000000001</v>
      </c>
      <c r="C2953">
        <v>128.422</v>
      </c>
      <c r="D2953">
        <v>186.553</v>
      </c>
      <c r="E2953">
        <v>7710.24</v>
      </c>
      <c r="F2953">
        <v>10800</v>
      </c>
      <c r="G2953">
        <v>19955.900000000001</v>
      </c>
      <c r="H2953">
        <v>2.25197</v>
      </c>
      <c r="I2953">
        <v>22025.200000000001</v>
      </c>
      <c r="J2953">
        <v>117.655</v>
      </c>
    </row>
    <row r="2954" spans="1:10" x14ac:dyDescent="0.25">
      <c r="A2954">
        <v>21</v>
      </c>
      <c r="B2954">
        <v>109.39100000000001</v>
      </c>
      <c r="C2954">
        <v>128.422</v>
      </c>
      <c r="D2954">
        <v>186.553</v>
      </c>
      <c r="E2954">
        <v>7710.24</v>
      </c>
      <c r="F2954">
        <v>10800</v>
      </c>
      <c r="G2954">
        <v>19955.900000000001</v>
      </c>
      <c r="H2954">
        <v>1.7086600000000001</v>
      </c>
      <c r="I2954">
        <v>23288.5</v>
      </c>
      <c r="J2954">
        <v>112.762</v>
      </c>
    </row>
    <row r="2955" spans="1:10" x14ac:dyDescent="0.25">
      <c r="A2955">
        <v>21</v>
      </c>
      <c r="B2955">
        <v>109.864</v>
      </c>
      <c r="C2955">
        <v>114.598</v>
      </c>
      <c r="D2955">
        <v>190</v>
      </c>
      <c r="E2955">
        <v>10091.299999999999</v>
      </c>
      <c r="F2955">
        <v>10800</v>
      </c>
      <c r="G2955">
        <v>19955.900000000001</v>
      </c>
      <c r="H2955">
        <v>3.00787</v>
      </c>
      <c r="I2955">
        <v>23402.5</v>
      </c>
      <c r="J2955">
        <v>39.462400000000002</v>
      </c>
    </row>
    <row r="2956" spans="1:10" x14ac:dyDescent="0.25">
      <c r="A2956">
        <v>21</v>
      </c>
      <c r="B2956">
        <v>108.919</v>
      </c>
      <c r="C2956">
        <v>119.93899999999999</v>
      </c>
      <c r="D2956">
        <v>190</v>
      </c>
      <c r="E2956">
        <v>10091.299999999999</v>
      </c>
      <c r="F2956">
        <v>11055.1</v>
      </c>
      <c r="G2956">
        <v>19955.900000000001</v>
      </c>
      <c r="H2956">
        <v>2.1574800000000001</v>
      </c>
      <c r="I2956">
        <v>24916.3</v>
      </c>
      <c r="J2956">
        <v>21.2818</v>
      </c>
    </row>
    <row r="2957" spans="1:10" x14ac:dyDescent="0.25">
      <c r="A2957">
        <v>21</v>
      </c>
      <c r="B2957">
        <v>109.864</v>
      </c>
      <c r="C2957">
        <v>118.369</v>
      </c>
      <c r="D2957">
        <v>189.06</v>
      </c>
      <c r="E2957">
        <v>10431.5</v>
      </c>
      <c r="F2957">
        <v>10800</v>
      </c>
      <c r="G2957">
        <v>18595.3</v>
      </c>
      <c r="H2957">
        <v>1.6850400000000001</v>
      </c>
      <c r="I2957">
        <v>25752.9</v>
      </c>
      <c r="J2957">
        <v>46.484099999999998</v>
      </c>
    </row>
    <row r="2958" spans="1:10" x14ac:dyDescent="0.25">
      <c r="A2958">
        <v>21</v>
      </c>
      <c r="B2958">
        <v>108.446</v>
      </c>
      <c r="C2958">
        <v>129.679</v>
      </c>
      <c r="D2958">
        <v>190</v>
      </c>
      <c r="E2958">
        <v>10091.299999999999</v>
      </c>
      <c r="F2958">
        <v>10800</v>
      </c>
      <c r="G2958">
        <v>18595.3</v>
      </c>
      <c r="H2958">
        <v>3.19685</v>
      </c>
      <c r="I2958">
        <v>23689.8</v>
      </c>
      <c r="J2958">
        <v>112.23099999999999</v>
      </c>
    </row>
    <row r="2959" spans="1:10" x14ac:dyDescent="0.25">
      <c r="A2959">
        <v>21</v>
      </c>
      <c r="B2959">
        <v>110.1</v>
      </c>
      <c r="C2959">
        <v>124.652</v>
      </c>
      <c r="D2959">
        <v>189.37299999999999</v>
      </c>
      <c r="E2959">
        <v>7370.08</v>
      </c>
      <c r="F2959">
        <v>10800</v>
      </c>
      <c r="G2959">
        <v>18595.3</v>
      </c>
      <c r="H2959">
        <v>3.9527600000000001</v>
      </c>
      <c r="I2959">
        <v>20783.7</v>
      </c>
      <c r="J2959">
        <v>105.809</v>
      </c>
    </row>
    <row r="2960" spans="1:10" x14ac:dyDescent="0.25">
      <c r="A2960">
        <v>21</v>
      </c>
      <c r="B2960">
        <v>101.83199999999999</v>
      </c>
      <c r="C2960">
        <v>124.652</v>
      </c>
      <c r="D2960">
        <v>189.37299999999999</v>
      </c>
      <c r="E2960">
        <v>7370.08</v>
      </c>
      <c r="F2960">
        <v>10800</v>
      </c>
      <c r="G2960">
        <v>18595.3</v>
      </c>
      <c r="H2960">
        <v>3.8582700000000001</v>
      </c>
      <c r="I2960">
        <v>20322.5</v>
      </c>
      <c r="J2960">
        <v>109.087</v>
      </c>
    </row>
    <row r="2961" spans="1:10" x14ac:dyDescent="0.25">
      <c r="A2961">
        <v>21</v>
      </c>
      <c r="B2961">
        <v>110.1</v>
      </c>
      <c r="C2961">
        <v>123.395</v>
      </c>
      <c r="D2961">
        <v>189.06</v>
      </c>
      <c r="E2961">
        <v>7370.08</v>
      </c>
      <c r="F2961">
        <v>10800</v>
      </c>
      <c r="G2961">
        <v>19955.900000000001</v>
      </c>
      <c r="H2961">
        <v>1.6377999999999999</v>
      </c>
      <c r="I2961">
        <v>21942.7</v>
      </c>
      <c r="J2961">
        <v>20.6646</v>
      </c>
    </row>
    <row r="2962" spans="1:10" x14ac:dyDescent="0.25">
      <c r="A2962">
        <v>21</v>
      </c>
      <c r="B2962">
        <v>109.155</v>
      </c>
      <c r="C2962">
        <v>119.93899999999999</v>
      </c>
      <c r="D2962">
        <v>189.68700000000001</v>
      </c>
      <c r="E2962">
        <v>7455.12</v>
      </c>
      <c r="F2962">
        <v>10800</v>
      </c>
      <c r="G2962">
        <v>19955.900000000001</v>
      </c>
      <c r="H2962">
        <v>2.4173200000000001</v>
      </c>
      <c r="I2962">
        <v>21216.1</v>
      </c>
      <c r="J2962">
        <v>35.842199999999998</v>
      </c>
    </row>
    <row r="2963" spans="1:10" x14ac:dyDescent="0.25">
      <c r="A2963">
        <v>21</v>
      </c>
      <c r="B2963">
        <v>108.919</v>
      </c>
      <c r="C2963">
        <v>119.625</v>
      </c>
      <c r="D2963">
        <v>189.68700000000001</v>
      </c>
      <c r="E2963">
        <v>7710.24</v>
      </c>
      <c r="F2963">
        <v>10800</v>
      </c>
      <c r="G2963">
        <v>18595.3</v>
      </c>
      <c r="H2963">
        <v>1.87402</v>
      </c>
      <c r="I2963">
        <v>22030.1</v>
      </c>
      <c r="J2963">
        <v>44.278199999999998</v>
      </c>
    </row>
    <row r="2964" spans="1:10" x14ac:dyDescent="0.25">
      <c r="A2964">
        <v>21</v>
      </c>
      <c r="B2964">
        <v>109.155</v>
      </c>
      <c r="C2964">
        <v>124.96599999999999</v>
      </c>
      <c r="D2964">
        <v>189.68700000000001</v>
      </c>
      <c r="E2964">
        <v>7710.24</v>
      </c>
      <c r="F2964">
        <v>10800</v>
      </c>
      <c r="G2964">
        <v>19955.900000000001</v>
      </c>
      <c r="H2964">
        <v>2.4881899999999999</v>
      </c>
      <c r="I2964">
        <v>21364.7</v>
      </c>
      <c r="J2964">
        <v>21.589400000000001</v>
      </c>
    </row>
    <row r="2965" spans="1:10" x14ac:dyDescent="0.25">
      <c r="A2965">
        <v>21</v>
      </c>
      <c r="B2965">
        <v>108.446</v>
      </c>
      <c r="C2965">
        <v>114.598</v>
      </c>
      <c r="D2965">
        <v>189.68700000000001</v>
      </c>
      <c r="E2965">
        <v>10431.5</v>
      </c>
      <c r="F2965">
        <v>10800</v>
      </c>
      <c r="G2965">
        <v>19955.900000000001</v>
      </c>
      <c r="H2965">
        <v>2.25197</v>
      </c>
      <c r="I2965">
        <v>24265</v>
      </c>
      <c r="J2965">
        <v>30.758400000000002</v>
      </c>
    </row>
    <row r="2966" spans="1:10" x14ac:dyDescent="0.25">
      <c r="A2966">
        <v>21</v>
      </c>
      <c r="B2966">
        <v>108.446</v>
      </c>
      <c r="C2966">
        <v>119.625</v>
      </c>
      <c r="D2966">
        <v>190</v>
      </c>
      <c r="E2966">
        <v>10091.299999999999</v>
      </c>
      <c r="F2966">
        <v>10800</v>
      </c>
      <c r="G2966">
        <v>21316.5</v>
      </c>
      <c r="H2966">
        <v>3.3858299999999999</v>
      </c>
      <c r="I2966">
        <v>23180.2</v>
      </c>
      <c r="J2966">
        <v>45.225999999999999</v>
      </c>
    </row>
    <row r="2967" spans="1:10" x14ac:dyDescent="0.25">
      <c r="A2967">
        <v>21</v>
      </c>
      <c r="B2967">
        <v>109.628</v>
      </c>
      <c r="C2967">
        <v>123.395</v>
      </c>
      <c r="D2967">
        <v>189.37299999999999</v>
      </c>
      <c r="E2967">
        <v>7370.08</v>
      </c>
      <c r="F2967">
        <v>10800</v>
      </c>
      <c r="G2967">
        <v>22677.200000000001</v>
      </c>
      <c r="H2967">
        <v>3.4803099999999998</v>
      </c>
      <c r="I2967">
        <v>20351.3</v>
      </c>
      <c r="J2967">
        <v>65.4071</v>
      </c>
    </row>
    <row r="2968" spans="1:10" x14ac:dyDescent="0.25">
      <c r="A2968">
        <v>21</v>
      </c>
      <c r="B2968">
        <v>109.39100000000001</v>
      </c>
      <c r="C2968">
        <v>119.625</v>
      </c>
      <c r="D2968">
        <v>189.37299999999999</v>
      </c>
      <c r="E2968">
        <v>10091.299999999999</v>
      </c>
      <c r="F2968">
        <v>10800</v>
      </c>
      <c r="G2968">
        <v>18595.3</v>
      </c>
      <c r="H2968">
        <v>3.4803099999999998</v>
      </c>
      <c r="I2968">
        <v>23571.7</v>
      </c>
      <c r="J2968">
        <v>25.8672</v>
      </c>
    </row>
    <row r="2969" spans="1:10" x14ac:dyDescent="0.25">
      <c r="A2969">
        <v>21</v>
      </c>
      <c r="B2969">
        <v>109.155</v>
      </c>
      <c r="C2969">
        <v>118.369</v>
      </c>
      <c r="D2969">
        <v>190</v>
      </c>
      <c r="E2969">
        <v>7710.24</v>
      </c>
      <c r="F2969">
        <v>10800</v>
      </c>
      <c r="G2969">
        <v>18595.3</v>
      </c>
      <c r="H2969">
        <v>1.02362</v>
      </c>
      <c r="I2969">
        <v>24177.9</v>
      </c>
      <c r="J2969">
        <v>45.170999999999999</v>
      </c>
    </row>
    <row r="2970" spans="1:10" x14ac:dyDescent="0.25">
      <c r="A2970">
        <v>21</v>
      </c>
      <c r="B2970">
        <v>109.39100000000001</v>
      </c>
      <c r="C2970">
        <v>124.652</v>
      </c>
      <c r="D2970">
        <v>189.37299999999999</v>
      </c>
      <c r="E2970">
        <v>7370.08</v>
      </c>
      <c r="F2970">
        <v>10800</v>
      </c>
      <c r="G2970">
        <v>18595.3</v>
      </c>
      <c r="H2970">
        <v>3.9527600000000001</v>
      </c>
      <c r="I2970">
        <v>20129.400000000001</v>
      </c>
      <c r="J2970">
        <v>53.995899999999999</v>
      </c>
    </row>
    <row r="2971" spans="1:10" x14ac:dyDescent="0.25">
      <c r="A2971">
        <v>21</v>
      </c>
      <c r="B2971">
        <v>108.446</v>
      </c>
      <c r="C2971">
        <v>118.369</v>
      </c>
      <c r="D2971">
        <v>190</v>
      </c>
      <c r="E2971">
        <v>7370.08</v>
      </c>
      <c r="F2971">
        <v>10800</v>
      </c>
      <c r="G2971">
        <v>19785.8</v>
      </c>
      <c r="H2971">
        <v>1.1181099999999999</v>
      </c>
      <c r="I2971">
        <v>23571</v>
      </c>
      <c r="J2971">
        <v>42.201300000000003</v>
      </c>
    </row>
    <row r="2972" spans="1:10" x14ac:dyDescent="0.25">
      <c r="A2972">
        <v>21</v>
      </c>
      <c r="B2972">
        <v>108.68300000000001</v>
      </c>
      <c r="C2972">
        <v>118.369</v>
      </c>
      <c r="D2972">
        <v>189.06</v>
      </c>
      <c r="E2972">
        <v>10431.5</v>
      </c>
      <c r="F2972">
        <v>10800</v>
      </c>
      <c r="G2972">
        <v>19955.900000000001</v>
      </c>
      <c r="H2972">
        <v>1.9684999999999999</v>
      </c>
      <c r="I2972">
        <v>24570.3</v>
      </c>
      <c r="J2972">
        <v>42.072400000000002</v>
      </c>
    </row>
    <row r="2973" spans="1:10" x14ac:dyDescent="0.25">
      <c r="A2973">
        <v>21</v>
      </c>
      <c r="B2973">
        <v>108.446</v>
      </c>
      <c r="C2973">
        <v>114.598</v>
      </c>
      <c r="D2973">
        <v>189.06</v>
      </c>
      <c r="E2973">
        <v>7370.08</v>
      </c>
      <c r="F2973">
        <v>10800</v>
      </c>
      <c r="G2973">
        <v>19955.900000000001</v>
      </c>
      <c r="H2973">
        <v>2.25197</v>
      </c>
      <c r="I2973">
        <v>21332.1</v>
      </c>
      <c r="J2973">
        <v>50.056699999999999</v>
      </c>
    </row>
    <row r="2974" spans="1:10" x14ac:dyDescent="0.25">
      <c r="A2974">
        <v>21</v>
      </c>
      <c r="B2974">
        <v>110.1</v>
      </c>
      <c r="C2974">
        <v>114.598</v>
      </c>
      <c r="D2974">
        <v>189.68700000000001</v>
      </c>
      <c r="E2974">
        <v>7370.08</v>
      </c>
      <c r="F2974">
        <v>10800</v>
      </c>
      <c r="G2974">
        <v>18595.3</v>
      </c>
      <c r="H2974">
        <v>3.0787399999999998</v>
      </c>
      <c r="I2974">
        <v>20667.5</v>
      </c>
      <c r="J2974">
        <v>64.010199999999998</v>
      </c>
    </row>
    <row r="2975" spans="1:10" x14ac:dyDescent="0.25">
      <c r="A2975">
        <v>21</v>
      </c>
      <c r="B2975">
        <v>109.864</v>
      </c>
      <c r="C2975">
        <v>119.625</v>
      </c>
      <c r="D2975">
        <v>189.68700000000001</v>
      </c>
      <c r="E2975">
        <v>7370.08</v>
      </c>
      <c r="F2975">
        <v>10800</v>
      </c>
      <c r="G2975">
        <v>19955.900000000001</v>
      </c>
      <c r="H2975">
        <v>3.2913399999999999</v>
      </c>
      <c r="I2975">
        <v>20585.099999999999</v>
      </c>
      <c r="J2975">
        <v>38.911799999999999</v>
      </c>
    </row>
    <row r="2976" spans="1:10" x14ac:dyDescent="0.25">
      <c r="A2976">
        <v>21</v>
      </c>
      <c r="B2976">
        <v>109.39100000000001</v>
      </c>
      <c r="C2976">
        <v>118.369</v>
      </c>
      <c r="D2976">
        <v>190</v>
      </c>
      <c r="E2976">
        <v>10431.5</v>
      </c>
      <c r="F2976">
        <v>10800</v>
      </c>
      <c r="G2976">
        <v>18595.3</v>
      </c>
      <c r="H2976">
        <v>1.3070900000000001</v>
      </c>
      <c r="I2976">
        <v>26171.5</v>
      </c>
      <c r="J2976">
        <v>27.247699999999998</v>
      </c>
    </row>
    <row r="2977" spans="1:10" x14ac:dyDescent="0.25">
      <c r="A2977">
        <v>21</v>
      </c>
      <c r="B2977">
        <v>108.68300000000001</v>
      </c>
      <c r="C2977">
        <v>128.422</v>
      </c>
      <c r="D2977">
        <v>190</v>
      </c>
      <c r="E2977">
        <v>7370.08</v>
      </c>
      <c r="F2977">
        <v>10800</v>
      </c>
      <c r="G2977">
        <v>9070.8700000000008</v>
      </c>
      <c r="H2977">
        <v>2.2283499999999998</v>
      </c>
      <c r="I2977">
        <v>21820.400000000001</v>
      </c>
      <c r="J2977">
        <v>118.46599999999999</v>
      </c>
    </row>
    <row r="2978" spans="1:10" x14ac:dyDescent="0.25">
      <c r="A2978">
        <v>21</v>
      </c>
      <c r="B2978">
        <v>109.155</v>
      </c>
      <c r="C2978">
        <v>119.625</v>
      </c>
      <c r="D2978">
        <v>189.06</v>
      </c>
      <c r="E2978">
        <v>7370.08</v>
      </c>
      <c r="F2978">
        <v>10800</v>
      </c>
      <c r="G2978">
        <v>19955.900000000001</v>
      </c>
      <c r="H2978">
        <v>3.6692900000000002</v>
      </c>
      <c r="I2978">
        <v>20279.3</v>
      </c>
      <c r="J2978">
        <v>39.509</v>
      </c>
    </row>
    <row r="2979" spans="1:10" x14ac:dyDescent="0.25">
      <c r="A2979">
        <v>21</v>
      </c>
      <c r="B2979">
        <v>108.919</v>
      </c>
      <c r="C2979">
        <v>128.422</v>
      </c>
      <c r="D2979">
        <v>189.68700000000001</v>
      </c>
      <c r="E2979">
        <v>10771.7</v>
      </c>
      <c r="F2979">
        <v>10800</v>
      </c>
      <c r="G2979">
        <v>19955.900000000001</v>
      </c>
      <c r="H2979">
        <v>3.10236</v>
      </c>
      <c r="I2979">
        <v>24236.5</v>
      </c>
      <c r="J2979">
        <v>108.35</v>
      </c>
    </row>
    <row r="2980" spans="1:10" x14ac:dyDescent="0.25">
      <c r="A2980">
        <v>21</v>
      </c>
      <c r="B2980">
        <v>109.39100000000001</v>
      </c>
      <c r="C2980">
        <v>118.997</v>
      </c>
      <c r="D2980">
        <v>189.68700000000001</v>
      </c>
      <c r="E2980">
        <v>7370.08</v>
      </c>
      <c r="F2980">
        <v>10800</v>
      </c>
      <c r="G2980">
        <v>19955.900000000001</v>
      </c>
      <c r="H2980">
        <v>1.87402</v>
      </c>
      <c r="I2980">
        <v>21917.9</v>
      </c>
      <c r="J2980">
        <v>38.183799999999998</v>
      </c>
    </row>
    <row r="2981" spans="1:10" x14ac:dyDescent="0.25">
      <c r="A2981">
        <v>21</v>
      </c>
      <c r="B2981">
        <v>110.1</v>
      </c>
      <c r="C2981">
        <v>119.93899999999999</v>
      </c>
      <c r="D2981">
        <v>186.553</v>
      </c>
      <c r="E2981">
        <v>7710.24</v>
      </c>
      <c r="F2981">
        <v>10800</v>
      </c>
      <c r="G2981">
        <v>19955.900000000001</v>
      </c>
      <c r="H2981">
        <v>3.7637800000000001</v>
      </c>
      <c r="I2981">
        <v>20812.2</v>
      </c>
      <c r="J2981">
        <v>57.572600000000001</v>
      </c>
    </row>
    <row r="2982" spans="1:10" x14ac:dyDescent="0.25">
      <c r="A2982">
        <v>21</v>
      </c>
      <c r="B2982">
        <v>108.446</v>
      </c>
      <c r="C2982">
        <v>119.625</v>
      </c>
      <c r="D2982">
        <v>190</v>
      </c>
      <c r="E2982">
        <v>10431.5</v>
      </c>
      <c r="F2982">
        <v>18963.8</v>
      </c>
      <c r="G2982">
        <v>18595.3</v>
      </c>
      <c r="H2982">
        <v>1.1181099999999999</v>
      </c>
      <c r="I2982">
        <v>36370.6</v>
      </c>
      <c r="J2982">
        <v>18.099799999999998</v>
      </c>
    </row>
    <row r="2983" spans="1:10" x14ac:dyDescent="0.25">
      <c r="A2983">
        <v>21</v>
      </c>
      <c r="B2983">
        <v>108.446</v>
      </c>
      <c r="C2983">
        <v>129.679</v>
      </c>
      <c r="D2983">
        <v>189.06</v>
      </c>
      <c r="E2983">
        <v>7370.08</v>
      </c>
      <c r="F2983">
        <v>10800</v>
      </c>
      <c r="G2983">
        <v>18595.3</v>
      </c>
      <c r="H2983">
        <v>3.9291299999999998</v>
      </c>
      <c r="I2983">
        <v>20493.099999999999</v>
      </c>
      <c r="J2983">
        <v>116.107</v>
      </c>
    </row>
    <row r="2984" spans="1:10" x14ac:dyDescent="0.25">
      <c r="A2984">
        <v>21</v>
      </c>
      <c r="B2984">
        <v>108.919</v>
      </c>
      <c r="C2984">
        <v>113.65600000000001</v>
      </c>
      <c r="D2984">
        <v>189.06</v>
      </c>
      <c r="E2984">
        <v>7710.24</v>
      </c>
      <c r="F2984">
        <v>10800</v>
      </c>
      <c r="G2984">
        <v>9070.8700000000008</v>
      </c>
      <c r="H2984">
        <v>3.90551</v>
      </c>
      <c r="I2984">
        <v>20722.7</v>
      </c>
      <c r="J2984">
        <v>77.055999999999997</v>
      </c>
    </row>
    <row r="2985" spans="1:10" x14ac:dyDescent="0.25">
      <c r="A2985">
        <v>21</v>
      </c>
      <c r="B2985">
        <v>109.864</v>
      </c>
      <c r="C2985">
        <v>119.93899999999999</v>
      </c>
      <c r="D2985">
        <v>189.68700000000001</v>
      </c>
      <c r="E2985">
        <v>7370.08</v>
      </c>
      <c r="F2985">
        <v>10800</v>
      </c>
      <c r="G2985">
        <v>19955.900000000001</v>
      </c>
      <c r="H2985">
        <v>3.7401599999999999</v>
      </c>
      <c r="I2985">
        <v>20317</v>
      </c>
      <c r="J2985">
        <v>49.607100000000003</v>
      </c>
    </row>
    <row r="2986" spans="1:10" x14ac:dyDescent="0.25">
      <c r="A2986">
        <v>21</v>
      </c>
      <c r="B2986">
        <v>109.39100000000001</v>
      </c>
      <c r="C2986">
        <v>119.93899999999999</v>
      </c>
      <c r="D2986">
        <v>189.68700000000001</v>
      </c>
      <c r="E2986">
        <v>7370.08</v>
      </c>
      <c r="F2986">
        <v>10800</v>
      </c>
      <c r="G2986">
        <v>11622</v>
      </c>
      <c r="H2986">
        <v>3.3622000000000001</v>
      </c>
      <c r="I2986">
        <v>20552.900000000001</v>
      </c>
      <c r="J2986">
        <v>39.699599999999997</v>
      </c>
    </row>
    <row r="2987" spans="1:10" x14ac:dyDescent="0.25">
      <c r="A2987">
        <v>21</v>
      </c>
      <c r="B2987">
        <v>108.446</v>
      </c>
      <c r="C2987">
        <v>119.625</v>
      </c>
      <c r="D2987">
        <v>190</v>
      </c>
      <c r="E2987">
        <v>10431.5</v>
      </c>
      <c r="F2987">
        <v>10800</v>
      </c>
      <c r="G2987">
        <v>18595.3</v>
      </c>
      <c r="H2987">
        <v>1.4960599999999999</v>
      </c>
      <c r="I2987">
        <v>25310.400000000001</v>
      </c>
      <c r="J2987">
        <v>30.263500000000001</v>
      </c>
    </row>
    <row r="2988" spans="1:10" x14ac:dyDescent="0.25">
      <c r="A2988">
        <v>21</v>
      </c>
      <c r="B2988">
        <v>108.446</v>
      </c>
      <c r="C2988">
        <v>118.369</v>
      </c>
      <c r="D2988">
        <v>190</v>
      </c>
      <c r="E2988">
        <v>10431.5</v>
      </c>
      <c r="F2988">
        <v>10800</v>
      </c>
      <c r="G2988">
        <v>18595.3</v>
      </c>
      <c r="H2988">
        <v>1.3070900000000001</v>
      </c>
      <c r="I2988">
        <v>25969.8</v>
      </c>
      <c r="J2988">
        <v>17.733799999999999</v>
      </c>
    </row>
    <row r="2989" spans="1:10" x14ac:dyDescent="0.25">
      <c r="A2989">
        <v>21</v>
      </c>
      <c r="B2989">
        <v>108.446</v>
      </c>
      <c r="C2989">
        <v>118.369</v>
      </c>
      <c r="D2989">
        <v>184.98599999999999</v>
      </c>
      <c r="E2989">
        <v>10431.5</v>
      </c>
      <c r="F2989">
        <v>10800</v>
      </c>
      <c r="G2989">
        <v>19955.900000000001</v>
      </c>
      <c r="H2989">
        <v>1.3070900000000001</v>
      </c>
      <c r="I2989">
        <v>26130.9</v>
      </c>
      <c r="J2989">
        <v>17.733799999999999</v>
      </c>
    </row>
    <row r="2990" spans="1:10" x14ac:dyDescent="0.25">
      <c r="A2990">
        <v>21</v>
      </c>
      <c r="B2990">
        <v>108.919</v>
      </c>
      <c r="C2990">
        <v>119.625</v>
      </c>
      <c r="D2990">
        <v>189.68700000000001</v>
      </c>
      <c r="E2990">
        <v>10091.299999999999</v>
      </c>
      <c r="F2990">
        <v>10800</v>
      </c>
      <c r="G2990">
        <v>19955.900000000001</v>
      </c>
      <c r="H2990">
        <v>2.25197</v>
      </c>
      <c r="I2990">
        <v>23924.1</v>
      </c>
      <c r="J2990">
        <v>26.369700000000002</v>
      </c>
    </row>
    <row r="2991" spans="1:10" x14ac:dyDescent="0.25">
      <c r="A2991">
        <v>21</v>
      </c>
      <c r="B2991">
        <v>109.628</v>
      </c>
      <c r="C2991">
        <v>124.652</v>
      </c>
      <c r="D2991">
        <v>189.37299999999999</v>
      </c>
      <c r="E2991">
        <v>7370.08</v>
      </c>
      <c r="F2991">
        <v>10800</v>
      </c>
      <c r="G2991">
        <v>19955.900000000001</v>
      </c>
      <c r="H2991">
        <v>3.8582700000000001</v>
      </c>
      <c r="I2991">
        <v>20584.400000000001</v>
      </c>
      <c r="J2991">
        <v>95.872299999999996</v>
      </c>
    </row>
    <row r="2992" spans="1:10" x14ac:dyDescent="0.25">
      <c r="A2992">
        <v>21</v>
      </c>
      <c r="B2992">
        <v>110.1</v>
      </c>
      <c r="C2992">
        <v>119.625</v>
      </c>
      <c r="D2992">
        <v>189.68700000000001</v>
      </c>
      <c r="E2992">
        <v>7370.08</v>
      </c>
      <c r="F2992">
        <v>10800</v>
      </c>
      <c r="G2992">
        <v>18595.3</v>
      </c>
      <c r="H2992">
        <v>3.8582700000000001</v>
      </c>
      <c r="I2992">
        <v>20311.3</v>
      </c>
      <c r="J2992">
        <v>56.765300000000003</v>
      </c>
    </row>
    <row r="2993" spans="1:10" x14ac:dyDescent="0.25">
      <c r="A2993">
        <v>21</v>
      </c>
      <c r="B2993">
        <v>109.155</v>
      </c>
      <c r="C2993">
        <v>114.598</v>
      </c>
      <c r="D2993">
        <v>169.00299999999999</v>
      </c>
      <c r="E2993">
        <v>7370.08</v>
      </c>
      <c r="F2993">
        <v>10800</v>
      </c>
      <c r="G2993">
        <v>19955.900000000001</v>
      </c>
      <c r="H2993">
        <v>3.9291299999999998</v>
      </c>
      <c r="I2993">
        <v>22006.400000000001</v>
      </c>
      <c r="J2993">
        <v>75.758099999999999</v>
      </c>
    </row>
    <row r="2994" spans="1:10" x14ac:dyDescent="0.25">
      <c r="A2994">
        <v>21</v>
      </c>
      <c r="B2994">
        <v>109.864</v>
      </c>
      <c r="C2994">
        <v>119.93899999999999</v>
      </c>
      <c r="D2994">
        <v>190</v>
      </c>
      <c r="E2994">
        <v>7370.08</v>
      </c>
      <c r="F2994">
        <v>10800</v>
      </c>
      <c r="G2994">
        <v>22507.1</v>
      </c>
      <c r="H2994">
        <v>3.7637800000000001</v>
      </c>
      <c r="I2994">
        <v>20302.7</v>
      </c>
      <c r="J2994">
        <v>49.5212</v>
      </c>
    </row>
    <row r="2995" spans="1:10" x14ac:dyDescent="0.25">
      <c r="A2995">
        <v>21</v>
      </c>
      <c r="B2995">
        <v>108.446</v>
      </c>
      <c r="C2995">
        <v>119.93899999999999</v>
      </c>
      <c r="D2995">
        <v>189.68700000000001</v>
      </c>
      <c r="E2995">
        <v>7710.24</v>
      </c>
      <c r="F2995">
        <v>10800</v>
      </c>
      <c r="G2995">
        <v>11622</v>
      </c>
      <c r="H2995">
        <v>2.6299199999999998</v>
      </c>
      <c r="I2995">
        <v>21230.2</v>
      </c>
      <c r="J2995">
        <v>34.532600000000002</v>
      </c>
    </row>
    <row r="2996" spans="1:10" x14ac:dyDescent="0.25">
      <c r="A2996">
        <v>21</v>
      </c>
      <c r="B2996">
        <v>109.864</v>
      </c>
      <c r="C2996">
        <v>124.024</v>
      </c>
      <c r="D2996">
        <v>189.68700000000001</v>
      </c>
      <c r="E2996">
        <v>7370.08</v>
      </c>
      <c r="F2996">
        <v>11310.2</v>
      </c>
      <c r="G2996">
        <v>19955.900000000001</v>
      </c>
      <c r="H2996">
        <v>1.40157</v>
      </c>
      <c r="I2996">
        <v>23561.5</v>
      </c>
      <c r="J2996">
        <v>83.075400000000002</v>
      </c>
    </row>
    <row r="2997" spans="1:10" x14ac:dyDescent="0.25">
      <c r="A2997">
        <v>21</v>
      </c>
      <c r="B2997">
        <v>108.446</v>
      </c>
      <c r="C2997">
        <v>119.625</v>
      </c>
      <c r="D2997">
        <v>189.68700000000001</v>
      </c>
      <c r="E2997">
        <v>7370.08</v>
      </c>
      <c r="F2997">
        <v>10800</v>
      </c>
      <c r="G2997">
        <v>11792.1</v>
      </c>
      <c r="H2997">
        <v>3.3622000000000001</v>
      </c>
      <c r="I2997">
        <v>20545</v>
      </c>
      <c r="J2997">
        <v>46.771900000000002</v>
      </c>
    </row>
    <row r="2998" spans="1:10" x14ac:dyDescent="0.25">
      <c r="A2998">
        <v>21</v>
      </c>
      <c r="B2998">
        <v>109.155</v>
      </c>
      <c r="C2998">
        <v>123.395</v>
      </c>
      <c r="D2998">
        <v>189.68700000000001</v>
      </c>
      <c r="E2998">
        <v>7455.12</v>
      </c>
      <c r="F2998">
        <v>10800</v>
      </c>
      <c r="G2998">
        <v>18595.3</v>
      </c>
      <c r="H2998">
        <v>3.10236</v>
      </c>
      <c r="I2998">
        <v>21112.6</v>
      </c>
      <c r="J2998">
        <v>91.177000000000007</v>
      </c>
    </row>
    <row r="2999" spans="1:10" x14ac:dyDescent="0.25">
      <c r="A2999">
        <v>21</v>
      </c>
      <c r="B2999">
        <v>109.39100000000001</v>
      </c>
      <c r="C2999">
        <v>113.342</v>
      </c>
      <c r="D2999">
        <v>189.37299999999999</v>
      </c>
      <c r="E2999">
        <v>7710.24</v>
      </c>
      <c r="F2999">
        <v>11820.5</v>
      </c>
      <c r="G2999">
        <v>18595.3</v>
      </c>
      <c r="H2999">
        <v>2.8189000000000002</v>
      </c>
      <c r="I2999">
        <v>22239.1</v>
      </c>
      <c r="J2999">
        <v>58.737099999999998</v>
      </c>
    </row>
    <row r="3000" spans="1:10" x14ac:dyDescent="0.25">
      <c r="A3000">
        <v>21</v>
      </c>
      <c r="B3000">
        <v>108.446</v>
      </c>
      <c r="C3000">
        <v>119.625</v>
      </c>
      <c r="D3000">
        <v>189.37299999999999</v>
      </c>
      <c r="E3000">
        <v>11111.8</v>
      </c>
      <c r="F3000">
        <v>10800</v>
      </c>
      <c r="G3000">
        <v>18595.3</v>
      </c>
      <c r="H3000">
        <v>1.02362</v>
      </c>
      <c r="I3000">
        <v>28134.9</v>
      </c>
      <c r="J3000">
        <v>55.405299999999997</v>
      </c>
    </row>
    <row r="3001" spans="1:10" x14ac:dyDescent="0.25">
      <c r="A3001">
        <v>21</v>
      </c>
      <c r="B3001">
        <v>109.155</v>
      </c>
      <c r="C3001">
        <v>118.369</v>
      </c>
      <c r="D3001">
        <v>190</v>
      </c>
      <c r="E3001">
        <v>10431.5</v>
      </c>
      <c r="F3001">
        <v>10800</v>
      </c>
      <c r="G3001">
        <v>19955.900000000001</v>
      </c>
      <c r="H3001">
        <v>1.6850400000000001</v>
      </c>
      <c r="I3001">
        <v>25258.9</v>
      </c>
      <c r="J3001">
        <v>45.722200000000001</v>
      </c>
    </row>
    <row r="3002" spans="1:10" x14ac:dyDescent="0.25">
      <c r="A3002">
        <v>21</v>
      </c>
      <c r="B3002">
        <v>110.1</v>
      </c>
      <c r="C3002">
        <v>118.369</v>
      </c>
      <c r="D3002">
        <v>189.68700000000001</v>
      </c>
      <c r="E3002">
        <v>7370.08</v>
      </c>
      <c r="F3002">
        <v>10800</v>
      </c>
      <c r="G3002">
        <v>18595.3</v>
      </c>
      <c r="H3002">
        <v>3.8582700000000001</v>
      </c>
      <c r="I3002">
        <v>20293</v>
      </c>
      <c r="J3002">
        <v>42.5989</v>
      </c>
    </row>
    <row r="3003" spans="1:10" x14ac:dyDescent="0.25">
      <c r="A3003">
        <v>21</v>
      </c>
      <c r="B3003">
        <v>109.864</v>
      </c>
      <c r="C3003">
        <v>118.369</v>
      </c>
      <c r="D3003">
        <v>189.68700000000001</v>
      </c>
      <c r="E3003">
        <v>10091.299999999999</v>
      </c>
      <c r="F3003">
        <v>10800</v>
      </c>
      <c r="G3003">
        <v>19955.900000000001</v>
      </c>
      <c r="H3003">
        <v>1.40157</v>
      </c>
      <c r="I3003">
        <v>25497.200000000001</v>
      </c>
      <c r="J3003">
        <v>24.676400000000001</v>
      </c>
    </row>
    <row r="3004" spans="1:10" x14ac:dyDescent="0.25">
      <c r="A3004">
        <v>21</v>
      </c>
      <c r="B3004">
        <v>110.1</v>
      </c>
      <c r="C3004">
        <v>124.652</v>
      </c>
      <c r="D3004">
        <v>189.68700000000001</v>
      </c>
      <c r="E3004">
        <v>7370.08</v>
      </c>
      <c r="F3004">
        <v>10800</v>
      </c>
      <c r="G3004">
        <v>18595.3</v>
      </c>
      <c r="H3004">
        <v>3.10236</v>
      </c>
      <c r="I3004">
        <v>21154.9</v>
      </c>
      <c r="J3004">
        <v>109.066</v>
      </c>
    </row>
    <row r="3005" spans="1:10" x14ac:dyDescent="0.25">
      <c r="A3005">
        <v>21</v>
      </c>
      <c r="B3005">
        <v>108.919</v>
      </c>
      <c r="C3005">
        <v>119.625</v>
      </c>
      <c r="D3005">
        <v>189.68700000000001</v>
      </c>
      <c r="E3005">
        <v>7370.08</v>
      </c>
      <c r="F3005">
        <v>10800</v>
      </c>
      <c r="G3005">
        <v>19955.900000000001</v>
      </c>
      <c r="H3005">
        <v>1.7559100000000001</v>
      </c>
      <c r="I3005">
        <v>22082.1</v>
      </c>
      <c r="J3005">
        <v>37.1843</v>
      </c>
    </row>
    <row r="3006" spans="1:10" x14ac:dyDescent="0.25">
      <c r="A3006">
        <v>21</v>
      </c>
      <c r="B3006">
        <v>109.39100000000001</v>
      </c>
      <c r="C3006">
        <v>119.625</v>
      </c>
      <c r="D3006">
        <v>189.68700000000001</v>
      </c>
      <c r="E3006">
        <v>7370.08</v>
      </c>
      <c r="F3006">
        <v>10800</v>
      </c>
      <c r="G3006">
        <v>22507.1</v>
      </c>
      <c r="H3006">
        <v>3.4094500000000001</v>
      </c>
      <c r="I3006">
        <v>20510.599999999999</v>
      </c>
      <c r="J3006">
        <v>41.619399999999999</v>
      </c>
    </row>
    <row r="3007" spans="1:10" x14ac:dyDescent="0.25">
      <c r="A3007">
        <v>21</v>
      </c>
      <c r="B3007">
        <v>110.1</v>
      </c>
      <c r="C3007">
        <v>124.652</v>
      </c>
      <c r="D3007">
        <v>189.37299999999999</v>
      </c>
      <c r="E3007">
        <v>7370.08</v>
      </c>
      <c r="F3007">
        <v>10800</v>
      </c>
      <c r="G3007">
        <v>19955.900000000001</v>
      </c>
      <c r="H3007">
        <v>3.8582700000000001</v>
      </c>
      <c r="I3007">
        <v>20958.2</v>
      </c>
      <c r="J3007">
        <v>105.968</v>
      </c>
    </row>
    <row r="3008" spans="1:10" x14ac:dyDescent="0.25">
      <c r="A3008">
        <v>21</v>
      </c>
      <c r="B3008">
        <v>109.39100000000001</v>
      </c>
      <c r="C3008">
        <v>119.625</v>
      </c>
      <c r="D3008">
        <v>190</v>
      </c>
      <c r="E3008">
        <v>7370.08</v>
      </c>
      <c r="F3008">
        <v>10800</v>
      </c>
      <c r="G3008">
        <v>22677.200000000001</v>
      </c>
      <c r="H3008">
        <v>3.3858299999999999</v>
      </c>
      <c r="I3008">
        <v>20513.3</v>
      </c>
      <c r="J3008">
        <v>41.584400000000002</v>
      </c>
    </row>
    <row r="3009" spans="1:10" x14ac:dyDescent="0.25">
      <c r="A3009">
        <v>21</v>
      </c>
      <c r="B3009">
        <v>110.1</v>
      </c>
      <c r="C3009">
        <v>123.395</v>
      </c>
      <c r="D3009">
        <v>179.65799999999999</v>
      </c>
      <c r="E3009">
        <v>7370.08</v>
      </c>
      <c r="F3009">
        <v>10800</v>
      </c>
      <c r="G3009">
        <v>19955.900000000001</v>
      </c>
      <c r="H3009">
        <v>2.9133900000000001</v>
      </c>
      <c r="I3009">
        <v>20656.8</v>
      </c>
      <c r="J3009">
        <v>93.717200000000005</v>
      </c>
    </row>
    <row r="3010" spans="1:10" x14ac:dyDescent="0.25">
      <c r="A3010">
        <v>21</v>
      </c>
      <c r="B3010">
        <v>109.864</v>
      </c>
      <c r="C3010">
        <v>114.598</v>
      </c>
      <c r="D3010">
        <v>190</v>
      </c>
      <c r="E3010">
        <v>7370.08</v>
      </c>
      <c r="F3010">
        <v>10800</v>
      </c>
      <c r="G3010">
        <v>19785.8</v>
      </c>
      <c r="H3010">
        <v>3.7401599999999999</v>
      </c>
      <c r="I3010">
        <v>20425.3</v>
      </c>
      <c r="J3010">
        <v>62.831699999999998</v>
      </c>
    </row>
    <row r="3011" spans="1:10" x14ac:dyDescent="0.25">
      <c r="A3011">
        <v>21</v>
      </c>
      <c r="B3011">
        <v>109.155</v>
      </c>
      <c r="C3011">
        <v>118.68300000000001</v>
      </c>
      <c r="D3011">
        <v>186.553</v>
      </c>
      <c r="E3011">
        <v>7370.08</v>
      </c>
      <c r="F3011">
        <v>10800</v>
      </c>
      <c r="G3011">
        <v>19955.900000000001</v>
      </c>
      <c r="H3011">
        <v>1.92126</v>
      </c>
      <c r="I3011">
        <v>21749.1</v>
      </c>
      <c r="J3011">
        <v>36.8157</v>
      </c>
    </row>
    <row r="3012" spans="1:10" x14ac:dyDescent="0.25">
      <c r="A3012">
        <v>21</v>
      </c>
      <c r="B3012">
        <v>107.502</v>
      </c>
      <c r="C3012">
        <v>124.652</v>
      </c>
      <c r="D3012">
        <v>189.37299999999999</v>
      </c>
      <c r="E3012">
        <v>7370.08</v>
      </c>
      <c r="F3012">
        <v>10800</v>
      </c>
      <c r="G3012">
        <v>18595.3</v>
      </c>
      <c r="H3012">
        <v>3.7637800000000001</v>
      </c>
      <c r="I3012">
        <v>20527.7</v>
      </c>
      <c r="J3012">
        <v>88.584800000000001</v>
      </c>
    </row>
    <row r="3013" spans="1:10" x14ac:dyDescent="0.25">
      <c r="A3013">
        <v>21</v>
      </c>
      <c r="B3013">
        <v>109.39100000000001</v>
      </c>
      <c r="C3013">
        <v>119.625</v>
      </c>
      <c r="D3013">
        <v>189.06</v>
      </c>
      <c r="E3013">
        <v>7370.08</v>
      </c>
      <c r="F3013">
        <v>10800</v>
      </c>
      <c r="G3013">
        <v>19955.900000000001</v>
      </c>
      <c r="H3013">
        <v>3.2440899999999999</v>
      </c>
      <c r="I3013">
        <v>20524.099999999999</v>
      </c>
      <c r="J3013">
        <v>37.656999999999996</v>
      </c>
    </row>
    <row r="3014" spans="1:10" x14ac:dyDescent="0.25">
      <c r="A3014">
        <v>21</v>
      </c>
      <c r="B3014">
        <v>109.628</v>
      </c>
      <c r="C3014">
        <v>119.625</v>
      </c>
      <c r="D3014">
        <v>189.68700000000001</v>
      </c>
      <c r="E3014">
        <v>7455.12</v>
      </c>
      <c r="F3014">
        <v>10800</v>
      </c>
      <c r="G3014">
        <v>19955.900000000001</v>
      </c>
      <c r="H3014">
        <v>3.7873999999999999</v>
      </c>
      <c r="I3014">
        <v>20404.400000000001</v>
      </c>
      <c r="J3014">
        <v>45.7149</v>
      </c>
    </row>
    <row r="3015" spans="1:10" x14ac:dyDescent="0.25">
      <c r="A3015">
        <v>21</v>
      </c>
      <c r="B3015">
        <v>109.39100000000001</v>
      </c>
      <c r="C3015">
        <v>123.395</v>
      </c>
      <c r="D3015">
        <v>187.18</v>
      </c>
      <c r="E3015">
        <v>7370.08</v>
      </c>
      <c r="F3015">
        <v>10800</v>
      </c>
      <c r="G3015">
        <v>19955.900000000001</v>
      </c>
      <c r="H3015">
        <v>3.2913399999999999</v>
      </c>
      <c r="I3015">
        <v>20683.3</v>
      </c>
      <c r="J3015">
        <v>93.0642</v>
      </c>
    </row>
    <row r="3016" spans="1:10" x14ac:dyDescent="0.25">
      <c r="A3016">
        <v>21</v>
      </c>
      <c r="B3016">
        <v>108.446</v>
      </c>
      <c r="C3016">
        <v>118.369</v>
      </c>
      <c r="D3016">
        <v>190</v>
      </c>
      <c r="E3016">
        <v>10091.299999999999</v>
      </c>
      <c r="F3016">
        <v>10800</v>
      </c>
      <c r="G3016">
        <v>20636.2</v>
      </c>
      <c r="H3016">
        <v>1.4960599999999999</v>
      </c>
      <c r="I3016">
        <v>25178.799999999999</v>
      </c>
      <c r="J3016">
        <v>26.319900000000001</v>
      </c>
    </row>
    <row r="3017" spans="1:10" x14ac:dyDescent="0.25">
      <c r="A3017">
        <v>21</v>
      </c>
      <c r="B3017">
        <v>108.446</v>
      </c>
      <c r="C3017">
        <v>128.422</v>
      </c>
      <c r="D3017">
        <v>190</v>
      </c>
      <c r="E3017">
        <v>7710.24</v>
      </c>
      <c r="F3017">
        <v>10800</v>
      </c>
      <c r="G3017">
        <v>18595.3</v>
      </c>
      <c r="H3017">
        <v>1.6614199999999999</v>
      </c>
      <c r="I3017">
        <v>23098</v>
      </c>
      <c r="J3017">
        <v>112.19499999999999</v>
      </c>
    </row>
    <row r="3018" spans="1:10" x14ac:dyDescent="0.25">
      <c r="A3018">
        <v>21</v>
      </c>
      <c r="B3018">
        <v>108.919</v>
      </c>
      <c r="C3018">
        <v>114.598</v>
      </c>
      <c r="D3018">
        <v>190</v>
      </c>
      <c r="E3018">
        <v>7710.24</v>
      </c>
      <c r="F3018">
        <v>10800</v>
      </c>
      <c r="G3018">
        <v>19955.900000000001</v>
      </c>
      <c r="H3018">
        <v>1.4960599999999999</v>
      </c>
      <c r="I3018">
        <v>22960</v>
      </c>
      <c r="J3018">
        <v>43.156700000000001</v>
      </c>
    </row>
    <row r="3019" spans="1:10" x14ac:dyDescent="0.25">
      <c r="A3019">
        <v>21</v>
      </c>
      <c r="B3019">
        <v>108.919</v>
      </c>
      <c r="C3019">
        <v>119.625</v>
      </c>
      <c r="D3019">
        <v>189.68700000000001</v>
      </c>
      <c r="E3019">
        <v>7370.08</v>
      </c>
      <c r="F3019">
        <v>10800</v>
      </c>
      <c r="G3019">
        <v>18595.3</v>
      </c>
      <c r="H3019">
        <v>3.55118</v>
      </c>
      <c r="I3019">
        <v>20320.2</v>
      </c>
      <c r="J3019">
        <v>41.474699999999999</v>
      </c>
    </row>
    <row r="3020" spans="1:10" x14ac:dyDescent="0.25">
      <c r="A3020">
        <v>21</v>
      </c>
      <c r="B3020">
        <v>109.39100000000001</v>
      </c>
      <c r="C3020">
        <v>129.679</v>
      </c>
      <c r="D3020">
        <v>189.37299999999999</v>
      </c>
      <c r="E3020">
        <v>7370.08</v>
      </c>
      <c r="F3020">
        <v>10800</v>
      </c>
      <c r="G3020">
        <v>19955.900000000001</v>
      </c>
      <c r="H3020">
        <v>1.82677</v>
      </c>
      <c r="I3020">
        <v>22267</v>
      </c>
      <c r="J3020">
        <v>105.962</v>
      </c>
    </row>
    <row r="3021" spans="1:10" x14ac:dyDescent="0.25">
      <c r="A3021">
        <v>21</v>
      </c>
      <c r="B3021">
        <v>108.919</v>
      </c>
      <c r="C3021">
        <v>124.652</v>
      </c>
      <c r="D3021">
        <v>189.37299999999999</v>
      </c>
      <c r="E3021">
        <v>7370.08</v>
      </c>
      <c r="F3021">
        <v>10800</v>
      </c>
      <c r="G3021">
        <v>19955.900000000001</v>
      </c>
      <c r="H3021">
        <v>3.7401599999999999</v>
      </c>
      <c r="I3021">
        <v>20837.8</v>
      </c>
      <c r="J3021">
        <v>110.85299999999999</v>
      </c>
    </row>
    <row r="3022" spans="1:10" x14ac:dyDescent="0.25">
      <c r="A3022">
        <v>21</v>
      </c>
      <c r="B3022">
        <v>110.1</v>
      </c>
      <c r="C3022">
        <v>123.395</v>
      </c>
      <c r="D3022">
        <v>189.06</v>
      </c>
      <c r="E3022">
        <v>7710.24</v>
      </c>
      <c r="F3022">
        <v>10800</v>
      </c>
      <c r="G3022">
        <v>18595.3</v>
      </c>
      <c r="H3022">
        <v>2.4881899999999999</v>
      </c>
      <c r="I3022">
        <v>21367</v>
      </c>
      <c r="J3022">
        <v>21.648199999999999</v>
      </c>
    </row>
    <row r="3023" spans="1:10" x14ac:dyDescent="0.25">
      <c r="A3023">
        <v>21</v>
      </c>
      <c r="B3023">
        <v>110.1</v>
      </c>
      <c r="C3023">
        <v>123.395</v>
      </c>
      <c r="D3023">
        <v>189.06</v>
      </c>
      <c r="E3023">
        <v>7710.24</v>
      </c>
      <c r="F3023">
        <v>10800</v>
      </c>
      <c r="G3023">
        <v>22677.200000000001</v>
      </c>
      <c r="H3023">
        <v>3.9291299999999998</v>
      </c>
      <c r="I3023">
        <v>20510.599999999999</v>
      </c>
      <c r="J3023">
        <v>70.752899999999997</v>
      </c>
    </row>
    <row r="3024" spans="1:10" x14ac:dyDescent="0.25">
      <c r="A3024">
        <v>21</v>
      </c>
      <c r="B3024">
        <v>108.919</v>
      </c>
      <c r="C3024">
        <v>118.68300000000001</v>
      </c>
      <c r="D3024">
        <v>190</v>
      </c>
      <c r="E3024">
        <v>10431.5</v>
      </c>
      <c r="F3024">
        <v>10800</v>
      </c>
      <c r="G3024">
        <v>9070.8700000000008</v>
      </c>
      <c r="H3024">
        <v>1.87402</v>
      </c>
      <c r="I3024">
        <v>24811.200000000001</v>
      </c>
      <c r="J3024">
        <v>35.664099999999998</v>
      </c>
    </row>
    <row r="3025" spans="1:10" x14ac:dyDescent="0.25">
      <c r="A3025">
        <v>21</v>
      </c>
      <c r="B3025">
        <v>106.557</v>
      </c>
      <c r="C3025">
        <v>119.625</v>
      </c>
      <c r="D3025">
        <v>189.68700000000001</v>
      </c>
      <c r="E3025">
        <v>7370.08</v>
      </c>
      <c r="F3025">
        <v>10800</v>
      </c>
      <c r="G3025">
        <v>14513.4</v>
      </c>
      <c r="H3025">
        <v>3.9527600000000001</v>
      </c>
      <c r="I3025">
        <v>20271.8</v>
      </c>
      <c r="J3025">
        <v>50.1083</v>
      </c>
    </row>
    <row r="3026" spans="1:10" x14ac:dyDescent="0.25">
      <c r="A3026">
        <v>21</v>
      </c>
      <c r="B3026">
        <v>110.1</v>
      </c>
      <c r="C3026">
        <v>113.342</v>
      </c>
      <c r="D3026">
        <v>189.68700000000001</v>
      </c>
      <c r="E3026">
        <v>7370.08</v>
      </c>
      <c r="F3026">
        <v>10800</v>
      </c>
      <c r="G3026">
        <v>18595.3</v>
      </c>
      <c r="H3026">
        <v>3.7637800000000001</v>
      </c>
      <c r="I3026">
        <v>20443.5</v>
      </c>
      <c r="J3026">
        <v>67.218299999999999</v>
      </c>
    </row>
    <row r="3027" spans="1:10" x14ac:dyDescent="0.25">
      <c r="A3027">
        <v>21</v>
      </c>
      <c r="B3027">
        <v>109.39100000000001</v>
      </c>
      <c r="C3027">
        <v>119.625</v>
      </c>
      <c r="D3027">
        <v>189.68700000000001</v>
      </c>
      <c r="E3027">
        <v>10091.299999999999</v>
      </c>
      <c r="F3027">
        <v>10800</v>
      </c>
      <c r="G3027">
        <v>19785.8</v>
      </c>
      <c r="H3027">
        <v>3.9291299999999998</v>
      </c>
      <c r="I3027">
        <v>23291.7</v>
      </c>
      <c r="J3027">
        <v>29.036999999999999</v>
      </c>
    </row>
    <row r="3028" spans="1:10" x14ac:dyDescent="0.25">
      <c r="A3028">
        <v>21</v>
      </c>
      <c r="B3028">
        <v>108.919</v>
      </c>
      <c r="C3028">
        <v>118.369</v>
      </c>
      <c r="D3028">
        <v>190</v>
      </c>
      <c r="E3028">
        <v>10431.5</v>
      </c>
      <c r="F3028">
        <v>10800</v>
      </c>
      <c r="G3028">
        <v>18595.3</v>
      </c>
      <c r="H3028">
        <v>1.1181099999999999</v>
      </c>
      <c r="I3028">
        <v>26863.4</v>
      </c>
      <c r="J3028">
        <v>18.219899999999999</v>
      </c>
    </row>
    <row r="3029" spans="1:10" x14ac:dyDescent="0.25">
      <c r="A3029">
        <v>21</v>
      </c>
      <c r="B3029">
        <v>108.919</v>
      </c>
      <c r="C3029">
        <v>117.74</v>
      </c>
      <c r="D3029">
        <v>190</v>
      </c>
      <c r="E3029">
        <v>10091.299999999999</v>
      </c>
      <c r="F3029">
        <v>10800</v>
      </c>
      <c r="G3029">
        <v>19955.900000000001</v>
      </c>
      <c r="H3029">
        <v>1.1181099999999999</v>
      </c>
      <c r="I3029">
        <v>26216</v>
      </c>
      <c r="J3029">
        <v>19.216799999999999</v>
      </c>
    </row>
    <row r="3030" spans="1:10" x14ac:dyDescent="0.25">
      <c r="A3030">
        <v>21</v>
      </c>
      <c r="B3030">
        <v>110.1</v>
      </c>
      <c r="C3030">
        <v>128.422</v>
      </c>
      <c r="D3030">
        <v>189.68700000000001</v>
      </c>
      <c r="E3030">
        <v>10091.299999999999</v>
      </c>
      <c r="F3030">
        <v>10800</v>
      </c>
      <c r="G3030">
        <v>18595.3</v>
      </c>
      <c r="H3030">
        <v>3.7637800000000001</v>
      </c>
      <c r="I3030">
        <v>23379</v>
      </c>
      <c r="J3030">
        <v>105.86199999999999</v>
      </c>
    </row>
    <row r="3031" spans="1:10" x14ac:dyDescent="0.25">
      <c r="A3031">
        <v>21</v>
      </c>
      <c r="B3031">
        <v>109.155</v>
      </c>
      <c r="C3031">
        <v>112.71299999999999</v>
      </c>
      <c r="D3031">
        <v>189.06</v>
      </c>
      <c r="E3031">
        <v>10431.5</v>
      </c>
      <c r="F3031">
        <v>10800</v>
      </c>
      <c r="G3031">
        <v>19955.900000000001</v>
      </c>
      <c r="H3031">
        <v>1.87402</v>
      </c>
      <c r="I3031">
        <v>24849.1</v>
      </c>
      <c r="J3031">
        <v>33.631500000000003</v>
      </c>
    </row>
    <row r="3032" spans="1:10" x14ac:dyDescent="0.25">
      <c r="A3032">
        <v>21</v>
      </c>
      <c r="B3032">
        <v>109.39100000000001</v>
      </c>
      <c r="C3032">
        <v>114.598</v>
      </c>
      <c r="D3032">
        <v>190</v>
      </c>
      <c r="E3032">
        <v>7370.08</v>
      </c>
      <c r="F3032">
        <v>10800</v>
      </c>
      <c r="G3032">
        <v>22677.200000000001</v>
      </c>
      <c r="H3032">
        <v>2.5354299999999999</v>
      </c>
      <c r="I3032">
        <v>21124.9</v>
      </c>
      <c r="J3032">
        <v>58.929200000000002</v>
      </c>
    </row>
    <row r="3033" spans="1:10" x14ac:dyDescent="0.25">
      <c r="A3033">
        <v>21</v>
      </c>
      <c r="B3033">
        <v>109.155</v>
      </c>
      <c r="C3033">
        <v>119.625</v>
      </c>
      <c r="D3033">
        <v>189.68700000000001</v>
      </c>
      <c r="E3033">
        <v>7455.12</v>
      </c>
      <c r="F3033">
        <v>10800</v>
      </c>
      <c r="G3033">
        <v>19955.900000000001</v>
      </c>
      <c r="H3033">
        <v>3.9527600000000001</v>
      </c>
      <c r="I3033">
        <v>20337</v>
      </c>
      <c r="J3033">
        <v>43.364699999999999</v>
      </c>
    </row>
    <row r="3034" spans="1:10" x14ac:dyDescent="0.25">
      <c r="A3034">
        <v>21</v>
      </c>
      <c r="B3034">
        <v>110.1</v>
      </c>
      <c r="C3034">
        <v>123.395</v>
      </c>
      <c r="D3034">
        <v>186.553</v>
      </c>
      <c r="E3034">
        <v>7710.24</v>
      </c>
      <c r="F3034">
        <v>10800</v>
      </c>
      <c r="G3034">
        <v>19955.900000000001</v>
      </c>
      <c r="H3034">
        <v>2.4881899999999999</v>
      </c>
      <c r="I3034">
        <v>21372.9</v>
      </c>
      <c r="J3034">
        <v>21.648199999999999</v>
      </c>
    </row>
    <row r="3035" spans="1:10" x14ac:dyDescent="0.25">
      <c r="A3035">
        <v>21</v>
      </c>
      <c r="B3035">
        <v>108.919</v>
      </c>
      <c r="C3035">
        <v>119.93899999999999</v>
      </c>
      <c r="D3035">
        <v>189.68700000000001</v>
      </c>
      <c r="E3035">
        <v>7370.08</v>
      </c>
      <c r="F3035">
        <v>10800</v>
      </c>
      <c r="G3035">
        <v>19955.900000000001</v>
      </c>
      <c r="H3035">
        <v>3.59843</v>
      </c>
      <c r="I3035">
        <v>20312.400000000001</v>
      </c>
      <c r="J3035">
        <v>40.137500000000003</v>
      </c>
    </row>
    <row r="3036" spans="1:10" x14ac:dyDescent="0.25">
      <c r="A3036">
        <v>21</v>
      </c>
      <c r="B3036">
        <v>110.1</v>
      </c>
      <c r="C3036">
        <v>123.395</v>
      </c>
      <c r="D3036">
        <v>189.06</v>
      </c>
      <c r="E3036">
        <v>7370.08</v>
      </c>
      <c r="F3036">
        <v>10800</v>
      </c>
      <c r="G3036">
        <v>19955.900000000001</v>
      </c>
      <c r="H3036">
        <v>3.10236</v>
      </c>
      <c r="I3036">
        <v>21052.400000000001</v>
      </c>
      <c r="J3036">
        <v>24.819800000000001</v>
      </c>
    </row>
    <row r="3037" spans="1:10" x14ac:dyDescent="0.25">
      <c r="A3037">
        <v>21</v>
      </c>
      <c r="B3037">
        <v>108.446</v>
      </c>
      <c r="C3037">
        <v>119.625</v>
      </c>
      <c r="D3037">
        <v>169.94300000000001</v>
      </c>
      <c r="E3037">
        <v>10091.299999999999</v>
      </c>
      <c r="F3037">
        <v>10800</v>
      </c>
      <c r="G3037">
        <v>19955.900000000001</v>
      </c>
      <c r="H3037">
        <v>1.7795300000000001</v>
      </c>
      <c r="I3037">
        <v>25091.8</v>
      </c>
      <c r="J3037">
        <v>22.9377</v>
      </c>
    </row>
    <row r="3038" spans="1:10" x14ac:dyDescent="0.25">
      <c r="A3038">
        <v>21</v>
      </c>
      <c r="B3038">
        <v>110.1</v>
      </c>
      <c r="C3038">
        <v>124.652</v>
      </c>
      <c r="D3038">
        <v>189.37299999999999</v>
      </c>
      <c r="E3038">
        <v>7370.08</v>
      </c>
      <c r="F3038">
        <v>10800</v>
      </c>
      <c r="G3038">
        <v>18595.3</v>
      </c>
      <c r="H3038">
        <v>3.14961</v>
      </c>
      <c r="I3038">
        <v>20919.599999999999</v>
      </c>
      <c r="J3038">
        <v>96.987399999999994</v>
      </c>
    </row>
    <row r="3039" spans="1:10" x14ac:dyDescent="0.25">
      <c r="A3039">
        <v>21</v>
      </c>
      <c r="B3039">
        <v>109.864</v>
      </c>
      <c r="C3039">
        <v>119.93899999999999</v>
      </c>
      <c r="D3039">
        <v>190</v>
      </c>
      <c r="E3039">
        <v>7370.08</v>
      </c>
      <c r="F3039">
        <v>10800</v>
      </c>
      <c r="G3039">
        <v>19785.8</v>
      </c>
      <c r="H3039">
        <v>2.25197</v>
      </c>
      <c r="I3039">
        <v>21315.3</v>
      </c>
      <c r="J3039">
        <v>42.3292</v>
      </c>
    </row>
    <row r="3040" spans="1:10" x14ac:dyDescent="0.25">
      <c r="A3040">
        <v>21</v>
      </c>
      <c r="B3040">
        <v>109.39100000000001</v>
      </c>
      <c r="C3040">
        <v>119.625</v>
      </c>
      <c r="D3040">
        <v>190</v>
      </c>
      <c r="E3040">
        <v>10431.5</v>
      </c>
      <c r="F3040">
        <v>10800</v>
      </c>
      <c r="G3040">
        <v>18595.3</v>
      </c>
      <c r="H3040">
        <v>3.55118</v>
      </c>
      <c r="I3040">
        <v>23571.1</v>
      </c>
      <c r="J3040">
        <v>23.6539</v>
      </c>
    </row>
    <row r="3041" spans="1:10" x14ac:dyDescent="0.25">
      <c r="A3041">
        <v>21</v>
      </c>
      <c r="B3041">
        <v>108.919</v>
      </c>
      <c r="C3041">
        <v>117.74</v>
      </c>
      <c r="D3041">
        <v>189.68700000000001</v>
      </c>
      <c r="E3041">
        <v>10091.299999999999</v>
      </c>
      <c r="F3041">
        <v>10800</v>
      </c>
      <c r="G3041">
        <v>19955.900000000001</v>
      </c>
      <c r="H3041">
        <v>1.7795300000000001</v>
      </c>
      <c r="I3041">
        <v>24566.9</v>
      </c>
      <c r="J3041">
        <v>18.9421</v>
      </c>
    </row>
    <row r="3042" spans="1:10" x14ac:dyDescent="0.25">
      <c r="A3042">
        <v>21</v>
      </c>
      <c r="B3042">
        <v>109.155</v>
      </c>
      <c r="C3042">
        <v>128.73599999999999</v>
      </c>
      <c r="D3042">
        <v>189.68700000000001</v>
      </c>
      <c r="E3042">
        <v>7370.08</v>
      </c>
      <c r="F3042">
        <v>10800</v>
      </c>
      <c r="G3042">
        <v>19785.8</v>
      </c>
      <c r="H3042">
        <v>3.4094500000000001</v>
      </c>
      <c r="I3042">
        <v>20964.3</v>
      </c>
      <c r="J3042">
        <v>27.779299999999999</v>
      </c>
    </row>
    <row r="3043" spans="1:10" x14ac:dyDescent="0.25">
      <c r="A3043">
        <v>21</v>
      </c>
      <c r="B3043">
        <v>108.68300000000001</v>
      </c>
      <c r="C3043">
        <v>118.369</v>
      </c>
      <c r="D3043">
        <v>190</v>
      </c>
      <c r="E3043">
        <v>10091.299999999999</v>
      </c>
      <c r="F3043">
        <v>10800</v>
      </c>
      <c r="G3043">
        <v>19955.900000000001</v>
      </c>
      <c r="H3043">
        <v>1.40157</v>
      </c>
      <c r="I3043">
        <v>25363.200000000001</v>
      </c>
      <c r="J3043">
        <v>18.910900000000002</v>
      </c>
    </row>
    <row r="3044" spans="1:10" x14ac:dyDescent="0.25">
      <c r="A3044">
        <v>21</v>
      </c>
      <c r="B3044">
        <v>108.446</v>
      </c>
      <c r="C3044">
        <v>118.369</v>
      </c>
      <c r="D3044">
        <v>190</v>
      </c>
      <c r="E3044">
        <v>10431.5</v>
      </c>
      <c r="F3044">
        <v>10800</v>
      </c>
      <c r="G3044">
        <v>18595.3</v>
      </c>
      <c r="H3044">
        <v>1.3070900000000001</v>
      </c>
      <c r="I3044">
        <v>25969.8</v>
      </c>
      <c r="J3044">
        <v>17.733799999999999</v>
      </c>
    </row>
    <row r="3045" spans="1:10" x14ac:dyDescent="0.25">
      <c r="A3045">
        <v>21</v>
      </c>
      <c r="B3045">
        <v>109.155</v>
      </c>
      <c r="C3045">
        <v>124.652</v>
      </c>
      <c r="D3045">
        <v>189.37299999999999</v>
      </c>
      <c r="E3045">
        <v>7370.08</v>
      </c>
      <c r="F3045">
        <v>10800</v>
      </c>
      <c r="G3045">
        <v>19955.900000000001</v>
      </c>
      <c r="H3045">
        <v>3.8582700000000001</v>
      </c>
      <c r="I3045">
        <v>20425.900000000001</v>
      </c>
      <c r="J3045">
        <v>33.058799999999998</v>
      </c>
    </row>
    <row r="3046" spans="1:10" x14ac:dyDescent="0.25">
      <c r="A3046">
        <v>21</v>
      </c>
      <c r="B3046">
        <v>108.446</v>
      </c>
      <c r="C3046">
        <v>118.369</v>
      </c>
      <c r="D3046">
        <v>187.18</v>
      </c>
      <c r="E3046">
        <v>10091.299999999999</v>
      </c>
      <c r="F3046">
        <v>10800</v>
      </c>
      <c r="G3046">
        <v>19955.900000000001</v>
      </c>
      <c r="H3046">
        <v>1.40157</v>
      </c>
      <c r="I3046">
        <v>25389.1</v>
      </c>
      <c r="J3046">
        <v>18.889700000000001</v>
      </c>
    </row>
    <row r="3047" spans="1:10" x14ac:dyDescent="0.25">
      <c r="A3047">
        <v>21</v>
      </c>
      <c r="B3047">
        <v>110.1</v>
      </c>
      <c r="C3047">
        <v>123.395</v>
      </c>
      <c r="D3047">
        <v>189.68700000000001</v>
      </c>
      <c r="E3047">
        <v>7370.08</v>
      </c>
      <c r="F3047">
        <v>10800</v>
      </c>
      <c r="G3047">
        <v>18595.3</v>
      </c>
      <c r="H3047">
        <v>3.10236</v>
      </c>
      <c r="I3047">
        <v>21051.4</v>
      </c>
      <c r="J3047">
        <v>24.819800000000001</v>
      </c>
    </row>
    <row r="3048" spans="1:10" x14ac:dyDescent="0.25">
      <c r="A3048">
        <v>21</v>
      </c>
      <c r="B3048">
        <v>108.919</v>
      </c>
      <c r="C3048">
        <v>119.93899999999999</v>
      </c>
      <c r="D3048">
        <v>189.68700000000001</v>
      </c>
      <c r="E3048">
        <v>10091.299999999999</v>
      </c>
      <c r="F3048">
        <v>10800</v>
      </c>
      <c r="G3048">
        <v>19955.900000000001</v>
      </c>
      <c r="H3048">
        <v>2.2283499999999998</v>
      </c>
      <c r="I3048">
        <v>24028.5</v>
      </c>
      <c r="J3048">
        <v>19.968</v>
      </c>
    </row>
    <row r="3049" spans="1:10" x14ac:dyDescent="0.25">
      <c r="A3049">
        <v>21</v>
      </c>
      <c r="B3049">
        <v>109.155</v>
      </c>
      <c r="C3049">
        <v>124.96599999999999</v>
      </c>
      <c r="D3049">
        <v>189.68700000000001</v>
      </c>
      <c r="E3049">
        <v>7710.24</v>
      </c>
      <c r="F3049">
        <v>10800</v>
      </c>
      <c r="G3049">
        <v>19955.900000000001</v>
      </c>
      <c r="H3049">
        <v>2.4881899999999999</v>
      </c>
      <c r="I3049">
        <v>21364.7</v>
      </c>
      <c r="J3049">
        <v>21.589400000000001</v>
      </c>
    </row>
    <row r="3050" spans="1:10" x14ac:dyDescent="0.25">
      <c r="A3050">
        <v>21</v>
      </c>
      <c r="B3050">
        <v>110.1</v>
      </c>
      <c r="C3050">
        <v>123.395</v>
      </c>
      <c r="D3050">
        <v>189.06</v>
      </c>
      <c r="E3050">
        <v>7370.08</v>
      </c>
      <c r="F3050">
        <v>10800</v>
      </c>
      <c r="G3050">
        <v>19955.900000000001</v>
      </c>
      <c r="H3050">
        <v>1.6377999999999999</v>
      </c>
      <c r="I3050">
        <v>21942.7</v>
      </c>
      <c r="J3050">
        <v>20.6646</v>
      </c>
    </row>
    <row r="3051" spans="1:10" x14ac:dyDescent="0.25">
      <c r="A3051">
        <v>21</v>
      </c>
      <c r="B3051">
        <v>105.848</v>
      </c>
      <c r="C3051">
        <v>114.913</v>
      </c>
      <c r="D3051">
        <v>189.06</v>
      </c>
      <c r="E3051">
        <v>7710.24</v>
      </c>
      <c r="F3051">
        <v>14881.9</v>
      </c>
      <c r="G3051">
        <v>22677.200000000001</v>
      </c>
      <c r="H3051">
        <v>1.09449</v>
      </c>
      <c r="I3051">
        <v>28153.9</v>
      </c>
      <c r="J3051">
        <v>16.915900000000001</v>
      </c>
    </row>
    <row r="3052" spans="1:10" x14ac:dyDescent="0.25">
      <c r="A3052">
        <v>21</v>
      </c>
      <c r="B3052">
        <v>110.1</v>
      </c>
      <c r="C3052">
        <v>123.395</v>
      </c>
      <c r="D3052">
        <v>189.06</v>
      </c>
      <c r="E3052">
        <v>7710.24</v>
      </c>
      <c r="F3052">
        <v>10800</v>
      </c>
      <c r="G3052">
        <v>19955.900000000001</v>
      </c>
      <c r="H3052">
        <v>1.6377999999999999</v>
      </c>
      <c r="I3052">
        <v>22282.799999999999</v>
      </c>
      <c r="J3052">
        <v>20.198799999999999</v>
      </c>
    </row>
    <row r="3053" spans="1:10" x14ac:dyDescent="0.25">
      <c r="A3053">
        <v>21</v>
      </c>
      <c r="B3053">
        <v>102.777</v>
      </c>
      <c r="C3053">
        <v>123.081</v>
      </c>
      <c r="D3053">
        <v>182.47900000000001</v>
      </c>
      <c r="E3053">
        <v>7200</v>
      </c>
      <c r="F3053">
        <v>10800</v>
      </c>
      <c r="G3053">
        <v>19955.900000000001</v>
      </c>
      <c r="H3053">
        <v>3.7637800000000001</v>
      </c>
      <c r="I3053">
        <v>20089.900000000001</v>
      </c>
      <c r="J3053">
        <v>33.581899999999997</v>
      </c>
    </row>
    <row r="3054" spans="1:10" x14ac:dyDescent="0.25">
      <c r="A3054">
        <v>21</v>
      </c>
      <c r="B3054">
        <v>105.848</v>
      </c>
      <c r="C3054">
        <v>114.913</v>
      </c>
      <c r="D3054">
        <v>189.06</v>
      </c>
      <c r="E3054">
        <v>7710.24</v>
      </c>
      <c r="F3054">
        <v>14881.9</v>
      </c>
      <c r="G3054">
        <v>22677.200000000001</v>
      </c>
      <c r="H3054">
        <v>1.09449</v>
      </c>
      <c r="I3054">
        <v>28153.9</v>
      </c>
      <c r="J3054">
        <v>16.915900000000001</v>
      </c>
    </row>
    <row r="3055" spans="1:10" x14ac:dyDescent="0.25">
      <c r="A3055">
        <v>21</v>
      </c>
      <c r="B3055">
        <v>110.1</v>
      </c>
      <c r="C3055">
        <v>123.395</v>
      </c>
      <c r="D3055">
        <v>189.06</v>
      </c>
      <c r="E3055">
        <v>7710.24</v>
      </c>
      <c r="F3055">
        <v>10800</v>
      </c>
      <c r="G3055">
        <v>19955.900000000001</v>
      </c>
      <c r="H3055">
        <v>1.6377999999999999</v>
      </c>
      <c r="I3055">
        <v>22282.799999999999</v>
      </c>
      <c r="J3055">
        <v>20.198799999999999</v>
      </c>
    </row>
    <row r="3056" spans="1:10" x14ac:dyDescent="0.25">
      <c r="A3056">
        <v>21</v>
      </c>
      <c r="B3056">
        <v>102.777</v>
      </c>
      <c r="C3056">
        <v>123.081</v>
      </c>
      <c r="D3056">
        <v>182.47900000000001</v>
      </c>
      <c r="E3056">
        <v>7200</v>
      </c>
      <c r="F3056">
        <v>10800</v>
      </c>
      <c r="G3056">
        <v>19955.900000000001</v>
      </c>
      <c r="H3056">
        <v>3.7637800000000001</v>
      </c>
      <c r="I3056">
        <v>20089.900000000001</v>
      </c>
      <c r="J3056">
        <v>33.581899999999997</v>
      </c>
    </row>
    <row r="3057" spans="1:10" x14ac:dyDescent="0.25">
      <c r="A3057">
        <v>21</v>
      </c>
      <c r="B3057">
        <v>102.777</v>
      </c>
      <c r="C3057">
        <v>123.081</v>
      </c>
      <c r="D3057">
        <v>182.47900000000001</v>
      </c>
      <c r="E3057">
        <v>7200</v>
      </c>
      <c r="F3057">
        <v>10800</v>
      </c>
      <c r="G3057">
        <v>19955.900000000001</v>
      </c>
      <c r="H3057">
        <v>3.7637800000000001</v>
      </c>
      <c r="I3057">
        <v>20089.900000000001</v>
      </c>
      <c r="J3057">
        <v>33.581899999999997</v>
      </c>
    </row>
    <row r="3058" spans="1:10" x14ac:dyDescent="0.25">
      <c r="A3058">
        <v>21</v>
      </c>
      <c r="B3058">
        <v>110.1</v>
      </c>
      <c r="C3058">
        <v>123.395</v>
      </c>
      <c r="D3058">
        <v>189.06</v>
      </c>
      <c r="E3058">
        <v>7710.24</v>
      </c>
      <c r="F3058">
        <v>10800</v>
      </c>
      <c r="G3058">
        <v>19955.900000000001</v>
      </c>
      <c r="H3058">
        <v>1.6377999999999999</v>
      </c>
      <c r="I3058">
        <v>22282.799999999999</v>
      </c>
      <c r="J3058">
        <v>20.198799999999999</v>
      </c>
    </row>
    <row r="3059" spans="1:10" x14ac:dyDescent="0.25">
      <c r="A3059">
        <v>21</v>
      </c>
      <c r="B3059">
        <v>102.777</v>
      </c>
      <c r="C3059">
        <v>123.081</v>
      </c>
      <c r="D3059">
        <v>182.47900000000001</v>
      </c>
      <c r="E3059">
        <v>7200</v>
      </c>
      <c r="F3059">
        <v>10800</v>
      </c>
      <c r="G3059">
        <v>19955.900000000001</v>
      </c>
      <c r="H3059">
        <v>3.7637800000000001</v>
      </c>
      <c r="I3059">
        <v>20089.900000000001</v>
      </c>
      <c r="J3059">
        <v>33.581899999999997</v>
      </c>
    </row>
    <row r="3060" spans="1:10" x14ac:dyDescent="0.25">
      <c r="A3060">
        <v>21</v>
      </c>
      <c r="B3060">
        <v>102.777</v>
      </c>
      <c r="C3060">
        <v>123.081</v>
      </c>
      <c r="D3060">
        <v>182.47900000000001</v>
      </c>
      <c r="E3060">
        <v>7200</v>
      </c>
      <c r="F3060">
        <v>10800</v>
      </c>
      <c r="G3060">
        <v>19955.900000000001</v>
      </c>
      <c r="H3060">
        <v>3.7637800000000001</v>
      </c>
      <c r="I3060">
        <v>20089.900000000001</v>
      </c>
      <c r="J3060">
        <v>33.581899999999997</v>
      </c>
    </row>
    <row r="3061" spans="1:10" x14ac:dyDescent="0.25">
      <c r="A3061">
        <v>21</v>
      </c>
      <c r="B3061">
        <v>108.446</v>
      </c>
      <c r="C3061">
        <v>118.369</v>
      </c>
      <c r="D3061">
        <v>190</v>
      </c>
      <c r="E3061">
        <v>10431.5</v>
      </c>
      <c r="F3061">
        <v>10800</v>
      </c>
      <c r="G3061">
        <v>19955.900000000001</v>
      </c>
      <c r="H3061">
        <v>1.1181099999999999</v>
      </c>
      <c r="I3061">
        <v>26815.1</v>
      </c>
      <c r="J3061">
        <v>17.5837</v>
      </c>
    </row>
    <row r="3062" spans="1:10" x14ac:dyDescent="0.25">
      <c r="A3062">
        <v>21</v>
      </c>
      <c r="B3062">
        <v>108.919</v>
      </c>
      <c r="C3062">
        <v>118.369</v>
      </c>
      <c r="D3062">
        <v>190</v>
      </c>
      <c r="E3062">
        <v>10431.5</v>
      </c>
      <c r="F3062">
        <v>10800</v>
      </c>
      <c r="G3062">
        <v>19955.900000000001</v>
      </c>
      <c r="H3062">
        <v>1.4960599999999999</v>
      </c>
      <c r="I3062">
        <v>25563</v>
      </c>
      <c r="J3062">
        <v>18.1692</v>
      </c>
    </row>
    <row r="3063" spans="1:10" x14ac:dyDescent="0.25">
      <c r="A3063">
        <v>21</v>
      </c>
      <c r="B3063">
        <v>110.1</v>
      </c>
      <c r="C3063">
        <v>123.395</v>
      </c>
      <c r="D3063">
        <v>189.06</v>
      </c>
      <c r="E3063">
        <v>7370.08</v>
      </c>
      <c r="F3063">
        <v>10800</v>
      </c>
      <c r="G3063">
        <v>21316.5</v>
      </c>
      <c r="H3063">
        <v>3.0787399999999998</v>
      </c>
      <c r="I3063">
        <v>21028.799999999999</v>
      </c>
      <c r="J3063">
        <v>25.227799999999998</v>
      </c>
    </row>
    <row r="3064" spans="1:10" x14ac:dyDescent="0.25">
      <c r="A3064">
        <v>21</v>
      </c>
      <c r="B3064">
        <v>110.1</v>
      </c>
      <c r="C3064">
        <v>123.395</v>
      </c>
      <c r="D3064">
        <v>189.06</v>
      </c>
      <c r="E3064">
        <v>7710.24</v>
      </c>
      <c r="F3064">
        <v>10800</v>
      </c>
      <c r="G3064">
        <v>19955.900000000001</v>
      </c>
      <c r="H3064">
        <v>1.6377999999999999</v>
      </c>
      <c r="I3064">
        <v>22282.799999999999</v>
      </c>
      <c r="J3064">
        <v>20.198799999999999</v>
      </c>
    </row>
    <row r="3065" spans="1:10" x14ac:dyDescent="0.25">
      <c r="A3065">
        <v>21</v>
      </c>
      <c r="B3065">
        <v>106.79300000000001</v>
      </c>
      <c r="C3065">
        <v>124.024</v>
      </c>
      <c r="D3065">
        <v>184.04599999999999</v>
      </c>
      <c r="E3065">
        <v>10516.5</v>
      </c>
      <c r="F3065">
        <v>19984.3</v>
      </c>
      <c r="G3065">
        <v>20636.2</v>
      </c>
      <c r="H3065">
        <v>2.25197</v>
      </c>
      <c r="I3065">
        <v>36430.5</v>
      </c>
      <c r="J3065">
        <v>16.778199999999998</v>
      </c>
    </row>
    <row r="3066" spans="1:10" x14ac:dyDescent="0.25">
      <c r="A3066">
        <v>21</v>
      </c>
      <c r="B3066">
        <v>102.777</v>
      </c>
      <c r="C3066">
        <v>123.081</v>
      </c>
      <c r="D3066">
        <v>182.47900000000001</v>
      </c>
      <c r="E3066">
        <v>7200</v>
      </c>
      <c r="F3066">
        <v>10800</v>
      </c>
      <c r="G3066">
        <v>19955.900000000001</v>
      </c>
      <c r="H3066">
        <v>3.7637800000000001</v>
      </c>
      <c r="I3066">
        <v>20089.900000000001</v>
      </c>
      <c r="J3066">
        <v>33.581899999999997</v>
      </c>
    </row>
    <row r="3067" spans="1:10" x14ac:dyDescent="0.25">
      <c r="A3067">
        <v>21</v>
      </c>
      <c r="B3067">
        <v>110.1</v>
      </c>
      <c r="C3067">
        <v>123.395</v>
      </c>
      <c r="D3067">
        <v>189.06</v>
      </c>
      <c r="E3067">
        <v>7370.08</v>
      </c>
      <c r="F3067">
        <v>10800</v>
      </c>
      <c r="G3067">
        <v>21316.5</v>
      </c>
      <c r="H3067">
        <v>3.0787399999999998</v>
      </c>
      <c r="I3067">
        <v>21028.799999999999</v>
      </c>
      <c r="J3067">
        <v>25.227799999999998</v>
      </c>
    </row>
    <row r="3068" spans="1:10" x14ac:dyDescent="0.25">
      <c r="A3068">
        <v>21</v>
      </c>
      <c r="B3068">
        <v>108.446</v>
      </c>
      <c r="C3068">
        <v>118.369</v>
      </c>
      <c r="D3068">
        <v>190</v>
      </c>
      <c r="E3068">
        <v>10431.5</v>
      </c>
      <c r="F3068">
        <v>10800</v>
      </c>
      <c r="G3068">
        <v>19955.900000000001</v>
      </c>
      <c r="H3068">
        <v>1.1181099999999999</v>
      </c>
      <c r="I3068">
        <v>26815.1</v>
      </c>
      <c r="J3068">
        <v>17.5837</v>
      </c>
    </row>
    <row r="3069" spans="1:10" x14ac:dyDescent="0.25">
      <c r="A3069">
        <v>21</v>
      </c>
      <c r="B3069">
        <v>108.446</v>
      </c>
      <c r="C3069">
        <v>118.369</v>
      </c>
      <c r="D3069">
        <v>190</v>
      </c>
      <c r="E3069">
        <v>10431.5</v>
      </c>
      <c r="F3069">
        <v>10800</v>
      </c>
      <c r="G3069">
        <v>19955.900000000001</v>
      </c>
      <c r="H3069">
        <v>1.1181099999999999</v>
      </c>
      <c r="I3069">
        <v>26815.1</v>
      </c>
      <c r="J3069">
        <v>17.5837</v>
      </c>
    </row>
    <row r="3070" spans="1:10" x14ac:dyDescent="0.25">
      <c r="A3070">
        <v>21</v>
      </c>
      <c r="B3070">
        <v>110.1</v>
      </c>
      <c r="C3070">
        <v>123.395</v>
      </c>
      <c r="D3070">
        <v>189.06</v>
      </c>
      <c r="E3070">
        <v>7710.24</v>
      </c>
      <c r="F3070">
        <v>10800</v>
      </c>
      <c r="G3070">
        <v>19955.900000000001</v>
      </c>
      <c r="H3070">
        <v>1.6377999999999999</v>
      </c>
      <c r="I3070">
        <v>22282.799999999999</v>
      </c>
      <c r="J3070">
        <v>20.198799999999999</v>
      </c>
    </row>
    <row r="3071" spans="1:10" x14ac:dyDescent="0.25">
      <c r="A3071">
        <v>21</v>
      </c>
      <c r="B3071">
        <v>102.777</v>
      </c>
      <c r="C3071">
        <v>123.081</v>
      </c>
      <c r="D3071">
        <v>182.47900000000001</v>
      </c>
      <c r="E3071">
        <v>7200</v>
      </c>
      <c r="F3071">
        <v>10800</v>
      </c>
      <c r="G3071">
        <v>19955.900000000001</v>
      </c>
      <c r="H3071">
        <v>3.7637800000000001</v>
      </c>
      <c r="I3071">
        <v>20089.900000000001</v>
      </c>
      <c r="J3071">
        <v>33.581899999999997</v>
      </c>
    </row>
    <row r="3072" spans="1:10" x14ac:dyDescent="0.25">
      <c r="A3072">
        <v>21</v>
      </c>
      <c r="B3072">
        <v>102.777</v>
      </c>
      <c r="C3072">
        <v>123.081</v>
      </c>
      <c r="D3072">
        <v>182.47900000000001</v>
      </c>
      <c r="E3072">
        <v>7200</v>
      </c>
      <c r="F3072">
        <v>10800</v>
      </c>
      <c r="G3072">
        <v>19955.900000000001</v>
      </c>
      <c r="H3072">
        <v>3.7637800000000001</v>
      </c>
      <c r="I3072">
        <v>20089.900000000001</v>
      </c>
      <c r="J3072">
        <v>33.581899999999997</v>
      </c>
    </row>
    <row r="3073" spans="1:10" x14ac:dyDescent="0.25">
      <c r="A3073">
        <v>21</v>
      </c>
      <c r="B3073">
        <v>110.1</v>
      </c>
      <c r="C3073">
        <v>123.395</v>
      </c>
      <c r="D3073">
        <v>189.06</v>
      </c>
      <c r="E3073">
        <v>7710.24</v>
      </c>
      <c r="F3073">
        <v>10800</v>
      </c>
      <c r="G3073">
        <v>19955.900000000001</v>
      </c>
      <c r="H3073">
        <v>1.6377999999999999</v>
      </c>
      <c r="I3073">
        <v>22282.799999999999</v>
      </c>
      <c r="J3073">
        <v>20.198799999999999</v>
      </c>
    </row>
    <row r="3074" spans="1:10" x14ac:dyDescent="0.25">
      <c r="A3074">
        <v>21</v>
      </c>
      <c r="B3074">
        <v>108.446</v>
      </c>
      <c r="C3074">
        <v>119.625</v>
      </c>
      <c r="D3074">
        <v>189.68700000000001</v>
      </c>
      <c r="E3074">
        <v>9070.8700000000008</v>
      </c>
      <c r="F3074">
        <v>10800</v>
      </c>
      <c r="G3074">
        <v>19955.900000000001</v>
      </c>
      <c r="H3074">
        <v>1.4960599999999999</v>
      </c>
      <c r="I3074">
        <v>24098.3</v>
      </c>
      <c r="J3074">
        <v>19.2303</v>
      </c>
    </row>
    <row r="3075" spans="1:10" x14ac:dyDescent="0.25">
      <c r="A3075">
        <v>21</v>
      </c>
      <c r="B3075">
        <v>102.777</v>
      </c>
      <c r="C3075">
        <v>123.081</v>
      </c>
      <c r="D3075">
        <v>182.47900000000001</v>
      </c>
      <c r="E3075">
        <v>7200</v>
      </c>
      <c r="F3075">
        <v>10800</v>
      </c>
      <c r="G3075">
        <v>19955.900000000001</v>
      </c>
      <c r="H3075">
        <v>3.7637800000000001</v>
      </c>
      <c r="I3075">
        <v>20089.900000000001</v>
      </c>
      <c r="J3075">
        <v>33.581899999999997</v>
      </c>
    </row>
    <row r="3076" spans="1:10" x14ac:dyDescent="0.25">
      <c r="A3076">
        <v>21</v>
      </c>
      <c r="B3076">
        <v>110.1</v>
      </c>
      <c r="C3076">
        <v>123.395</v>
      </c>
      <c r="D3076">
        <v>189.06</v>
      </c>
      <c r="E3076">
        <v>7710.24</v>
      </c>
      <c r="F3076">
        <v>10800</v>
      </c>
      <c r="G3076">
        <v>19955.900000000001</v>
      </c>
      <c r="H3076">
        <v>1.6377999999999999</v>
      </c>
      <c r="I3076">
        <v>22282.799999999999</v>
      </c>
      <c r="J3076">
        <v>20.198799999999999</v>
      </c>
    </row>
    <row r="3077" spans="1:10" x14ac:dyDescent="0.25">
      <c r="A3077">
        <v>21</v>
      </c>
      <c r="B3077">
        <v>110.1</v>
      </c>
      <c r="C3077">
        <v>123.395</v>
      </c>
      <c r="D3077">
        <v>189.06</v>
      </c>
      <c r="E3077">
        <v>7710.24</v>
      </c>
      <c r="F3077">
        <v>10800</v>
      </c>
      <c r="G3077">
        <v>19955.900000000001</v>
      </c>
      <c r="H3077">
        <v>1.6377999999999999</v>
      </c>
      <c r="I3077">
        <v>22282.799999999999</v>
      </c>
      <c r="J3077">
        <v>20.198799999999999</v>
      </c>
    </row>
    <row r="3078" spans="1:10" x14ac:dyDescent="0.25">
      <c r="A3078">
        <v>21</v>
      </c>
      <c r="B3078">
        <v>108.446</v>
      </c>
      <c r="C3078">
        <v>117.74</v>
      </c>
      <c r="D3078">
        <v>189.68700000000001</v>
      </c>
      <c r="E3078">
        <v>9921.26</v>
      </c>
      <c r="F3078">
        <v>10800</v>
      </c>
      <c r="G3078">
        <v>18595.3</v>
      </c>
      <c r="H3078">
        <v>1.1653500000000001</v>
      </c>
      <c r="I3078">
        <v>25881.9</v>
      </c>
      <c r="J3078">
        <v>18.015799999999999</v>
      </c>
    </row>
    <row r="3079" spans="1:10" x14ac:dyDescent="0.25">
      <c r="A3079">
        <v>21</v>
      </c>
      <c r="B3079">
        <v>109.155</v>
      </c>
      <c r="C3079">
        <v>128.422</v>
      </c>
      <c r="D3079">
        <v>189.68700000000001</v>
      </c>
      <c r="E3079">
        <v>7370.08</v>
      </c>
      <c r="F3079">
        <v>10800</v>
      </c>
      <c r="G3079">
        <v>22507.1</v>
      </c>
      <c r="H3079">
        <v>3.3149600000000001</v>
      </c>
      <c r="I3079">
        <v>20692</v>
      </c>
      <c r="J3079">
        <v>28.869900000000001</v>
      </c>
    </row>
    <row r="3080" spans="1:10" x14ac:dyDescent="0.25">
      <c r="A3080">
        <v>21</v>
      </c>
      <c r="B3080">
        <v>108.446</v>
      </c>
      <c r="C3080">
        <v>119.625</v>
      </c>
      <c r="D3080">
        <v>189.68700000000001</v>
      </c>
      <c r="E3080">
        <v>9070.8700000000008</v>
      </c>
      <c r="F3080">
        <v>10800</v>
      </c>
      <c r="G3080">
        <v>19955.900000000001</v>
      </c>
      <c r="H3080">
        <v>1.4960599999999999</v>
      </c>
      <c r="I3080">
        <v>24098.3</v>
      </c>
      <c r="J3080">
        <v>19.2303</v>
      </c>
    </row>
    <row r="3081" spans="1:10" x14ac:dyDescent="0.25">
      <c r="A3081">
        <v>22</v>
      </c>
      <c r="B3081">
        <v>110.1</v>
      </c>
      <c r="C3081">
        <v>123.395</v>
      </c>
      <c r="D3081">
        <v>189.06</v>
      </c>
      <c r="E3081">
        <v>7370.08</v>
      </c>
      <c r="F3081">
        <v>10800</v>
      </c>
      <c r="G3081">
        <v>19955.900000000001</v>
      </c>
      <c r="H3081">
        <v>1.6377999999999999</v>
      </c>
      <c r="I3081">
        <v>21942.7</v>
      </c>
      <c r="J3081">
        <v>20.6646</v>
      </c>
    </row>
    <row r="3082" spans="1:10" x14ac:dyDescent="0.25">
      <c r="A3082">
        <v>22</v>
      </c>
      <c r="B3082">
        <v>109.155</v>
      </c>
      <c r="C3082">
        <v>124.96599999999999</v>
      </c>
      <c r="D3082">
        <v>189.68700000000001</v>
      </c>
      <c r="E3082">
        <v>7710.24</v>
      </c>
      <c r="F3082">
        <v>10800</v>
      </c>
      <c r="G3082">
        <v>19955.900000000001</v>
      </c>
      <c r="H3082">
        <v>2.4881899999999999</v>
      </c>
      <c r="I3082">
        <v>21364.7</v>
      </c>
      <c r="J3082">
        <v>21.589400000000001</v>
      </c>
    </row>
    <row r="3083" spans="1:10" x14ac:dyDescent="0.25">
      <c r="A3083">
        <v>22</v>
      </c>
      <c r="B3083">
        <v>106.557</v>
      </c>
      <c r="C3083">
        <v>119.625</v>
      </c>
      <c r="D3083">
        <v>189.68700000000001</v>
      </c>
      <c r="E3083">
        <v>7370.08</v>
      </c>
      <c r="F3083">
        <v>10800</v>
      </c>
      <c r="G3083">
        <v>14513.4</v>
      </c>
      <c r="H3083">
        <v>3.9527600000000001</v>
      </c>
      <c r="I3083">
        <v>20271.8</v>
      </c>
      <c r="J3083">
        <v>50.1083</v>
      </c>
    </row>
    <row r="3084" spans="1:10" x14ac:dyDescent="0.25">
      <c r="A3084">
        <v>22</v>
      </c>
      <c r="B3084">
        <v>110.1</v>
      </c>
      <c r="C3084">
        <v>123.395</v>
      </c>
      <c r="D3084">
        <v>189.68700000000001</v>
      </c>
      <c r="E3084">
        <v>7370.08</v>
      </c>
      <c r="F3084">
        <v>10800</v>
      </c>
      <c r="G3084">
        <v>18595.3</v>
      </c>
      <c r="H3084">
        <v>3.10236</v>
      </c>
      <c r="I3084">
        <v>21051.4</v>
      </c>
      <c r="J3084">
        <v>24.819800000000001</v>
      </c>
    </row>
    <row r="3085" spans="1:10" x14ac:dyDescent="0.25">
      <c r="A3085">
        <v>22</v>
      </c>
      <c r="B3085">
        <v>110.1</v>
      </c>
      <c r="C3085">
        <v>123.395</v>
      </c>
      <c r="D3085">
        <v>189.68700000000001</v>
      </c>
      <c r="E3085">
        <v>7370.08</v>
      </c>
      <c r="F3085">
        <v>10800</v>
      </c>
      <c r="G3085">
        <v>18595.3</v>
      </c>
      <c r="H3085">
        <v>3.10236</v>
      </c>
      <c r="I3085">
        <v>21051.4</v>
      </c>
      <c r="J3085">
        <v>24.819800000000001</v>
      </c>
    </row>
    <row r="3086" spans="1:10" x14ac:dyDescent="0.25">
      <c r="A3086">
        <v>22</v>
      </c>
      <c r="B3086">
        <v>110.1</v>
      </c>
      <c r="C3086">
        <v>123.395</v>
      </c>
      <c r="D3086">
        <v>189.06</v>
      </c>
      <c r="E3086">
        <v>7710.24</v>
      </c>
      <c r="F3086">
        <v>10800</v>
      </c>
      <c r="G3086">
        <v>18595.3</v>
      </c>
      <c r="H3086">
        <v>2.4881899999999999</v>
      </c>
      <c r="I3086">
        <v>21367</v>
      </c>
      <c r="J3086">
        <v>21.648199999999999</v>
      </c>
    </row>
    <row r="3087" spans="1:10" x14ac:dyDescent="0.25">
      <c r="A3087">
        <v>22</v>
      </c>
      <c r="B3087">
        <v>108.919</v>
      </c>
      <c r="C3087">
        <v>119.93899999999999</v>
      </c>
      <c r="D3087">
        <v>190</v>
      </c>
      <c r="E3087">
        <v>10091.299999999999</v>
      </c>
      <c r="F3087">
        <v>11055.1</v>
      </c>
      <c r="G3087">
        <v>19955.900000000001</v>
      </c>
      <c r="H3087">
        <v>2.1574800000000001</v>
      </c>
      <c r="I3087">
        <v>24916.3</v>
      </c>
      <c r="J3087">
        <v>21.2818</v>
      </c>
    </row>
    <row r="3088" spans="1:10" x14ac:dyDescent="0.25">
      <c r="A3088">
        <v>22</v>
      </c>
      <c r="B3088">
        <v>109.39100000000001</v>
      </c>
      <c r="C3088">
        <v>119.625</v>
      </c>
      <c r="D3088">
        <v>189.06</v>
      </c>
      <c r="E3088">
        <v>7370.08</v>
      </c>
      <c r="F3088">
        <v>10800</v>
      </c>
      <c r="G3088">
        <v>19955.900000000001</v>
      </c>
      <c r="H3088">
        <v>3.2440899999999999</v>
      </c>
      <c r="I3088">
        <v>20524.099999999999</v>
      </c>
      <c r="J3088">
        <v>37.656999999999996</v>
      </c>
    </row>
    <row r="3089" spans="1:10" x14ac:dyDescent="0.25">
      <c r="A3089">
        <v>22</v>
      </c>
      <c r="B3089">
        <v>110.1</v>
      </c>
      <c r="C3089">
        <v>123.395</v>
      </c>
      <c r="D3089">
        <v>189.06</v>
      </c>
      <c r="E3089">
        <v>7370.08</v>
      </c>
      <c r="F3089">
        <v>10800</v>
      </c>
      <c r="G3089">
        <v>19955.900000000001</v>
      </c>
      <c r="H3089">
        <v>3.8582700000000001</v>
      </c>
      <c r="I3089">
        <v>20185.599999999999</v>
      </c>
      <c r="J3089">
        <v>82.500399999999999</v>
      </c>
    </row>
    <row r="3090" spans="1:10" x14ac:dyDescent="0.25">
      <c r="A3090">
        <v>22</v>
      </c>
      <c r="B3090">
        <v>110.1</v>
      </c>
      <c r="C3090">
        <v>114.598</v>
      </c>
      <c r="D3090">
        <v>189.68700000000001</v>
      </c>
      <c r="E3090">
        <v>7370.08</v>
      </c>
      <c r="F3090">
        <v>10800</v>
      </c>
      <c r="G3090">
        <v>19955.900000000001</v>
      </c>
      <c r="H3090">
        <v>3.10236</v>
      </c>
      <c r="I3090">
        <v>20679.8</v>
      </c>
      <c r="J3090">
        <v>58.355400000000003</v>
      </c>
    </row>
    <row r="3091" spans="1:10" x14ac:dyDescent="0.25">
      <c r="A3091">
        <v>22</v>
      </c>
      <c r="B3091">
        <v>109.39100000000001</v>
      </c>
      <c r="C3091">
        <v>124.652</v>
      </c>
      <c r="D3091">
        <v>189.06</v>
      </c>
      <c r="E3091">
        <v>7370.08</v>
      </c>
      <c r="F3091">
        <v>10800</v>
      </c>
      <c r="G3091">
        <v>19955.900000000001</v>
      </c>
      <c r="H3091">
        <v>3.9527600000000001</v>
      </c>
      <c r="I3091">
        <v>20133</v>
      </c>
      <c r="J3091">
        <v>53.744700000000002</v>
      </c>
    </row>
    <row r="3092" spans="1:10" x14ac:dyDescent="0.25">
      <c r="A3092">
        <v>22</v>
      </c>
      <c r="B3092">
        <v>110.1</v>
      </c>
      <c r="C3092">
        <v>128.73599999999999</v>
      </c>
      <c r="D3092">
        <v>189.68700000000001</v>
      </c>
      <c r="E3092">
        <v>7370.08</v>
      </c>
      <c r="F3092">
        <v>10800</v>
      </c>
      <c r="G3092">
        <v>18595.3</v>
      </c>
      <c r="H3092">
        <v>2.3936999999999999</v>
      </c>
      <c r="I3092">
        <v>21597.7</v>
      </c>
      <c r="J3092">
        <v>116.968</v>
      </c>
    </row>
    <row r="3093" spans="1:10" x14ac:dyDescent="0.25">
      <c r="A3093">
        <v>22</v>
      </c>
      <c r="B3093">
        <v>108.446</v>
      </c>
      <c r="C3093">
        <v>119.625</v>
      </c>
      <c r="D3093">
        <v>189.68700000000001</v>
      </c>
      <c r="E3093">
        <v>7710.24</v>
      </c>
      <c r="F3093">
        <v>10800</v>
      </c>
      <c r="G3093">
        <v>18595.3</v>
      </c>
      <c r="H3093">
        <v>1.5905499999999999</v>
      </c>
      <c r="I3093">
        <v>22557.9</v>
      </c>
      <c r="J3093">
        <v>40.033900000000003</v>
      </c>
    </row>
    <row r="3094" spans="1:10" x14ac:dyDescent="0.25">
      <c r="A3094">
        <v>22</v>
      </c>
      <c r="B3094">
        <v>110.1</v>
      </c>
      <c r="C3094">
        <v>119.625</v>
      </c>
      <c r="D3094">
        <v>189.06</v>
      </c>
      <c r="E3094">
        <v>7370.08</v>
      </c>
      <c r="F3094">
        <v>10800</v>
      </c>
      <c r="G3094">
        <v>19955.900000000001</v>
      </c>
      <c r="H3094">
        <v>3.8582700000000001</v>
      </c>
      <c r="I3094">
        <v>20311.3</v>
      </c>
      <c r="J3094">
        <v>56.765300000000003</v>
      </c>
    </row>
    <row r="3095" spans="1:10" x14ac:dyDescent="0.25">
      <c r="A3095">
        <v>22</v>
      </c>
      <c r="B3095">
        <v>108.68300000000001</v>
      </c>
      <c r="C3095">
        <v>114.598</v>
      </c>
      <c r="D3095">
        <v>189.06</v>
      </c>
      <c r="E3095">
        <v>10091.299999999999</v>
      </c>
      <c r="F3095">
        <v>10800</v>
      </c>
      <c r="G3095">
        <v>18595.3</v>
      </c>
      <c r="H3095">
        <v>2.7244100000000002</v>
      </c>
      <c r="I3095">
        <v>23550.400000000001</v>
      </c>
      <c r="J3095">
        <v>44.315300000000001</v>
      </c>
    </row>
    <row r="3096" spans="1:10" x14ac:dyDescent="0.25">
      <c r="A3096">
        <v>22</v>
      </c>
      <c r="B3096">
        <v>110.1</v>
      </c>
      <c r="C3096">
        <v>123.395</v>
      </c>
      <c r="D3096">
        <v>186.553</v>
      </c>
      <c r="E3096">
        <v>7370.08</v>
      </c>
      <c r="F3096">
        <v>10800</v>
      </c>
      <c r="G3096">
        <v>18595.3</v>
      </c>
      <c r="H3096">
        <v>2.34646</v>
      </c>
      <c r="I3096">
        <v>21012.3</v>
      </c>
      <c r="J3096">
        <v>91.213800000000006</v>
      </c>
    </row>
    <row r="3097" spans="1:10" x14ac:dyDescent="0.25">
      <c r="A3097">
        <v>22</v>
      </c>
      <c r="B3097">
        <v>109.864</v>
      </c>
      <c r="C3097">
        <v>123.709</v>
      </c>
      <c r="D3097">
        <v>189.37299999999999</v>
      </c>
      <c r="E3097">
        <v>7370.08</v>
      </c>
      <c r="F3097">
        <v>10800</v>
      </c>
      <c r="G3097">
        <v>19955.900000000001</v>
      </c>
      <c r="H3097">
        <v>1.5905499999999999</v>
      </c>
      <c r="I3097">
        <v>23716.400000000001</v>
      </c>
      <c r="J3097">
        <v>28.4938</v>
      </c>
    </row>
    <row r="3098" spans="1:10" x14ac:dyDescent="0.25">
      <c r="A3098">
        <v>22</v>
      </c>
      <c r="B3098">
        <v>110.1</v>
      </c>
      <c r="C3098">
        <v>118.369</v>
      </c>
      <c r="D3098">
        <v>189.06</v>
      </c>
      <c r="E3098">
        <v>7370.08</v>
      </c>
      <c r="F3098">
        <v>10800</v>
      </c>
      <c r="G3098">
        <v>19955.900000000001</v>
      </c>
      <c r="H3098">
        <v>3.8582700000000001</v>
      </c>
      <c r="I3098">
        <v>20294.599999999999</v>
      </c>
      <c r="J3098">
        <v>42.5989</v>
      </c>
    </row>
    <row r="3099" spans="1:10" x14ac:dyDescent="0.25">
      <c r="A3099">
        <v>22</v>
      </c>
      <c r="B3099">
        <v>109.628</v>
      </c>
      <c r="C3099">
        <v>118.369</v>
      </c>
      <c r="D3099">
        <v>189.68700000000001</v>
      </c>
      <c r="E3099">
        <v>7370.08</v>
      </c>
      <c r="F3099">
        <v>10800</v>
      </c>
      <c r="G3099">
        <v>19955.900000000001</v>
      </c>
      <c r="H3099">
        <v>2.0629900000000001</v>
      </c>
      <c r="I3099">
        <v>21491.200000000001</v>
      </c>
      <c r="J3099">
        <v>36.031100000000002</v>
      </c>
    </row>
    <row r="3100" spans="1:10" x14ac:dyDescent="0.25">
      <c r="A3100">
        <v>22</v>
      </c>
      <c r="B3100">
        <v>110.1</v>
      </c>
      <c r="C3100">
        <v>118.369</v>
      </c>
      <c r="D3100">
        <v>189.68700000000001</v>
      </c>
      <c r="E3100">
        <v>7710.24</v>
      </c>
      <c r="F3100">
        <v>10800</v>
      </c>
      <c r="G3100">
        <v>22507.1</v>
      </c>
      <c r="H3100">
        <v>3.8110200000000001</v>
      </c>
      <c r="I3100">
        <v>20663.900000000001</v>
      </c>
      <c r="J3100">
        <v>45.981999999999999</v>
      </c>
    </row>
    <row r="3101" spans="1:10" x14ac:dyDescent="0.25">
      <c r="A3101">
        <v>22</v>
      </c>
      <c r="B3101">
        <v>108.919</v>
      </c>
      <c r="C3101">
        <v>119.625</v>
      </c>
      <c r="D3101">
        <v>189.68700000000001</v>
      </c>
      <c r="E3101">
        <v>7455.12</v>
      </c>
      <c r="F3101">
        <v>10800</v>
      </c>
      <c r="G3101">
        <v>19955.900000000001</v>
      </c>
      <c r="H3101">
        <v>3.3858299999999999</v>
      </c>
      <c r="I3101">
        <v>20481.2</v>
      </c>
      <c r="J3101">
        <v>38.771299999999997</v>
      </c>
    </row>
    <row r="3102" spans="1:10" x14ac:dyDescent="0.25">
      <c r="A3102">
        <v>22</v>
      </c>
      <c r="B3102">
        <v>109.155</v>
      </c>
      <c r="C3102">
        <v>118.369</v>
      </c>
      <c r="D3102">
        <v>189.68700000000001</v>
      </c>
      <c r="E3102">
        <v>7370.08</v>
      </c>
      <c r="F3102">
        <v>10800</v>
      </c>
      <c r="G3102">
        <v>19955.900000000001</v>
      </c>
      <c r="H3102">
        <v>1.87402</v>
      </c>
      <c r="I3102">
        <v>21847</v>
      </c>
      <c r="J3102">
        <v>39.033499999999997</v>
      </c>
    </row>
    <row r="3103" spans="1:10" x14ac:dyDescent="0.25">
      <c r="A3103">
        <v>22</v>
      </c>
      <c r="B3103">
        <v>109.39100000000001</v>
      </c>
      <c r="C3103">
        <v>119.625</v>
      </c>
      <c r="D3103">
        <v>189.68700000000001</v>
      </c>
      <c r="E3103">
        <v>7370.08</v>
      </c>
      <c r="F3103">
        <v>10800</v>
      </c>
      <c r="G3103">
        <v>11792.1</v>
      </c>
      <c r="H3103">
        <v>3.9291299999999998</v>
      </c>
      <c r="I3103">
        <v>20230.900000000001</v>
      </c>
      <c r="J3103">
        <v>40.994300000000003</v>
      </c>
    </row>
    <row r="3104" spans="1:10" x14ac:dyDescent="0.25">
      <c r="A3104">
        <v>22</v>
      </c>
      <c r="B3104">
        <v>110.1</v>
      </c>
      <c r="C3104">
        <v>114.598</v>
      </c>
      <c r="D3104">
        <v>189.68700000000001</v>
      </c>
      <c r="E3104">
        <v>7370.08</v>
      </c>
      <c r="F3104">
        <v>10800</v>
      </c>
      <c r="G3104">
        <v>18595.3</v>
      </c>
      <c r="H3104">
        <v>3.0787399999999998</v>
      </c>
      <c r="I3104">
        <v>20667.5</v>
      </c>
      <c r="J3104">
        <v>64.010199999999998</v>
      </c>
    </row>
    <row r="3105" spans="1:10" x14ac:dyDescent="0.25">
      <c r="A3105">
        <v>22</v>
      </c>
      <c r="B3105">
        <v>109.864</v>
      </c>
      <c r="C3105">
        <v>119.625</v>
      </c>
      <c r="D3105">
        <v>190</v>
      </c>
      <c r="E3105">
        <v>7370.08</v>
      </c>
      <c r="F3105">
        <v>10800</v>
      </c>
      <c r="G3105">
        <v>22507.1</v>
      </c>
      <c r="H3105">
        <v>3.3622000000000001</v>
      </c>
      <c r="I3105">
        <v>20419.5</v>
      </c>
      <c r="J3105">
        <v>48.707799999999999</v>
      </c>
    </row>
    <row r="3106" spans="1:10" x14ac:dyDescent="0.25">
      <c r="A3106">
        <v>22</v>
      </c>
      <c r="B3106">
        <v>110.1</v>
      </c>
      <c r="C3106">
        <v>119.625</v>
      </c>
      <c r="D3106">
        <v>190</v>
      </c>
      <c r="E3106">
        <v>10091.299999999999</v>
      </c>
      <c r="F3106">
        <v>10800</v>
      </c>
      <c r="G3106">
        <v>18595.3</v>
      </c>
      <c r="H3106">
        <v>3.8582700000000001</v>
      </c>
      <c r="I3106">
        <v>23073.4</v>
      </c>
      <c r="J3106">
        <v>36.387700000000002</v>
      </c>
    </row>
    <row r="3107" spans="1:10" x14ac:dyDescent="0.25">
      <c r="A3107">
        <v>22</v>
      </c>
      <c r="B3107">
        <v>108.446</v>
      </c>
      <c r="C3107">
        <v>119.625</v>
      </c>
      <c r="D3107">
        <v>189.37299999999999</v>
      </c>
      <c r="E3107">
        <v>7710.24</v>
      </c>
      <c r="F3107">
        <v>10800</v>
      </c>
      <c r="G3107">
        <v>18595.3</v>
      </c>
      <c r="H3107">
        <v>2.5354299999999999</v>
      </c>
      <c r="I3107">
        <v>21359.200000000001</v>
      </c>
      <c r="J3107">
        <v>41.070999999999998</v>
      </c>
    </row>
    <row r="3108" spans="1:10" x14ac:dyDescent="0.25">
      <c r="A3108">
        <v>22</v>
      </c>
      <c r="B3108">
        <v>109.864</v>
      </c>
      <c r="C3108">
        <v>119.625</v>
      </c>
      <c r="D3108">
        <v>169.63</v>
      </c>
      <c r="E3108">
        <v>10091.299999999999</v>
      </c>
      <c r="F3108">
        <v>11055.1</v>
      </c>
      <c r="G3108">
        <v>19955.900000000001</v>
      </c>
      <c r="H3108">
        <v>3.2913399999999999</v>
      </c>
      <c r="I3108">
        <v>24833.1</v>
      </c>
      <c r="J3108">
        <v>25.005500000000001</v>
      </c>
    </row>
    <row r="3109" spans="1:10" x14ac:dyDescent="0.25">
      <c r="A3109">
        <v>22</v>
      </c>
      <c r="B3109">
        <v>108.446</v>
      </c>
      <c r="C3109">
        <v>118.369</v>
      </c>
      <c r="D3109">
        <v>190</v>
      </c>
      <c r="E3109">
        <v>10431.5</v>
      </c>
      <c r="F3109">
        <v>18963.8</v>
      </c>
      <c r="G3109">
        <v>18595.3</v>
      </c>
      <c r="H3109">
        <v>1.1181099999999999</v>
      </c>
      <c r="I3109">
        <v>36124.800000000003</v>
      </c>
      <c r="J3109">
        <v>30.904199999999999</v>
      </c>
    </row>
    <row r="3110" spans="1:10" x14ac:dyDescent="0.25">
      <c r="A3110">
        <v>22</v>
      </c>
      <c r="B3110">
        <v>109.39100000000001</v>
      </c>
      <c r="C3110">
        <v>129.99299999999999</v>
      </c>
      <c r="D3110">
        <v>189.68700000000001</v>
      </c>
      <c r="E3110">
        <v>7710.24</v>
      </c>
      <c r="F3110">
        <v>10800</v>
      </c>
      <c r="G3110">
        <v>19955.900000000001</v>
      </c>
      <c r="H3110">
        <v>3.2440899999999999</v>
      </c>
      <c r="I3110">
        <v>21182.9</v>
      </c>
      <c r="J3110">
        <v>115.955</v>
      </c>
    </row>
    <row r="3111" spans="1:10" x14ac:dyDescent="0.25">
      <c r="A3111">
        <v>22</v>
      </c>
      <c r="B3111">
        <v>108.68300000000001</v>
      </c>
      <c r="C3111">
        <v>117.74</v>
      </c>
      <c r="D3111">
        <v>190</v>
      </c>
      <c r="E3111">
        <v>10091.299999999999</v>
      </c>
      <c r="F3111">
        <v>10800</v>
      </c>
      <c r="G3111">
        <v>19955.900000000001</v>
      </c>
      <c r="H3111">
        <v>1.02362</v>
      </c>
      <c r="I3111">
        <v>26440.2</v>
      </c>
      <c r="J3111">
        <v>28.412500000000001</v>
      </c>
    </row>
    <row r="3112" spans="1:10" x14ac:dyDescent="0.25">
      <c r="A3112">
        <v>22</v>
      </c>
      <c r="B3112">
        <v>110.1</v>
      </c>
      <c r="C3112">
        <v>119.625</v>
      </c>
      <c r="D3112">
        <v>189.68700000000001</v>
      </c>
      <c r="E3112">
        <v>7370.08</v>
      </c>
      <c r="F3112">
        <v>10800</v>
      </c>
      <c r="G3112">
        <v>13152.8</v>
      </c>
      <c r="H3112">
        <v>3.9527600000000001</v>
      </c>
      <c r="I3112">
        <v>20291.900000000001</v>
      </c>
      <c r="J3112">
        <v>48.7393</v>
      </c>
    </row>
    <row r="3113" spans="1:10" x14ac:dyDescent="0.25">
      <c r="A3113">
        <v>22</v>
      </c>
      <c r="B3113">
        <v>109.155</v>
      </c>
      <c r="C3113">
        <v>119.93899999999999</v>
      </c>
      <c r="D3113">
        <v>189.68700000000001</v>
      </c>
      <c r="E3113">
        <v>7370.08</v>
      </c>
      <c r="F3113">
        <v>10800</v>
      </c>
      <c r="G3113">
        <v>18595.3</v>
      </c>
      <c r="H3113">
        <v>2.1574800000000001</v>
      </c>
      <c r="I3113">
        <v>21348</v>
      </c>
      <c r="J3113">
        <v>41.155500000000004</v>
      </c>
    </row>
    <row r="3114" spans="1:10" x14ac:dyDescent="0.25">
      <c r="A3114">
        <v>22</v>
      </c>
      <c r="B3114">
        <v>108.919</v>
      </c>
      <c r="C3114">
        <v>119.625</v>
      </c>
      <c r="D3114">
        <v>190</v>
      </c>
      <c r="E3114">
        <v>7710.24</v>
      </c>
      <c r="F3114">
        <v>10800</v>
      </c>
      <c r="G3114">
        <v>19955.900000000001</v>
      </c>
      <c r="H3114">
        <v>2.1574800000000001</v>
      </c>
      <c r="I3114">
        <v>21709.1</v>
      </c>
      <c r="J3114">
        <v>37.2164</v>
      </c>
    </row>
    <row r="3115" spans="1:10" x14ac:dyDescent="0.25">
      <c r="A3115">
        <v>22</v>
      </c>
      <c r="B3115">
        <v>109.628</v>
      </c>
      <c r="C3115">
        <v>119.625</v>
      </c>
      <c r="D3115">
        <v>189.06</v>
      </c>
      <c r="E3115">
        <v>7370.08</v>
      </c>
      <c r="F3115">
        <v>10800</v>
      </c>
      <c r="G3115">
        <v>19955.900000000001</v>
      </c>
      <c r="H3115">
        <v>1.73228</v>
      </c>
      <c r="I3115">
        <v>21933.4</v>
      </c>
      <c r="J3115">
        <v>35.094700000000003</v>
      </c>
    </row>
    <row r="3116" spans="1:10" x14ac:dyDescent="0.25">
      <c r="A3116">
        <v>22</v>
      </c>
      <c r="B3116">
        <v>108.919</v>
      </c>
      <c r="C3116">
        <v>119.625</v>
      </c>
      <c r="D3116">
        <v>189.68700000000001</v>
      </c>
      <c r="E3116">
        <v>7710.24</v>
      </c>
      <c r="F3116">
        <v>11055.1</v>
      </c>
      <c r="G3116">
        <v>18595.3</v>
      </c>
      <c r="H3116">
        <v>1.87402</v>
      </c>
      <c r="I3116">
        <v>22327.8</v>
      </c>
      <c r="J3116">
        <v>44.368699999999997</v>
      </c>
    </row>
    <row r="3117" spans="1:10" x14ac:dyDescent="0.25">
      <c r="A3117">
        <v>22</v>
      </c>
      <c r="B3117">
        <v>108.919</v>
      </c>
      <c r="C3117">
        <v>128.422</v>
      </c>
      <c r="D3117">
        <v>184.672</v>
      </c>
      <c r="E3117">
        <v>7370.08</v>
      </c>
      <c r="F3117">
        <v>10800</v>
      </c>
      <c r="G3117">
        <v>19955.900000000001</v>
      </c>
      <c r="H3117">
        <v>1.3070900000000001</v>
      </c>
      <c r="I3117">
        <v>23550.2</v>
      </c>
      <c r="J3117">
        <v>115.16800000000001</v>
      </c>
    </row>
    <row r="3118" spans="1:10" x14ac:dyDescent="0.25">
      <c r="A3118">
        <v>22</v>
      </c>
      <c r="B3118">
        <v>109.155</v>
      </c>
      <c r="C3118">
        <v>119.625</v>
      </c>
      <c r="D3118">
        <v>189.68700000000001</v>
      </c>
      <c r="E3118">
        <v>7455.12</v>
      </c>
      <c r="F3118">
        <v>10800</v>
      </c>
      <c r="G3118">
        <v>19955.900000000001</v>
      </c>
      <c r="H3118">
        <v>3.9527600000000001</v>
      </c>
      <c r="I3118">
        <v>20337</v>
      </c>
      <c r="J3118">
        <v>43.364699999999999</v>
      </c>
    </row>
    <row r="3119" spans="1:10" x14ac:dyDescent="0.25">
      <c r="A3119">
        <v>22</v>
      </c>
      <c r="B3119">
        <v>108.446</v>
      </c>
      <c r="C3119">
        <v>118.68300000000001</v>
      </c>
      <c r="D3119">
        <v>189.06</v>
      </c>
      <c r="E3119">
        <v>7710.24</v>
      </c>
      <c r="F3119">
        <v>10800</v>
      </c>
      <c r="G3119">
        <v>19955.900000000001</v>
      </c>
      <c r="H3119">
        <v>3.90551</v>
      </c>
      <c r="I3119">
        <v>20587.099999999999</v>
      </c>
      <c r="J3119">
        <v>47.333300000000001</v>
      </c>
    </row>
    <row r="3120" spans="1:10" x14ac:dyDescent="0.25">
      <c r="A3120">
        <v>22</v>
      </c>
      <c r="B3120">
        <v>108.919</v>
      </c>
      <c r="C3120">
        <v>124.96599999999999</v>
      </c>
      <c r="D3120">
        <v>188.74600000000001</v>
      </c>
      <c r="E3120">
        <v>7710.24</v>
      </c>
      <c r="F3120">
        <v>10800</v>
      </c>
      <c r="G3120">
        <v>19955.900000000001</v>
      </c>
      <c r="H3120">
        <v>2.1574800000000001</v>
      </c>
      <c r="I3120">
        <v>22788.9</v>
      </c>
      <c r="J3120">
        <v>43.418500000000002</v>
      </c>
    </row>
    <row r="3121" spans="1:10" x14ac:dyDescent="0.25">
      <c r="A3121">
        <v>22</v>
      </c>
      <c r="B3121">
        <v>110.1</v>
      </c>
      <c r="C3121">
        <v>123.395</v>
      </c>
      <c r="D3121">
        <v>189.06</v>
      </c>
      <c r="E3121">
        <v>7710.24</v>
      </c>
      <c r="F3121">
        <v>10800</v>
      </c>
      <c r="G3121">
        <v>19955.900000000001</v>
      </c>
      <c r="H3121">
        <v>2.4881899999999999</v>
      </c>
      <c r="I3121">
        <v>21367</v>
      </c>
      <c r="J3121">
        <v>21.648199999999999</v>
      </c>
    </row>
    <row r="3122" spans="1:10" x14ac:dyDescent="0.25">
      <c r="A3122">
        <v>22</v>
      </c>
      <c r="B3122">
        <v>106.557</v>
      </c>
      <c r="C3122">
        <v>119.625</v>
      </c>
      <c r="D3122">
        <v>189.06</v>
      </c>
      <c r="E3122">
        <v>7370.08</v>
      </c>
      <c r="F3122">
        <v>10800</v>
      </c>
      <c r="G3122">
        <v>19955.900000000001</v>
      </c>
      <c r="H3122">
        <v>3.5748000000000002</v>
      </c>
      <c r="I3122">
        <v>20455.099999999999</v>
      </c>
      <c r="J3122">
        <v>51.514499999999998</v>
      </c>
    </row>
    <row r="3123" spans="1:10" x14ac:dyDescent="0.25">
      <c r="A3123">
        <v>22</v>
      </c>
      <c r="B3123">
        <v>109.155</v>
      </c>
      <c r="C3123">
        <v>118.369</v>
      </c>
      <c r="D3123">
        <v>186.86600000000001</v>
      </c>
      <c r="E3123">
        <v>7710.24</v>
      </c>
      <c r="F3123">
        <v>10800</v>
      </c>
      <c r="G3123">
        <v>22677.200000000001</v>
      </c>
      <c r="H3123">
        <v>2.4409399999999999</v>
      </c>
      <c r="I3123">
        <v>21387</v>
      </c>
      <c r="J3123">
        <v>43.291400000000003</v>
      </c>
    </row>
    <row r="3124" spans="1:10" x14ac:dyDescent="0.25">
      <c r="A3124">
        <v>22</v>
      </c>
      <c r="B3124">
        <v>108.68300000000001</v>
      </c>
      <c r="C3124">
        <v>123.395</v>
      </c>
      <c r="D3124">
        <v>189.68700000000001</v>
      </c>
      <c r="E3124">
        <v>7370.08</v>
      </c>
      <c r="F3124">
        <v>10800</v>
      </c>
      <c r="G3124">
        <v>25398.400000000001</v>
      </c>
      <c r="H3124">
        <v>2.4409399999999999</v>
      </c>
      <c r="I3124">
        <v>21035</v>
      </c>
      <c r="J3124">
        <v>77.938000000000002</v>
      </c>
    </row>
    <row r="3125" spans="1:10" x14ac:dyDescent="0.25">
      <c r="A3125">
        <v>22</v>
      </c>
      <c r="B3125">
        <v>108.919</v>
      </c>
      <c r="C3125">
        <v>119.625</v>
      </c>
      <c r="D3125">
        <v>189.68700000000001</v>
      </c>
      <c r="E3125">
        <v>8390.5499999999993</v>
      </c>
      <c r="F3125">
        <v>10800</v>
      </c>
      <c r="G3125">
        <v>18425.2</v>
      </c>
      <c r="H3125">
        <v>2.6063000000000001</v>
      </c>
      <c r="I3125">
        <v>22018.9</v>
      </c>
      <c r="J3125">
        <v>47.2209</v>
      </c>
    </row>
    <row r="3126" spans="1:10" x14ac:dyDescent="0.25">
      <c r="A3126">
        <v>22</v>
      </c>
      <c r="B3126">
        <v>109.864</v>
      </c>
      <c r="C3126">
        <v>119.625</v>
      </c>
      <c r="D3126">
        <v>189.68700000000001</v>
      </c>
      <c r="E3126">
        <v>10091.299999999999</v>
      </c>
      <c r="F3126">
        <v>11055.1</v>
      </c>
      <c r="G3126">
        <v>19955.900000000001</v>
      </c>
      <c r="H3126">
        <v>2.4409399999999999</v>
      </c>
      <c r="I3126">
        <v>24251.1</v>
      </c>
      <c r="J3126">
        <v>45.425899999999999</v>
      </c>
    </row>
    <row r="3127" spans="1:10" x14ac:dyDescent="0.25">
      <c r="A3127">
        <v>22</v>
      </c>
      <c r="B3127">
        <v>108.446</v>
      </c>
      <c r="C3127">
        <v>119.625</v>
      </c>
      <c r="D3127">
        <v>189.37299999999999</v>
      </c>
      <c r="E3127">
        <v>7370.08</v>
      </c>
      <c r="F3127">
        <v>10800</v>
      </c>
      <c r="G3127">
        <v>18595.3</v>
      </c>
      <c r="H3127">
        <v>1.3070900000000001</v>
      </c>
      <c r="I3127">
        <v>22999.1</v>
      </c>
      <c r="J3127">
        <v>42.454599999999999</v>
      </c>
    </row>
    <row r="3128" spans="1:10" x14ac:dyDescent="0.25">
      <c r="A3128">
        <v>22</v>
      </c>
      <c r="B3128">
        <v>108.919</v>
      </c>
      <c r="C3128">
        <v>113.342</v>
      </c>
      <c r="D3128">
        <v>187.18</v>
      </c>
      <c r="E3128">
        <v>10431.5</v>
      </c>
      <c r="F3128">
        <v>10800</v>
      </c>
      <c r="G3128">
        <v>18595.3</v>
      </c>
      <c r="H3128">
        <v>1.4960599999999999</v>
      </c>
      <c r="I3128">
        <v>25431.7</v>
      </c>
      <c r="J3128">
        <v>29.230899999999998</v>
      </c>
    </row>
    <row r="3129" spans="1:10" x14ac:dyDescent="0.25">
      <c r="A3129">
        <v>22</v>
      </c>
      <c r="B3129">
        <v>108.919</v>
      </c>
      <c r="C3129">
        <v>119.93899999999999</v>
      </c>
      <c r="D3129">
        <v>190</v>
      </c>
      <c r="E3129">
        <v>7370.08</v>
      </c>
      <c r="F3129">
        <v>10800</v>
      </c>
      <c r="G3129">
        <v>22507.1</v>
      </c>
      <c r="H3129">
        <v>3.7637800000000001</v>
      </c>
      <c r="I3129">
        <v>20251.099999999999</v>
      </c>
      <c r="J3129">
        <v>41.024099999999997</v>
      </c>
    </row>
    <row r="3130" spans="1:10" x14ac:dyDescent="0.25">
      <c r="A3130">
        <v>22</v>
      </c>
      <c r="B3130">
        <v>108.446</v>
      </c>
      <c r="C3130">
        <v>117.74</v>
      </c>
      <c r="D3130">
        <v>189.68700000000001</v>
      </c>
      <c r="E3130">
        <v>7370.08</v>
      </c>
      <c r="F3130">
        <v>10800</v>
      </c>
      <c r="G3130">
        <v>22507.1</v>
      </c>
      <c r="H3130">
        <v>3.3385799999999999</v>
      </c>
      <c r="I3130">
        <v>20549.5</v>
      </c>
      <c r="J3130">
        <v>52.298499999999997</v>
      </c>
    </row>
    <row r="3131" spans="1:10" x14ac:dyDescent="0.25">
      <c r="A3131">
        <v>22</v>
      </c>
      <c r="B3131">
        <v>109.39100000000001</v>
      </c>
      <c r="C3131">
        <v>123.395</v>
      </c>
      <c r="D3131">
        <v>189.37299999999999</v>
      </c>
      <c r="E3131">
        <v>7370.08</v>
      </c>
      <c r="F3131">
        <v>10800</v>
      </c>
      <c r="G3131">
        <v>19955.900000000001</v>
      </c>
      <c r="H3131">
        <v>3.8582700000000001</v>
      </c>
      <c r="I3131">
        <v>20228</v>
      </c>
      <c r="J3131">
        <v>50.585700000000003</v>
      </c>
    </row>
    <row r="3132" spans="1:10" x14ac:dyDescent="0.25">
      <c r="A3132">
        <v>22</v>
      </c>
      <c r="B3132">
        <v>108.446</v>
      </c>
      <c r="C3132">
        <v>119.625</v>
      </c>
      <c r="D3132">
        <v>189.68700000000001</v>
      </c>
      <c r="E3132">
        <v>7370.08</v>
      </c>
      <c r="F3132">
        <v>21004.7</v>
      </c>
      <c r="G3132">
        <v>18595.3</v>
      </c>
      <c r="H3132">
        <v>2.5354299999999999</v>
      </c>
      <c r="I3132">
        <v>32589.3</v>
      </c>
      <c r="J3132">
        <v>61.115699999999997</v>
      </c>
    </row>
    <row r="3133" spans="1:10" x14ac:dyDescent="0.25">
      <c r="A3133">
        <v>22</v>
      </c>
      <c r="B3133">
        <v>108.919</v>
      </c>
      <c r="C3133">
        <v>119.625</v>
      </c>
      <c r="D3133">
        <v>190</v>
      </c>
      <c r="E3133">
        <v>10091.299999999999</v>
      </c>
      <c r="F3133">
        <v>10800</v>
      </c>
      <c r="G3133">
        <v>22677.200000000001</v>
      </c>
      <c r="H3133">
        <v>2.6299199999999998</v>
      </c>
      <c r="I3133">
        <v>23766.9</v>
      </c>
      <c r="J3133">
        <v>25.697299999999998</v>
      </c>
    </row>
    <row r="3134" spans="1:10" x14ac:dyDescent="0.25">
      <c r="A3134">
        <v>22</v>
      </c>
      <c r="B3134">
        <v>110.1</v>
      </c>
      <c r="C3134">
        <v>128.422</v>
      </c>
      <c r="D3134">
        <v>189.06</v>
      </c>
      <c r="E3134">
        <v>7370.08</v>
      </c>
      <c r="F3134">
        <v>10800</v>
      </c>
      <c r="G3134">
        <v>19955.900000000001</v>
      </c>
      <c r="H3134">
        <v>3.19685</v>
      </c>
      <c r="I3134">
        <v>20715.400000000001</v>
      </c>
      <c r="J3134">
        <v>113.871</v>
      </c>
    </row>
    <row r="3135" spans="1:10" x14ac:dyDescent="0.25">
      <c r="A3135">
        <v>22</v>
      </c>
      <c r="B3135">
        <v>109.155</v>
      </c>
      <c r="C3135">
        <v>119.93899999999999</v>
      </c>
      <c r="D3135">
        <v>189.68700000000001</v>
      </c>
      <c r="E3135">
        <v>7370.08</v>
      </c>
      <c r="F3135">
        <v>10800</v>
      </c>
      <c r="G3135">
        <v>19955.900000000001</v>
      </c>
      <c r="H3135">
        <v>3.55118</v>
      </c>
      <c r="I3135">
        <v>20343.8</v>
      </c>
      <c r="J3135">
        <v>38.982700000000001</v>
      </c>
    </row>
    <row r="3136" spans="1:10" x14ac:dyDescent="0.25">
      <c r="A3136">
        <v>22</v>
      </c>
      <c r="B3136">
        <v>109.39100000000001</v>
      </c>
      <c r="C3136">
        <v>124.652</v>
      </c>
      <c r="D3136">
        <v>189.37299999999999</v>
      </c>
      <c r="E3136">
        <v>7370.08</v>
      </c>
      <c r="F3136">
        <v>10800</v>
      </c>
      <c r="G3136">
        <v>18595.3</v>
      </c>
      <c r="H3136">
        <v>3.9527600000000001</v>
      </c>
      <c r="I3136">
        <v>20129.400000000001</v>
      </c>
      <c r="J3136">
        <v>53.995899999999999</v>
      </c>
    </row>
    <row r="3137" spans="1:10" x14ac:dyDescent="0.25">
      <c r="A3137">
        <v>22</v>
      </c>
      <c r="B3137">
        <v>109.39100000000001</v>
      </c>
      <c r="C3137">
        <v>119.625</v>
      </c>
      <c r="D3137">
        <v>189.06</v>
      </c>
      <c r="E3137">
        <v>7370.08</v>
      </c>
      <c r="F3137">
        <v>10800</v>
      </c>
      <c r="G3137">
        <v>22507.1</v>
      </c>
      <c r="H3137">
        <v>3.7637800000000001</v>
      </c>
      <c r="I3137">
        <v>20290.8</v>
      </c>
      <c r="J3137">
        <v>41.158900000000003</v>
      </c>
    </row>
    <row r="3138" spans="1:10" x14ac:dyDescent="0.25">
      <c r="A3138">
        <v>22</v>
      </c>
      <c r="B3138">
        <v>109.628</v>
      </c>
      <c r="C3138">
        <v>113.342</v>
      </c>
      <c r="D3138">
        <v>189.06</v>
      </c>
      <c r="E3138">
        <v>7370.08</v>
      </c>
      <c r="F3138">
        <v>10800</v>
      </c>
      <c r="G3138">
        <v>18595.3</v>
      </c>
      <c r="H3138">
        <v>3.10236</v>
      </c>
      <c r="I3138">
        <v>20737.099999999999</v>
      </c>
      <c r="J3138">
        <v>72.485799999999998</v>
      </c>
    </row>
    <row r="3139" spans="1:10" x14ac:dyDescent="0.25">
      <c r="A3139">
        <v>22</v>
      </c>
      <c r="B3139">
        <v>109.155</v>
      </c>
      <c r="C3139">
        <v>123.395</v>
      </c>
      <c r="D3139">
        <v>189.06</v>
      </c>
      <c r="E3139">
        <v>7370.08</v>
      </c>
      <c r="F3139">
        <v>10800</v>
      </c>
      <c r="G3139">
        <v>19955.900000000001</v>
      </c>
      <c r="H3139">
        <v>2.34646</v>
      </c>
      <c r="I3139">
        <v>22011.599999999999</v>
      </c>
      <c r="J3139">
        <v>29.802499999999998</v>
      </c>
    </row>
    <row r="3140" spans="1:10" x14ac:dyDescent="0.25">
      <c r="A3140">
        <v>22</v>
      </c>
      <c r="B3140">
        <v>109.628</v>
      </c>
      <c r="C3140">
        <v>124.652</v>
      </c>
      <c r="D3140">
        <v>190</v>
      </c>
      <c r="E3140">
        <v>7370.08</v>
      </c>
      <c r="F3140">
        <v>10800</v>
      </c>
      <c r="G3140">
        <v>18595.3</v>
      </c>
      <c r="H3140">
        <v>2.4881899999999999</v>
      </c>
      <c r="I3140">
        <v>21669</v>
      </c>
      <c r="J3140">
        <v>105.982</v>
      </c>
    </row>
    <row r="3141" spans="1:10" x14ac:dyDescent="0.25">
      <c r="A3141">
        <v>22</v>
      </c>
      <c r="B3141">
        <v>108.919</v>
      </c>
      <c r="C3141">
        <v>118.369</v>
      </c>
      <c r="D3141">
        <v>189.68700000000001</v>
      </c>
      <c r="E3141">
        <v>7370.08</v>
      </c>
      <c r="F3141">
        <v>10800</v>
      </c>
      <c r="G3141">
        <v>19955.900000000001</v>
      </c>
      <c r="H3141">
        <v>2.34646</v>
      </c>
      <c r="I3141">
        <v>21316.1</v>
      </c>
      <c r="J3141">
        <v>34.260599999999997</v>
      </c>
    </row>
    <row r="3142" spans="1:10" x14ac:dyDescent="0.25">
      <c r="A3142">
        <v>22</v>
      </c>
      <c r="B3142">
        <v>108.68300000000001</v>
      </c>
      <c r="C3142">
        <v>113.342</v>
      </c>
      <c r="D3142">
        <v>189.68700000000001</v>
      </c>
      <c r="E3142">
        <v>10431.5</v>
      </c>
      <c r="F3142">
        <v>10800</v>
      </c>
      <c r="G3142">
        <v>18595.3</v>
      </c>
      <c r="H3142">
        <v>2.8189000000000002</v>
      </c>
      <c r="I3142">
        <v>23835.200000000001</v>
      </c>
      <c r="J3142">
        <v>39.998399999999997</v>
      </c>
    </row>
    <row r="3143" spans="1:10" x14ac:dyDescent="0.25">
      <c r="A3143">
        <v>22</v>
      </c>
      <c r="B3143">
        <v>108.919</v>
      </c>
      <c r="C3143">
        <v>129.679</v>
      </c>
      <c r="D3143">
        <v>189.68700000000001</v>
      </c>
      <c r="E3143">
        <v>7710.24</v>
      </c>
      <c r="F3143">
        <v>10800</v>
      </c>
      <c r="G3143">
        <v>18595.3</v>
      </c>
      <c r="H3143">
        <v>1.35433</v>
      </c>
      <c r="I3143">
        <v>23998.2</v>
      </c>
      <c r="J3143">
        <v>32.284700000000001</v>
      </c>
    </row>
    <row r="3144" spans="1:10" x14ac:dyDescent="0.25">
      <c r="A3144">
        <v>22</v>
      </c>
      <c r="B3144">
        <v>110.1</v>
      </c>
      <c r="C3144">
        <v>123.395</v>
      </c>
      <c r="D3144">
        <v>189.06</v>
      </c>
      <c r="E3144">
        <v>7370.08</v>
      </c>
      <c r="F3144">
        <v>10800</v>
      </c>
      <c r="G3144">
        <v>18595.3</v>
      </c>
      <c r="H3144">
        <v>2.4409399999999999</v>
      </c>
      <c r="I3144">
        <v>21085.7</v>
      </c>
      <c r="J3144">
        <v>26.915199999999999</v>
      </c>
    </row>
    <row r="3145" spans="1:10" x14ac:dyDescent="0.25">
      <c r="A3145">
        <v>22</v>
      </c>
      <c r="B3145">
        <v>110.1</v>
      </c>
      <c r="C3145">
        <v>123.395</v>
      </c>
      <c r="D3145">
        <v>189.68700000000001</v>
      </c>
      <c r="E3145">
        <v>7370.08</v>
      </c>
      <c r="F3145">
        <v>10800</v>
      </c>
      <c r="G3145">
        <v>18595.3</v>
      </c>
      <c r="H3145">
        <v>3.10236</v>
      </c>
      <c r="I3145">
        <v>21051.4</v>
      </c>
      <c r="J3145">
        <v>24.819800000000001</v>
      </c>
    </row>
    <row r="3146" spans="1:10" x14ac:dyDescent="0.25">
      <c r="A3146">
        <v>22</v>
      </c>
      <c r="B3146">
        <v>108.919</v>
      </c>
      <c r="C3146">
        <v>114.28400000000001</v>
      </c>
      <c r="D3146">
        <v>189.68700000000001</v>
      </c>
      <c r="E3146">
        <v>10431.5</v>
      </c>
      <c r="F3146">
        <v>10800</v>
      </c>
      <c r="G3146">
        <v>19955.900000000001</v>
      </c>
      <c r="H3146">
        <v>2.25197</v>
      </c>
      <c r="I3146">
        <v>24267.8</v>
      </c>
      <c r="J3146">
        <v>30.305900000000001</v>
      </c>
    </row>
    <row r="3147" spans="1:10" x14ac:dyDescent="0.25">
      <c r="A3147">
        <v>22</v>
      </c>
      <c r="B3147">
        <v>109.864</v>
      </c>
      <c r="C3147">
        <v>123.395</v>
      </c>
      <c r="D3147">
        <v>189.06</v>
      </c>
      <c r="E3147">
        <v>7370.08</v>
      </c>
      <c r="F3147">
        <v>10800</v>
      </c>
      <c r="G3147">
        <v>18595.3</v>
      </c>
      <c r="H3147">
        <v>2.4409399999999999</v>
      </c>
      <c r="I3147">
        <v>21081.1</v>
      </c>
      <c r="J3147">
        <v>26.512899999999998</v>
      </c>
    </row>
    <row r="3148" spans="1:10" x14ac:dyDescent="0.25">
      <c r="A3148">
        <v>22</v>
      </c>
      <c r="B3148">
        <v>108.919</v>
      </c>
      <c r="C3148">
        <v>119.625</v>
      </c>
      <c r="D3148">
        <v>189.68700000000001</v>
      </c>
      <c r="E3148">
        <v>7455.12</v>
      </c>
      <c r="F3148">
        <v>10800</v>
      </c>
      <c r="G3148">
        <v>19955.900000000001</v>
      </c>
      <c r="H3148">
        <v>1.7795300000000001</v>
      </c>
      <c r="I3148">
        <v>21890</v>
      </c>
      <c r="J3148">
        <v>35.610799999999998</v>
      </c>
    </row>
    <row r="3149" spans="1:10" x14ac:dyDescent="0.25">
      <c r="A3149">
        <v>22</v>
      </c>
      <c r="B3149">
        <v>108.919</v>
      </c>
      <c r="C3149">
        <v>119.625</v>
      </c>
      <c r="D3149">
        <v>190</v>
      </c>
      <c r="E3149">
        <v>10431.5</v>
      </c>
      <c r="F3149">
        <v>10800</v>
      </c>
      <c r="G3149">
        <v>19955.900000000001</v>
      </c>
      <c r="H3149">
        <v>1.7795300000000001</v>
      </c>
      <c r="I3149">
        <v>24777.5</v>
      </c>
      <c r="J3149">
        <v>20.3733</v>
      </c>
    </row>
    <row r="3150" spans="1:10" x14ac:dyDescent="0.25">
      <c r="A3150">
        <v>22</v>
      </c>
      <c r="B3150">
        <v>109.39100000000001</v>
      </c>
      <c r="C3150">
        <v>123.395</v>
      </c>
      <c r="D3150">
        <v>189.68700000000001</v>
      </c>
      <c r="E3150">
        <v>10431.5</v>
      </c>
      <c r="F3150">
        <v>10800</v>
      </c>
      <c r="G3150">
        <v>18595.3</v>
      </c>
      <c r="H3150">
        <v>1.2125999999999999</v>
      </c>
      <c r="I3150">
        <v>28759.8</v>
      </c>
      <c r="J3150">
        <v>37.234499999999997</v>
      </c>
    </row>
    <row r="3151" spans="1:10" x14ac:dyDescent="0.25">
      <c r="A3151">
        <v>22</v>
      </c>
      <c r="B3151">
        <v>109.864</v>
      </c>
      <c r="C3151">
        <v>113.65600000000001</v>
      </c>
      <c r="D3151">
        <v>189.06</v>
      </c>
      <c r="E3151">
        <v>7710.24</v>
      </c>
      <c r="F3151">
        <v>10800</v>
      </c>
      <c r="G3151">
        <v>18595.3</v>
      </c>
      <c r="H3151">
        <v>3.9527600000000001</v>
      </c>
      <c r="I3151">
        <v>20712.5</v>
      </c>
      <c r="J3151">
        <v>66.000699999999995</v>
      </c>
    </row>
    <row r="3152" spans="1:10" x14ac:dyDescent="0.25">
      <c r="A3152">
        <v>22</v>
      </c>
      <c r="B3152">
        <v>108.446</v>
      </c>
      <c r="C3152">
        <v>113.342</v>
      </c>
      <c r="D3152">
        <v>190</v>
      </c>
      <c r="E3152">
        <v>10431.5</v>
      </c>
      <c r="F3152">
        <v>10800</v>
      </c>
      <c r="G3152">
        <v>18595.3</v>
      </c>
      <c r="H3152">
        <v>2.4173200000000001</v>
      </c>
      <c r="I3152">
        <v>24146.3</v>
      </c>
      <c r="J3152">
        <v>38.678199999999997</v>
      </c>
    </row>
    <row r="3153" spans="1:10" x14ac:dyDescent="0.25">
      <c r="A3153">
        <v>22</v>
      </c>
      <c r="B3153">
        <v>109.39100000000001</v>
      </c>
      <c r="C3153">
        <v>124.652</v>
      </c>
      <c r="D3153">
        <v>184.98599999999999</v>
      </c>
      <c r="E3153">
        <v>7710.24</v>
      </c>
      <c r="F3153">
        <v>10800</v>
      </c>
      <c r="G3153">
        <v>18595.3</v>
      </c>
      <c r="H3153">
        <v>2.8189000000000002</v>
      </c>
      <c r="I3153">
        <v>21775.8</v>
      </c>
      <c r="J3153">
        <v>108.84699999999999</v>
      </c>
    </row>
    <row r="3154" spans="1:10" x14ac:dyDescent="0.25">
      <c r="A3154">
        <v>22</v>
      </c>
      <c r="B3154">
        <v>109.864</v>
      </c>
      <c r="C3154">
        <v>113.342</v>
      </c>
      <c r="D3154">
        <v>189.68700000000001</v>
      </c>
      <c r="E3154">
        <v>10431.5</v>
      </c>
      <c r="F3154">
        <v>10800</v>
      </c>
      <c r="G3154">
        <v>18595.3</v>
      </c>
      <c r="H3154">
        <v>2.9133900000000001</v>
      </c>
      <c r="I3154">
        <v>23877.9</v>
      </c>
      <c r="J3154">
        <v>39.165799999999997</v>
      </c>
    </row>
    <row r="3155" spans="1:10" x14ac:dyDescent="0.25">
      <c r="A3155">
        <v>22</v>
      </c>
      <c r="B3155">
        <v>107.265</v>
      </c>
      <c r="C3155">
        <v>124.652</v>
      </c>
      <c r="D3155">
        <v>189.68700000000001</v>
      </c>
      <c r="E3155">
        <v>7370.08</v>
      </c>
      <c r="F3155">
        <v>10800</v>
      </c>
      <c r="G3155">
        <v>9070.8700000000008</v>
      </c>
      <c r="H3155">
        <v>2.4409399999999999</v>
      </c>
      <c r="I3155">
        <v>21586.799999999999</v>
      </c>
      <c r="J3155">
        <v>103.46</v>
      </c>
    </row>
    <row r="3156" spans="1:10" x14ac:dyDescent="0.25">
      <c r="A3156">
        <v>22</v>
      </c>
      <c r="B3156">
        <v>110.1</v>
      </c>
      <c r="C3156">
        <v>113.342</v>
      </c>
      <c r="D3156">
        <v>189.06</v>
      </c>
      <c r="E3156">
        <v>7370.08</v>
      </c>
      <c r="F3156">
        <v>10800</v>
      </c>
      <c r="G3156">
        <v>19955.900000000001</v>
      </c>
      <c r="H3156">
        <v>2.4645700000000001</v>
      </c>
      <c r="I3156">
        <v>21120.1</v>
      </c>
      <c r="J3156">
        <v>64.666399999999996</v>
      </c>
    </row>
    <row r="3157" spans="1:10" x14ac:dyDescent="0.25">
      <c r="A3157">
        <v>22</v>
      </c>
      <c r="B3157">
        <v>110.1</v>
      </c>
      <c r="C3157">
        <v>119.625</v>
      </c>
      <c r="D3157">
        <v>189.68700000000001</v>
      </c>
      <c r="E3157">
        <v>7370.08</v>
      </c>
      <c r="F3157">
        <v>10800</v>
      </c>
      <c r="G3157">
        <v>18595.3</v>
      </c>
      <c r="H3157">
        <v>3.8582700000000001</v>
      </c>
      <c r="I3157">
        <v>20311.3</v>
      </c>
      <c r="J3157">
        <v>56.765300000000003</v>
      </c>
    </row>
    <row r="3158" spans="1:10" x14ac:dyDescent="0.25">
      <c r="A3158">
        <v>22</v>
      </c>
      <c r="B3158">
        <v>109.628</v>
      </c>
      <c r="C3158">
        <v>124.652</v>
      </c>
      <c r="D3158">
        <v>189.06</v>
      </c>
      <c r="E3158">
        <v>7370.08</v>
      </c>
      <c r="F3158">
        <v>10800</v>
      </c>
      <c r="G3158">
        <v>19955.900000000001</v>
      </c>
      <c r="H3158">
        <v>4</v>
      </c>
      <c r="I3158">
        <v>20743</v>
      </c>
      <c r="J3158">
        <v>95.01</v>
      </c>
    </row>
    <row r="3159" spans="1:10" x14ac:dyDescent="0.25">
      <c r="A3159">
        <v>22</v>
      </c>
      <c r="B3159">
        <v>108.446</v>
      </c>
      <c r="C3159">
        <v>119.625</v>
      </c>
      <c r="D3159">
        <v>189.37299999999999</v>
      </c>
      <c r="E3159">
        <v>10431.5</v>
      </c>
      <c r="F3159">
        <v>10800</v>
      </c>
      <c r="G3159">
        <v>19955.900000000001</v>
      </c>
      <c r="H3159">
        <v>3.2440899999999999</v>
      </c>
      <c r="I3159">
        <v>23556.7</v>
      </c>
      <c r="J3159">
        <v>59.7941</v>
      </c>
    </row>
    <row r="3160" spans="1:10" x14ac:dyDescent="0.25">
      <c r="A3160">
        <v>22</v>
      </c>
      <c r="B3160">
        <v>109.864</v>
      </c>
      <c r="C3160">
        <v>115.855</v>
      </c>
      <c r="D3160">
        <v>189.68700000000001</v>
      </c>
      <c r="E3160">
        <v>10091.299999999999</v>
      </c>
      <c r="F3160">
        <v>10800</v>
      </c>
      <c r="G3160">
        <v>19955.900000000001</v>
      </c>
      <c r="H3160">
        <v>3.1732300000000002</v>
      </c>
      <c r="I3160">
        <v>23447.1</v>
      </c>
      <c r="J3160">
        <v>38.664400000000001</v>
      </c>
    </row>
    <row r="3161" spans="1:10" x14ac:dyDescent="0.25">
      <c r="A3161">
        <v>22</v>
      </c>
      <c r="B3161">
        <v>109.628</v>
      </c>
      <c r="C3161">
        <v>128.422</v>
      </c>
      <c r="D3161">
        <v>189.68700000000001</v>
      </c>
      <c r="E3161">
        <v>10091.299999999999</v>
      </c>
      <c r="F3161">
        <v>10800</v>
      </c>
      <c r="G3161">
        <v>19955.900000000001</v>
      </c>
      <c r="H3161">
        <v>2.70079</v>
      </c>
      <c r="I3161">
        <v>23831.599999999999</v>
      </c>
      <c r="J3161">
        <v>118.425</v>
      </c>
    </row>
    <row r="3162" spans="1:10" x14ac:dyDescent="0.25">
      <c r="A3162">
        <v>22</v>
      </c>
      <c r="B3162">
        <v>109.155</v>
      </c>
      <c r="C3162">
        <v>119.625</v>
      </c>
      <c r="D3162">
        <v>189.06</v>
      </c>
      <c r="E3162">
        <v>7455.12</v>
      </c>
      <c r="F3162">
        <v>10800</v>
      </c>
      <c r="G3162">
        <v>19955.900000000001</v>
      </c>
      <c r="H3162">
        <v>4</v>
      </c>
      <c r="I3162">
        <v>20322.599999999999</v>
      </c>
      <c r="J3162">
        <v>43.713200000000001</v>
      </c>
    </row>
    <row r="3163" spans="1:10" x14ac:dyDescent="0.25">
      <c r="A3163">
        <v>22</v>
      </c>
      <c r="B3163">
        <v>108.919</v>
      </c>
      <c r="C3163">
        <v>124.652</v>
      </c>
      <c r="D3163">
        <v>189.68700000000001</v>
      </c>
      <c r="E3163">
        <v>7710.24</v>
      </c>
      <c r="F3163">
        <v>10800</v>
      </c>
      <c r="G3163">
        <v>19955.900000000001</v>
      </c>
      <c r="H3163">
        <v>2.4409399999999999</v>
      </c>
      <c r="I3163">
        <v>22199.8</v>
      </c>
      <c r="J3163">
        <v>24.431899999999999</v>
      </c>
    </row>
    <row r="3164" spans="1:10" x14ac:dyDescent="0.25">
      <c r="A3164">
        <v>22</v>
      </c>
      <c r="B3164">
        <v>108.446</v>
      </c>
      <c r="C3164">
        <v>124.96599999999999</v>
      </c>
      <c r="D3164">
        <v>189.06</v>
      </c>
      <c r="E3164">
        <v>7455.12</v>
      </c>
      <c r="F3164">
        <v>10800</v>
      </c>
      <c r="G3164">
        <v>19955.900000000001</v>
      </c>
      <c r="H3164">
        <v>2.2283499999999998</v>
      </c>
      <c r="I3164">
        <v>21937.1</v>
      </c>
      <c r="J3164">
        <v>102.488</v>
      </c>
    </row>
    <row r="3165" spans="1:10" x14ac:dyDescent="0.25">
      <c r="A3165">
        <v>22</v>
      </c>
      <c r="B3165">
        <v>110.1</v>
      </c>
      <c r="C3165">
        <v>123.395</v>
      </c>
      <c r="D3165">
        <v>189.06</v>
      </c>
      <c r="E3165">
        <v>7710.24</v>
      </c>
      <c r="F3165">
        <v>10800</v>
      </c>
      <c r="G3165">
        <v>18595.3</v>
      </c>
      <c r="H3165">
        <v>2.4881899999999999</v>
      </c>
      <c r="I3165">
        <v>21367</v>
      </c>
      <c r="J3165">
        <v>21.648199999999999</v>
      </c>
    </row>
    <row r="3166" spans="1:10" x14ac:dyDescent="0.25">
      <c r="A3166">
        <v>22</v>
      </c>
      <c r="B3166">
        <v>109.39100000000001</v>
      </c>
      <c r="C3166">
        <v>117.74</v>
      </c>
      <c r="D3166">
        <v>189.68700000000001</v>
      </c>
      <c r="E3166">
        <v>10091.299999999999</v>
      </c>
      <c r="F3166">
        <v>10800</v>
      </c>
      <c r="G3166">
        <v>19785.8</v>
      </c>
      <c r="H3166">
        <v>3.6692900000000002</v>
      </c>
      <c r="I3166">
        <v>23219</v>
      </c>
      <c r="J3166">
        <v>35.0961</v>
      </c>
    </row>
    <row r="3167" spans="1:10" x14ac:dyDescent="0.25">
      <c r="A3167">
        <v>22</v>
      </c>
      <c r="B3167">
        <v>108.446</v>
      </c>
      <c r="C3167">
        <v>119.625</v>
      </c>
      <c r="D3167">
        <v>190</v>
      </c>
      <c r="E3167">
        <v>10431.5</v>
      </c>
      <c r="F3167">
        <v>10800</v>
      </c>
      <c r="G3167">
        <v>22507.1</v>
      </c>
      <c r="H3167">
        <v>2.8189000000000002</v>
      </c>
      <c r="I3167">
        <v>23846.5</v>
      </c>
      <c r="J3167">
        <v>43.973500000000001</v>
      </c>
    </row>
    <row r="3168" spans="1:10" x14ac:dyDescent="0.25">
      <c r="A3168">
        <v>22</v>
      </c>
      <c r="B3168">
        <v>109.155</v>
      </c>
      <c r="C3168">
        <v>124.96599999999999</v>
      </c>
      <c r="D3168">
        <v>189.68700000000001</v>
      </c>
      <c r="E3168">
        <v>7710.24</v>
      </c>
      <c r="F3168">
        <v>10800</v>
      </c>
      <c r="G3168">
        <v>19955.900000000001</v>
      </c>
      <c r="H3168">
        <v>2.4881899999999999</v>
      </c>
      <c r="I3168">
        <v>21364.7</v>
      </c>
      <c r="J3168">
        <v>21.589400000000001</v>
      </c>
    </row>
    <row r="3169" spans="1:10" x14ac:dyDescent="0.25">
      <c r="A3169">
        <v>22</v>
      </c>
      <c r="B3169">
        <v>109.155</v>
      </c>
      <c r="C3169">
        <v>118.369</v>
      </c>
      <c r="D3169">
        <v>186.553</v>
      </c>
      <c r="E3169">
        <v>7370.08</v>
      </c>
      <c r="F3169">
        <v>10800</v>
      </c>
      <c r="G3169">
        <v>19955.900000000001</v>
      </c>
      <c r="H3169">
        <v>3.7637800000000001</v>
      </c>
      <c r="I3169">
        <v>20335.3</v>
      </c>
      <c r="J3169">
        <v>49.498699999999999</v>
      </c>
    </row>
    <row r="3170" spans="1:10" x14ac:dyDescent="0.25">
      <c r="A3170">
        <v>22</v>
      </c>
      <c r="B3170">
        <v>107.502</v>
      </c>
      <c r="C3170">
        <v>128.422</v>
      </c>
      <c r="D3170">
        <v>189.68700000000001</v>
      </c>
      <c r="E3170">
        <v>7370.08</v>
      </c>
      <c r="F3170">
        <v>10800</v>
      </c>
      <c r="G3170">
        <v>14513.4</v>
      </c>
      <c r="H3170">
        <v>3.8582700000000001</v>
      </c>
      <c r="I3170">
        <v>20513.8</v>
      </c>
      <c r="J3170">
        <v>118.56</v>
      </c>
    </row>
    <row r="3171" spans="1:10" x14ac:dyDescent="0.25">
      <c r="A3171">
        <v>22</v>
      </c>
      <c r="B3171">
        <v>109.864</v>
      </c>
      <c r="C3171">
        <v>124.96599999999999</v>
      </c>
      <c r="D3171">
        <v>190</v>
      </c>
      <c r="E3171">
        <v>10091.299999999999</v>
      </c>
      <c r="F3171">
        <v>11055.1</v>
      </c>
      <c r="G3171">
        <v>18595.3</v>
      </c>
      <c r="H3171">
        <v>1.40157</v>
      </c>
      <c r="I3171">
        <v>26710.2</v>
      </c>
      <c r="J3171">
        <v>19.585599999999999</v>
      </c>
    </row>
    <row r="3172" spans="1:10" x14ac:dyDescent="0.25">
      <c r="A3172">
        <v>22</v>
      </c>
      <c r="B3172">
        <v>108.446</v>
      </c>
      <c r="C3172">
        <v>119.625</v>
      </c>
      <c r="D3172">
        <v>189.68700000000001</v>
      </c>
      <c r="E3172">
        <v>7370.08</v>
      </c>
      <c r="F3172">
        <v>10800</v>
      </c>
      <c r="G3172">
        <v>10431.5</v>
      </c>
      <c r="H3172">
        <v>3.55118</v>
      </c>
      <c r="I3172">
        <v>20342.7</v>
      </c>
      <c r="J3172">
        <v>48.268700000000003</v>
      </c>
    </row>
    <row r="3173" spans="1:10" x14ac:dyDescent="0.25">
      <c r="A3173">
        <v>22</v>
      </c>
      <c r="B3173">
        <v>110.1</v>
      </c>
      <c r="C3173">
        <v>129.99299999999999</v>
      </c>
      <c r="D3173">
        <v>189.68700000000001</v>
      </c>
      <c r="E3173">
        <v>7370.08</v>
      </c>
      <c r="F3173">
        <v>10800</v>
      </c>
      <c r="G3173">
        <v>19955.900000000001</v>
      </c>
      <c r="H3173">
        <v>3.5748000000000002</v>
      </c>
      <c r="I3173">
        <v>20758.7</v>
      </c>
      <c r="J3173">
        <v>117.521</v>
      </c>
    </row>
    <row r="3174" spans="1:10" x14ac:dyDescent="0.25">
      <c r="A3174">
        <v>22</v>
      </c>
      <c r="B3174">
        <v>109.864</v>
      </c>
      <c r="C3174">
        <v>118.369</v>
      </c>
      <c r="D3174">
        <v>190</v>
      </c>
      <c r="E3174">
        <v>7370.08</v>
      </c>
      <c r="F3174">
        <v>10800</v>
      </c>
      <c r="G3174">
        <v>22677.200000000001</v>
      </c>
      <c r="H3174">
        <v>1.4960599999999999</v>
      </c>
      <c r="I3174">
        <v>22682.7</v>
      </c>
      <c r="J3174">
        <v>40.270800000000001</v>
      </c>
    </row>
    <row r="3175" spans="1:10" x14ac:dyDescent="0.25">
      <c r="A3175">
        <v>22</v>
      </c>
      <c r="B3175">
        <v>109.864</v>
      </c>
      <c r="C3175">
        <v>114.598</v>
      </c>
      <c r="D3175">
        <v>189.68700000000001</v>
      </c>
      <c r="E3175">
        <v>7370.08</v>
      </c>
      <c r="F3175">
        <v>10800</v>
      </c>
      <c r="G3175">
        <v>19785.8</v>
      </c>
      <c r="H3175">
        <v>2.34646</v>
      </c>
      <c r="I3175">
        <v>21298.7</v>
      </c>
      <c r="J3175">
        <v>46.208300000000001</v>
      </c>
    </row>
    <row r="3176" spans="1:10" x14ac:dyDescent="0.25">
      <c r="A3176">
        <v>22</v>
      </c>
      <c r="B3176">
        <v>110.1</v>
      </c>
      <c r="C3176">
        <v>123.395</v>
      </c>
      <c r="D3176">
        <v>189.68700000000001</v>
      </c>
      <c r="E3176">
        <v>7370.08</v>
      </c>
      <c r="F3176">
        <v>10800</v>
      </c>
      <c r="G3176">
        <v>18595.3</v>
      </c>
      <c r="H3176">
        <v>3.10236</v>
      </c>
      <c r="I3176">
        <v>21051.4</v>
      </c>
      <c r="J3176">
        <v>24.819800000000001</v>
      </c>
    </row>
    <row r="3177" spans="1:10" x14ac:dyDescent="0.25">
      <c r="A3177">
        <v>22</v>
      </c>
      <c r="B3177">
        <v>108.446</v>
      </c>
      <c r="C3177">
        <v>128.422</v>
      </c>
      <c r="D3177">
        <v>189.68700000000001</v>
      </c>
      <c r="E3177">
        <v>7370.08</v>
      </c>
      <c r="F3177">
        <v>10800</v>
      </c>
      <c r="G3177">
        <v>18595.3</v>
      </c>
      <c r="H3177">
        <v>3.19685</v>
      </c>
      <c r="I3177">
        <v>20735.2</v>
      </c>
      <c r="J3177">
        <v>115.32299999999999</v>
      </c>
    </row>
    <row r="3178" spans="1:10" x14ac:dyDescent="0.25">
      <c r="A3178">
        <v>22</v>
      </c>
      <c r="B3178">
        <v>108.446</v>
      </c>
      <c r="C3178">
        <v>119.93899999999999</v>
      </c>
      <c r="D3178">
        <v>189.68700000000001</v>
      </c>
      <c r="E3178">
        <v>10431.5</v>
      </c>
      <c r="F3178">
        <v>10800</v>
      </c>
      <c r="G3178">
        <v>19955.900000000001</v>
      </c>
      <c r="H3178">
        <v>2.6299199999999998</v>
      </c>
      <c r="I3178">
        <v>24338.6</v>
      </c>
      <c r="J3178">
        <v>24.463699999999999</v>
      </c>
    </row>
    <row r="3179" spans="1:10" x14ac:dyDescent="0.25">
      <c r="A3179">
        <v>22</v>
      </c>
      <c r="B3179">
        <v>108.919</v>
      </c>
      <c r="C3179">
        <v>119.93899999999999</v>
      </c>
      <c r="D3179">
        <v>189.68700000000001</v>
      </c>
      <c r="E3179">
        <v>7370.08</v>
      </c>
      <c r="F3179">
        <v>10800</v>
      </c>
      <c r="G3179">
        <v>18595.3</v>
      </c>
      <c r="H3179">
        <v>3.55118</v>
      </c>
      <c r="I3179">
        <v>20331.8</v>
      </c>
      <c r="J3179">
        <v>39.801900000000003</v>
      </c>
    </row>
    <row r="3180" spans="1:10" x14ac:dyDescent="0.25">
      <c r="A3180">
        <v>22</v>
      </c>
      <c r="B3180">
        <v>110.1</v>
      </c>
      <c r="C3180">
        <v>123.395</v>
      </c>
      <c r="D3180">
        <v>189.68700000000001</v>
      </c>
      <c r="E3180">
        <v>7370.08</v>
      </c>
      <c r="F3180">
        <v>10800</v>
      </c>
      <c r="G3180">
        <v>19955.900000000001</v>
      </c>
      <c r="H3180">
        <v>2.4409399999999999</v>
      </c>
      <c r="I3180">
        <v>21080.400000000001</v>
      </c>
      <c r="J3180">
        <v>26.915199999999999</v>
      </c>
    </row>
    <row r="3181" spans="1:10" x14ac:dyDescent="0.25">
      <c r="A3181">
        <v>22</v>
      </c>
      <c r="B3181">
        <v>108.919</v>
      </c>
      <c r="C3181">
        <v>117.74</v>
      </c>
      <c r="D3181">
        <v>189.68700000000001</v>
      </c>
      <c r="E3181">
        <v>10091.299999999999</v>
      </c>
      <c r="F3181">
        <v>10800</v>
      </c>
      <c r="G3181">
        <v>19955.900000000001</v>
      </c>
      <c r="H3181">
        <v>1.7795300000000001</v>
      </c>
      <c r="I3181">
        <v>24566.9</v>
      </c>
      <c r="J3181">
        <v>18.9421</v>
      </c>
    </row>
    <row r="3182" spans="1:10" x14ac:dyDescent="0.25">
      <c r="A3182">
        <v>22</v>
      </c>
      <c r="B3182">
        <v>109.155</v>
      </c>
      <c r="C3182">
        <v>128.73599999999999</v>
      </c>
      <c r="D3182">
        <v>189.68700000000001</v>
      </c>
      <c r="E3182">
        <v>7370.08</v>
      </c>
      <c r="F3182">
        <v>10800</v>
      </c>
      <c r="G3182">
        <v>19785.8</v>
      </c>
      <c r="H3182">
        <v>3.4094500000000001</v>
      </c>
      <c r="I3182">
        <v>20964.3</v>
      </c>
      <c r="J3182">
        <v>27.779299999999999</v>
      </c>
    </row>
    <row r="3183" spans="1:10" x14ac:dyDescent="0.25">
      <c r="A3183">
        <v>22</v>
      </c>
      <c r="B3183">
        <v>108.68300000000001</v>
      </c>
      <c r="C3183">
        <v>118.369</v>
      </c>
      <c r="D3183">
        <v>190</v>
      </c>
      <c r="E3183">
        <v>10091.299999999999</v>
      </c>
      <c r="F3183">
        <v>10800</v>
      </c>
      <c r="G3183">
        <v>19955.900000000001</v>
      </c>
      <c r="H3183">
        <v>1.40157</v>
      </c>
      <c r="I3183">
        <v>25363.200000000001</v>
      </c>
      <c r="J3183">
        <v>18.910900000000002</v>
      </c>
    </row>
    <row r="3184" spans="1:10" x14ac:dyDescent="0.25">
      <c r="A3184">
        <v>22</v>
      </c>
      <c r="B3184">
        <v>108.446</v>
      </c>
      <c r="C3184">
        <v>118.369</v>
      </c>
      <c r="D3184">
        <v>190</v>
      </c>
      <c r="E3184">
        <v>10431.5</v>
      </c>
      <c r="F3184">
        <v>10800</v>
      </c>
      <c r="G3184">
        <v>18595.3</v>
      </c>
      <c r="H3184">
        <v>1.3070900000000001</v>
      </c>
      <c r="I3184">
        <v>25969.8</v>
      </c>
      <c r="J3184">
        <v>17.733799999999999</v>
      </c>
    </row>
    <row r="3185" spans="1:10" x14ac:dyDescent="0.25">
      <c r="A3185">
        <v>22</v>
      </c>
      <c r="B3185">
        <v>109.155</v>
      </c>
      <c r="C3185">
        <v>124.652</v>
      </c>
      <c r="D3185">
        <v>189.37299999999999</v>
      </c>
      <c r="E3185">
        <v>7370.08</v>
      </c>
      <c r="F3185">
        <v>10800</v>
      </c>
      <c r="G3185">
        <v>19955.900000000001</v>
      </c>
      <c r="H3185">
        <v>3.8582700000000001</v>
      </c>
      <c r="I3185">
        <v>20425.900000000001</v>
      </c>
      <c r="J3185">
        <v>33.058799999999998</v>
      </c>
    </row>
    <row r="3186" spans="1:10" x14ac:dyDescent="0.25">
      <c r="A3186">
        <v>22</v>
      </c>
      <c r="B3186">
        <v>108.446</v>
      </c>
      <c r="C3186">
        <v>118.369</v>
      </c>
      <c r="D3186">
        <v>187.18</v>
      </c>
      <c r="E3186">
        <v>10091.299999999999</v>
      </c>
      <c r="F3186">
        <v>10800</v>
      </c>
      <c r="G3186">
        <v>19955.900000000001</v>
      </c>
      <c r="H3186">
        <v>1.40157</v>
      </c>
      <c r="I3186">
        <v>25389.1</v>
      </c>
      <c r="J3186">
        <v>18.889700000000001</v>
      </c>
    </row>
    <row r="3187" spans="1:10" x14ac:dyDescent="0.25">
      <c r="A3187">
        <v>22</v>
      </c>
      <c r="B3187">
        <v>110.1</v>
      </c>
      <c r="C3187">
        <v>123.395</v>
      </c>
      <c r="D3187">
        <v>189.68700000000001</v>
      </c>
      <c r="E3187">
        <v>7370.08</v>
      </c>
      <c r="F3187">
        <v>10800</v>
      </c>
      <c r="G3187">
        <v>18595.3</v>
      </c>
      <c r="H3187">
        <v>3.10236</v>
      </c>
      <c r="I3187">
        <v>21051.4</v>
      </c>
      <c r="J3187">
        <v>24.819800000000001</v>
      </c>
    </row>
    <row r="3188" spans="1:10" x14ac:dyDescent="0.25">
      <c r="A3188">
        <v>22</v>
      </c>
      <c r="B3188">
        <v>108.919</v>
      </c>
      <c r="C3188">
        <v>119.93899999999999</v>
      </c>
      <c r="D3188">
        <v>189.68700000000001</v>
      </c>
      <c r="E3188">
        <v>10091.299999999999</v>
      </c>
      <c r="F3188">
        <v>10800</v>
      </c>
      <c r="G3188">
        <v>19955.900000000001</v>
      </c>
      <c r="H3188">
        <v>2.2283499999999998</v>
      </c>
      <c r="I3188">
        <v>24028.5</v>
      </c>
      <c r="J3188">
        <v>19.968</v>
      </c>
    </row>
    <row r="3189" spans="1:10" x14ac:dyDescent="0.25">
      <c r="A3189">
        <v>22</v>
      </c>
      <c r="B3189">
        <v>109.155</v>
      </c>
      <c r="C3189">
        <v>124.96599999999999</v>
      </c>
      <c r="D3189">
        <v>189.68700000000001</v>
      </c>
      <c r="E3189">
        <v>7710.24</v>
      </c>
      <c r="F3189">
        <v>10800</v>
      </c>
      <c r="G3189">
        <v>19955.900000000001</v>
      </c>
      <c r="H3189">
        <v>2.4881899999999999</v>
      </c>
      <c r="I3189">
        <v>21364.7</v>
      </c>
      <c r="J3189">
        <v>21.589400000000001</v>
      </c>
    </row>
    <row r="3190" spans="1:10" x14ac:dyDescent="0.25">
      <c r="A3190">
        <v>22</v>
      </c>
      <c r="B3190">
        <v>110.1</v>
      </c>
      <c r="C3190">
        <v>123.395</v>
      </c>
      <c r="D3190">
        <v>189.06</v>
      </c>
      <c r="E3190">
        <v>7370.08</v>
      </c>
      <c r="F3190">
        <v>10800</v>
      </c>
      <c r="G3190">
        <v>19955.900000000001</v>
      </c>
      <c r="H3190">
        <v>1.6377999999999999</v>
      </c>
      <c r="I3190">
        <v>21942.7</v>
      </c>
      <c r="J3190">
        <v>20.6646</v>
      </c>
    </row>
    <row r="3191" spans="1:10" x14ac:dyDescent="0.25">
      <c r="A3191">
        <v>22</v>
      </c>
      <c r="B3191">
        <v>105.848</v>
      </c>
      <c r="C3191">
        <v>114.913</v>
      </c>
      <c r="D3191">
        <v>189.06</v>
      </c>
      <c r="E3191">
        <v>7710.24</v>
      </c>
      <c r="F3191">
        <v>14881.9</v>
      </c>
      <c r="G3191">
        <v>22677.200000000001</v>
      </c>
      <c r="H3191">
        <v>1.09449</v>
      </c>
      <c r="I3191">
        <v>28153.9</v>
      </c>
      <c r="J3191">
        <v>16.915900000000001</v>
      </c>
    </row>
    <row r="3192" spans="1:10" x14ac:dyDescent="0.25">
      <c r="A3192">
        <v>22</v>
      </c>
      <c r="B3192">
        <v>110.1</v>
      </c>
      <c r="C3192">
        <v>123.395</v>
      </c>
      <c r="D3192">
        <v>189.06</v>
      </c>
      <c r="E3192">
        <v>7710.24</v>
      </c>
      <c r="F3192">
        <v>10800</v>
      </c>
      <c r="G3192">
        <v>19955.900000000001</v>
      </c>
      <c r="H3192">
        <v>1.6377999999999999</v>
      </c>
      <c r="I3192">
        <v>22282.799999999999</v>
      </c>
      <c r="J3192">
        <v>20.198799999999999</v>
      </c>
    </row>
    <row r="3193" spans="1:10" x14ac:dyDescent="0.25">
      <c r="A3193">
        <v>22</v>
      </c>
      <c r="B3193">
        <v>102.777</v>
      </c>
      <c r="C3193">
        <v>123.081</v>
      </c>
      <c r="D3193">
        <v>182.47900000000001</v>
      </c>
      <c r="E3193">
        <v>7200</v>
      </c>
      <c r="F3193">
        <v>10800</v>
      </c>
      <c r="G3193">
        <v>19955.900000000001</v>
      </c>
      <c r="H3193">
        <v>3.7637800000000001</v>
      </c>
      <c r="I3193">
        <v>20089.900000000001</v>
      </c>
      <c r="J3193">
        <v>33.581899999999997</v>
      </c>
    </row>
    <row r="3194" spans="1:10" x14ac:dyDescent="0.25">
      <c r="A3194">
        <v>22</v>
      </c>
      <c r="B3194">
        <v>105.848</v>
      </c>
      <c r="C3194">
        <v>114.913</v>
      </c>
      <c r="D3194">
        <v>189.06</v>
      </c>
      <c r="E3194">
        <v>7710.24</v>
      </c>
      <c r="F3194">
        <v>14881.9</v>
      </c>
      <c r="G3194">
        <v>22677.200000000001</v>
      </c>
      <c r="H3194">
        <v>1.09449</v>
      </c>
      <c r="I3194">
        <v>28153.9</v>
      </c>
      <c r="J3194">
        <v>16.915900000000001</v>
      </c>
    </row>
    <row r="3195" spans="1:10" x14ac:dyDescent="0.25">
      <c r="A3195">
        <v>22</v>
      </c>
      <c r="B3195">
        <v>110.1</v>
      </c>
      <c r="C3195">
        <v>123.395</v>
      </c>
      <c r="D3195">
        <v>189.06</v>
      </c>
      <c r="E3195">
        <v>7710.24</v>
      </c>
      <c r="F3195">
        <v>10800</v>
      </c>
      <c r="G3195">
        <v>19955.900000000001</v>
      </c>
      <c r="H3195">
        <v>1.6377999999999999</v>
      </c>
      <c r="I3195">
        <v>22282.799999999999</v>
      </c>
      <c r="J3195">
        <v>20.198799999999999</v>
      </c>
    </row>
    <row r="3196" spans="1:10" x14ac:dyDescent="0.25">
      <c r="A3196">
        <v>22</v>
      </c>
      <c r="B3196">
        <v>102.777</v>
      </c>
      <c r="C3196">
        <v>123.081</v>
      </c>
      <c r="D3196">
        <v>182.47900000000001</v>
      </c>
      <c r="E3196">
        <v>7200</v>
      </c>
      <c r="F3196">
        <v>10800</v>
      </c>
      <c r="G3196">
        <v>19955.900000000001</v>
      </c>
      <c r="H3196">
        <v>3.7637800000000001</v>
      </c>
      <c r="I3196">
        <v>20089.900000000001</v>
      </c>
      <c r="J3196">
        <v>33.581899999999997</v>
      </c>
    </row>
    <row r="3197" spans="1:10" x14ac:dyDescent="0.25">
      <c r="A3197">
        <v>22</v>
      </c>
      <c r="B3197">
        <v>102.777</v>
      </c>
      <c r="C3197">
        <v>123.081</v>
      </c>
      <c r="D3197">
        <v>182.47900000000001</v>
      </c>
      <c r="E3197">
        <v>7200</v>
      </c>
      <c r="F3197">
        <v>10800</v>
      </c>
      <c r="G3197">
        <v>19955.900000000001</v>
      </c>
      <c r="H3197">
        <v>3.7637800000000001</v>
      </c>
      <c r="I3197">
        <v>20089.900000000001</v>
      </c>
      <c r="J3197">
        <v>33.581899999999997</v>
      </c>
    </row>
    <row r="3198" spans="1:10" x14ac:dyDescent="0.25">
      <c r="A3198">
        <v>22</v>
      </c>
      <c r="B3198">
        <v>110.1</v>
      </c>
      <c r="C3198">
        <v>123.395</v>
      </c>
      <c r="D3198">
        <v>189.06</v>
      </c>
      <c r="E3198">
        <v>7710.24</v>
      </c>
      <c r="F3198">
        <v>10800</v>
      </c>
      <c r="G3198">
        <v>19955.900000000001</v>
      </c>
      <c r="H3198">
        <v>1.6377999999999999</v>
      </c>
      <c r="I3198">
        <v>22282.799999999999</v>
      </c>
      <c r="J3198">
        <v>20.198799999999999</v>
      </c>
    </row>
    <row r="3199" spans="1:10" x14ac:dyDescent="0.25">
      <c r="A3199">
        <v>22</v>
      </c>
      <c r="B3199">
        <v>102.777</v>
      </c>
      <c r="C3199">
        <v>123.081</v>
      </c>
      <c r="D3199">
        <v>182.47900000000001</v>
      </c>
      <c r="E3199">
        <v>7200</v>
      </c>
      <c r="F3199">
        <v>10800</v>
      </c>
      <c r="G3199">
        <v>19955.900000000001</v>
      </c>
      <c r="H3199">
        <v>3.7637800000000001</v>
      </c>
      <c r="I3199">
        <v>20089.900000000001</v>
      </c>
      <c r="J3199">
        <v>33.581899999999997</v>
      </c>
    </row>
    <row r="3200" spans="1:10" x14ac:dyDescent="0.25">
      <c r="A3200">
        <v>22</v>
      </c>
      <c r="B3200">
        <v>102.777</v>
      </c>
      <c r="C3200">
        <v>123.081</v>
      </c>
      <c r="D3200">
        <v>182.47900000000001</v>
      </c>
      <c r="E3200">
        <v>7200</v>
      </c>
      <c r="F3200">
        <v>10800</v>
      </c>
      <c r="G3200">
        <v>19955.900000000001</v>
      </c>
      <c r="H3200">
        <v>3.7637800000000001</v>
      </c>
      <c r="I3200">
        <v>20089.900000000001</v>
      </c>
      <c r="J3200">
        <v>33.581899999999997</v>
      </c>
    </row>
    <row r="3201" spans="1:10" x14ac:dyDescent="0.25">
      <c r="A3201">
        <v>22</v>
      </c>
      <c r="B3201">
        <v>108.446</v>
      </c>
      <c r="C3201">
        <v>118.369</v>
      </c>
      <c r="D3201">
        <v>190</v>
      </c>
      <c r="E3201">
        <v>10431.5</v>
      </c>
      <c r="F3201">
        <v>10800</v>
      </c>
      <c r="G3201">
        <v>19955.900000000001</v>
      </c>
      <c r="H3201">
        <v>1.1181099999999999</v>
      </c>
      <c r="I3201">
        <v>26815.1</v>
      </c>
      <c r="J3201">
        <v>17.5837</v>
      </c>
    </row>
    <row r="3202" spans="1:10" x14ac:dyDescent="0.25">
      <c r="A3202">
        <v>22</v>
      </c>
      <c r="B3202">
        <v>108.919</v>
      </c>
      <c r="C3202">
        <v>118.369</v>
      </c>
      <c r="D3202">
        <v>190</v>
      </c>
      <c r="E3202">
        <v>10431.5</v>
      </c>
      <c r="F3202">
        <v>10800</v>
      </c>
      <c r="G3202">
        <v>19955.900000000001</v>
      </c>
      <c r="H3202">
        <v>1.4960599999999999</v>
      </c>
      <c r="I3202">
        <v>25563</v>
      </c>
      <c r="J3202">
        <v>18.1692</v>
      </c>
    </row>
    <row r="3203" spans="1:10" x14ac:dyDescent="0.25">
      <c r="A3203">
        <v>22</v>
      </c>
      <c r="B3203">
        <v>110.1</v>
      </c>
      <c r="C3203">
        <v>123.395</v>
      </c>
      <c r="D3203">
        <v>189.06</v>
      </c>
      <c r="E3203">
        <v>7370.08</v>
      </c>
      <c r="F3203">
        <v>10800</v>
      </c>
      <c r="G3203">
        <v>21316.5</v>
      </c>
      <c r="H3203">
        <v>3.0787399999999998</v>
      </c>
      <c r="I3203">
        <v>21028.799999999999</v>
      </c>
      <c r="J3203">
        <v>25.227799999999998</v>
      </c>
    </row>
    <row r="3204" spans="1:10" x14ac:dyDescent="0.25">
      <c r="A3204">
        <v>22</v>
      </c>
      <c r="B3204">
        <v>110.1</v>
      </c>
      <c r="C3204">
        <v>123.395</v>
      </c>
      <c r="D3204">
        <v>189.06</v>
      </c>
      <c r="E3204">
        <v>7710.24</v>
      </c>
      <c r="F3204">
        <v>10800</v>
      </c>
      <c r="G3204">
        <v>19955.900000000001</v>
      </c>
      <c r="H3204">
        <v>1.6377999999999999</v>
      </c>
      <c r="I3204">
        <v>22282.799999999999</v>
      </c>
      <c r="J3204">
        <v>20.198799999999999</v>
      </c>
    </row>
    <row r="3205" spans="1:10" x14ac:dyDescent="0.25">
      <c r="A3205">
        <v>22</v>
      </c>
      <c r="B3205">
        <v>106.79300000000001</v>
      </c>
      <c r="C3205">
        <v>124.024</v>
      </c>
      <c r="D3205">
        <v>184.04599999999999</v>
      </c>
      <c r="E3205">
        <v>10516.5</v>
      </c>
      <c r="F3205">
        <v>19984.3</v>
      </c>
      <c r="G3205">
        <v>20636.2</v>
      </c>
      <c r="H3205">
        <v>2.25197</v>
      </c>
      <c r="I3205">
        <v>36430.5</v>
      </c>
      <c r="J3205">
        <v>16.778199999999998</v>
      </c>
    </row>
    <row r="3206" spans="1:10" x14ac:dyDescent="0.25">
      <c r="A3206">
        <v>22</v>
      </c>
      <c r="B3206">
        <v>102.777</v>
      </c>
      <c r="C3206">
        <v>123.081</v>
      </c>
      <c r="D3206">
        <v>182.47900000000001</v>
      </c>
      <c r="E3206">
        <v>7200</v>
      </c>
      <c r="F3206">
        <v>10800</v>
      </c>
      <c r="G3206">
        <v>19955.900000000001</v>
      </c>
      <c r="H3206">
        <v>3.7637800000000001</v>
      </c>
      <c r="I3206">
        <v>20089.900000000001</v>
      </c>
      <c r="J3206">
        <v>33.581899999999997</v>
      </c>
    </row>
    <row r="3207" spans="1:10" x14ac:dyDescent="0.25">
      <c r="A3207">
        <v>22</v>
      </c>
      <c r="B3207">
        <v>110.1</v>
      </c>
      <c r="C3207">
        <v>123.395</v>
      </c>
      <c r="D3207">
        <v>189.06</v>
      </c>
      <c r="E3207">
        <v>7370.08</v>
      </c>
      <c r="F3207">
        <v>10800</v>
      </c>
      <c r="G3207">
        <v>21316.5</v>
      </c>
      <c r="H3207">
        <v>3.0787399999999998</v>
      </c>
      <c r="I3207">
        <v>21028.799999999999</v>
      </c>
      <c r="J3207">
        <v>25.227799999999998</v>
      </c>
    </row>
    <row r="3208" spans="1:10" x14ac:dyDescent="0.25">
      <c r="A3208">
        <v>22</v>
      </c>
      <c r="B3208">
        <v>108.446</v>
      </c>
      <c r="C3208">
        <v>118.369</v>
      </c>
      <c r="D3208">
        <v>190</v>
      </c>
      <c r="E3208">
        <v>10431.5</v>
      </c>
      <c r="F3208">
        <v>10800</v>
      </c>
      <c r="G3208">
        <v>19955.900000000001</v>
      </c>
      <c r="H3208">
        <v>1.1181099999999999</v>
      </c>
      <c r="I3208">
        <v>26815.1</v>
      </c>
      <c r="J3208">
        <v>17.5837</v>
      </c>
    </row>
    <row r="3209" spans="1:10" x14ac:dyDescent="0.25">
      <c r="A3209">
        <v>22</v>
      </c>
      <c r="B3209">
        <v>108.446</v>
      </c>
      <c r="C3209">
        <v>118.369</v>
      </c>
      <c r="D3209">
        <v>190</v>
      </c>
      <c r="E3209">
        <v>10431.5</v>
      </c>
      <c r="F3209">
        <v>10800</v>
      </c>
      <c r="G3209">
        <v>19955.900000000001</v>
      </c>
      <c r="H3209">
        <v>1.1181099999999999</v>
      </c>
      <c r="I3209">
        <v>26815.1</v>
      </c>
      <c r="J3209">
        <v>17.5837</v>
      </c>
    </row>
    <row r="3210" spans="1:10" x14ac:dyDescent="0.25">
      <c r="A3210">
        <v>22</v>
      </c>
      <c r="B3210">
        <v>110.1</v>
      </c>
      <c r="C3210">
        <v>123.395</v>
      </c>
      <c r="D3210">
        <v>189.06</v>
      </c>
      <c r="E3210">
        <v>7710.24</v>
      </c>
      <c r="F3210">
        <v>10800</v>
      </c>
      <c r="G3210">
        <v>19955.900000000001</v>
      </c>
      <c r="H3210">
        <v>1.6377999999999999</v>
      </c>
      <c r="I3210">
        <v>22282.799999999999</v>
      </c>
      <c r="J3210">
        <v>20.198799999999999</v>
      </c>
    </row>
    <row r="3211" spans="1:10" x14ac:dyDescent="0.25">
      <c r="A3211">
        <v>22</v>
      </c>
      <c r="B3211">
        <v>102.777</v>
      </c>
      <c r="C3211">
        <v>123.081</v>
      </c>
      <c r="D3211">
        <v>182.47900000000001</v>
      </c>
      <c r="E3211">
        <v>7200</v>
      </c>
      <c r="F3211">
        <v>10800</v>
      </c>
      <c r="G3211">
        <v>19955.900000000001</v>
      </c>
      <c r="H3211">
        <v>3.7637800000000001</v>
      </c>
      <c r="I3211">
        <v>20089.900000000001</v>
      </c>
      <c r="J3211">
        <v>33.581899999999997</v>
      </c>
    </row>
    <row r="3212" spans="1:10" x14ac:dyDescent="0.25">
      <c r="A3212">
        <v>22</v>
      </c>
      <c r="B3212">
        <v>102.777</v>
      </c>
      <c r="C3212">
        <v>123.081</v>
      </c>
      <c r="D3212">
        <v>182.47900000000001</v>
      </c>
      <c r="E3212">
        <v>7200</v>
      </c>
      <c r="F3212">
        <v>10800</v>
      </c>
      <c r="G3212">
        <v>19955.900000000001</v>
      </c>
      <c r="H3212">
        <v>3.7637800000000001</v>
      </c>
      <c r="I3212">
        <v>20089.900000000001</v>
      </c>
      <c r="J3212">
        <v>33.581899999999997</v>
      </c>
    </row>
    <row r="3213" spans="1:10" x14ac:dyDescent="0.25">
      <c r="A3213">
        <v>22</v>
      </c>
      <c r="B3213">
        <v>110.1</v>
      </c>
      <c r="C3213">
        <v>123.395</v>
      </c>
      <c r="D3213">
        <v>189.06</v>
      </c>
      <c r="E3213">
        <v>7710.24</v>
      </c>
      <c r="F3213">
        <v>10800</v>
      </c>
      <c r="G3213">
        <v>19955.900000000001</v>
      </c>
      <c r="H3213">
        <v>1.6377999999999999</v>
      </c>
      <c r="I3213">
        <v>22282.799999999999</v>
      </c>
      <c r="J3213">
        <v>20.198799999999999</v>
      </c>
    </row>
    <row r="3214" spans="1:10" x14ac:dyDescent="0.25">
      <c r="A3214">
        <v>22</v>
      </c>
      <c r="B3214">
        <v>108.446</v>
      </c>
      <c r="C3214">
        <v>119.625</v>
      </c>
      <c r="D3214">
        <v>189.68700000000001</v>
      </c>
      <c r="E3214">
        <v>9070.8700000000008</v>
      </c>
      <c r="F3214">
        <v>10800</v>
      </c>
      <c r="G3214">
        <v>19955.900000000001</v>
      </c>
      <c r="H3214">
        <v>1.4960599999999999</v>
      </c>
      <c r="I3214">
        <v>24098.3</v>
      </c>
      <c r="J3214">
        <v>19.2303</v>
      </c>
    </row>
    <row r="3215" spans="1:10" x14ac:dyDescent="0.25">
      <c r="A3215">
        <v>22</v>
      </c>
      <c r="B3215">
        <v>102.777</v>
      </c>
      <c r="C3215">
        <v>123.081</v>
      </c>
      <c r="D3215">
        <v>182.47900000000001</v>
      </c>
      <c r="E3215">
        <v>7200</v>
      </c>
      <c r="F3215">
        <v>10800</v>
      </c>
      <c r="G3215">
        <v>19955.900000000001</v>
      </c>
      <c r="H3215">
        <v>3.7637800000000001</v>
      </c>
      <c r="I3215">
        <v>20089.900000000001</v>
      </c>
      <c r="J3215">
        <v>33.581899999999997</v>
      </c>
    </row>
    <row r="3216" spans="1:10" x14ac:dyDescent="0.25">
      <c r="A3216">
        <v>22</v>
      </c>
      <c r="B3216">
        <v>110.1</v>
      </c>
      <c r="C3216">
        <v>123.395</v>
      </c>
      <c r="D3216">
        <v>189.06</v>
      </c>
      <c r="E3216">
        <v>7710.24</v>
      </c>
      <c r="F3216">
        <v>10800</v>
      </c>
      <c r="G3216">
        <v>19955.900000000001</v>
      </c>
      <c r="H3216">
        <v>1.6377999999999999</v>
      </c>
      <c r="I3216">
        <v>22282.799999999999</v>
      </c>
      <c r="J3216">
        <v>20.198799999999999</v>
      </c>
    </row>
    <row r="3217" spans="1:10" x14ac:dyDescent="0.25">
      <c r="A3217">
        <v>22</v>
      </c>
      <c r="B3217">
        <v>110.1</v>
      </c>
      <c r="C3217">
        <v>123.395</v>
      </c>
      <c r="D3217">
        <v>189.06</v>
      </c>
      <c r="E3217">
        <v>7710.24</v>
      </c>
      <c r="F3217">
        <v>10800</v>
      </c>
      <c r="G3217">
        <v>19955.900000000001</v>
      </c>
      <c r="H3217">
        <v>1.6377999999999999</v>
      </c>
      <c r="I3217">
        <v>22282.799999999999</v>
      </c>
      <c r="J3217">
        <v>20.198799999999999</v>
      </c>
    </row>
    <row r="3218" spans="1:10" x14ac:dyDescent="0.25">
      <c r="A3218">
        <v>22</v>
      </c>
      <c r="B3218">
        <v>108.446</v>
      </c>
      <c r="C3218">
        <v>117.74</v>
      </c>
      <c r="D3218">
        <v>189.68700000000001</v>
      </c>
      <c r="E3218">
        <v>9921.26</v>
      </c>
      <c r="F3218">
        <v>10800</v>
      </c>
      <c r="G3218">
        <v>18595.3</v>
      </c>
      <c r="H3218">
        <v>1.1653500000000001</v>
      </c>
      <c r="I3218">
        <v>25881.9</v>
      </c>
      <c r="J3218">
        <v>18.015799999999999</v>
      </c>
    </row>
    <row r="3219" spans="1:10" x14ac:dyDescent="0.25">
      <c r="A3219">
        <v>22</v>
      </c>
      <c r="B3219">
        <v>109.155</v>
      </c>
      <c r="C3219">
        <v>128.422</v>
      </c>
      <c r="D3219">
        <v>189.68700000000001</v>
      </c>
      <c r="E3219">
        <v>7370.08</v>
      </c>
      <c r="F3219">
        <v>10800</v>
      </c>
      <c r="G3219">
        <v>22507.1</v>
      </c>
      <c r="H3219">
        <v>3.3149600000000001</v>
      </c>
      <c r="I3219">
        <v>20692</v>
      </c>
      <c r="J3219">
        <v>28.869900000000001</v>
      </c>
    </row>
    <row r="3220" spans="1:10" x14ac:dyDescent="0.25">
      <c r="A3220">
        <v>22</v>
      </c>
      <c r="B3220">
        <v>108.446</v>
      </c>
      <c r="C3220">
        <v>119.625</v>
      </c>
      <c r="D3220">
        <v>189.68700000000001</v>
      </c>
      <c r="E3220">
        <v>9070.8700000000008</v>
      </c>
      <c r="F3220">
        <v>10800</v>
      </c>
      <c r="G3220">
        <v>19955.900000000001</v>
      </c>
      <c r="H3220">
        <v>1.4960599999999999</v>
      </c>
      <c r="I3220">
        <v>24098.3</v>
      </c>
      <c r="J3220">
        <v>19.2303</v>
      </c>
    </row>
    <row r="3221" spans="1:10" x14ac:dyDescent="0.25">
      <c r="A3221">
        <v>23</v>
      </c>
      <c r="B3221">
        <v>109.864</v>
      </c>
      <c r="C3221">
        <v>124.96599999999999</v>
      </c>
      <c r="D3221">
        <v>190</v>
      </c>
      <c r="E3221">
        <v>10091.299999999999</v>
      </c>
      <c r="F3221">
        <v>11055.1</v>
      </c>
      <c r="G3221">
        <v>18595.3</v>
      </c>
      <c r="H3221">
        <v>1.40157</v>
      </c>
      <c r="I3221">
        <v>26710.2</v>
      </c>
      <c r="J3221">
        <v>19.585599999999999</v>
      </c>
    </row>
    <row r="3222" spans="1:10" x14ac:dyDescent="0.25">
      <c r="A3222">
        <v>23</v>
      </c>
      <c r="B3222">
        <v>108.919</v>
      </c>
      <c r="C3222">
        <v>119.625</v>
      </c>
      <c r="D3222">
        <v>190</v>
      </c>
      <c r="E3222">
        <v>10431.5</v>
      </c>
      <c r="F3222">
        <v>10800</v>
      </c>
      <c r="G3222">
        <v>19955.900000000001</v>
      </c>
      <c r="H3222">
        <v>1.7795300000000001</v>
      </c>
      <c r="I3222">
        <v>24777.5</v>
      </c>
      <c r="J3222">
        <v>20.3733</v>
      </c>
    </row>
    <row r="3223" spans="1:10" x14ac:dyDescent="0.25">
      <c r="A3223">
        <v>23</v>
      </c>
      <c r="B3223">
        <v>109.39100000000001</v>
      </c>
      <c r="C3223">
        <v>124.652</v>
      </c>
      <c r="D3223">
        <v>189.37299999999999</v>
      </c>
      <c r="E3223">
        <v>7370.08</v>
      </c>
      <c r="F3223">
        <v>10800</v>
      </c>
      <c r="G3223">
        <v>18595.3</v>
      </c>
      <c r="H3223">
        <v>3.9527600000000001</v>
      </c>
      <c r="I3223">
        <v>20129.400000000001</v>
      </c>
      <c r="J3223">
        <v>53.995899999999999</v>
      </c>
    </row>
    <row r="3224" spans="1:10" x14ac:dyDescent="0.25">
      <c r="A3224">
        <v>23</v>
      </c>
      <c r="B3224">
        <v>110.1</v>
      </c>
      <c r="C3224">
        <v>123.395</v>
      </c>
      <c r="D3224">
        <v>189.06</v>
      </c>
      <c r="E3224">
        <v>7370.08</v>
      </c>
      <c r="F3224">
        <v>10800</v>
      </c>
      <c r="G3224">
        <v>19955.900000000001</v>
      </c>
      <c r="H3224">
        <v>1.6377999999999999</v>
      </c>
      <c r="I3224">
        <v>21942.7</v>
      </c>
      <c r="J3224">
        <v>20.6646</v>
      </c>
    </row>
    <row r="3225" spans="1:10" x14ac:dyDescent="0.25">
      <c r="A3225">
        <v>23</v>
      </c>
      <c r="B3225">
        <v>109.39100000000001</v>
      </c>
      <c r="C3225">
        <v>123.395</v>
      </c>
      <c r="D3225">
        <v>189.37299999999999</v>
      </c>
      <c r="E3225">
        <v>7370.08</v>
      </c>
      <c r="F3225">
        <v>10800</v>
      </c>
      <c r="G3225">
        <v>19955.900000000001</v>
      </c>
      <c r="H3225">
        <v>3.8582700000000001</v>
      </c>
      <c r="I3225">
        <v>20228</v>
      </c>
      <c r="J3225">
        <v>50.585700000000003</v>
      </c>
    </row>
    <row r="3226" spans="1:10" x14ac:dyDescent="0.25">
      <c r="A3226">
        <v>23</v>
      </c>
      <c r="B3226">
        <v>109.155</v>
      </c>
      <c r="C3226">
        <v>124.96599999999999</v>
      </c>
      <c r="D3226">
        <v>189.68700000000001</v>
      </c>
      <c r="E3226">
        <v>7710.24</v>
      </c>
      <c r="F3226">
        <v>10800</v>
      </c>
      <c r="G3226">
        <v>19955.900000000001</v>
      </c>
      <c r="H3226">
        <v>2.4881899999999999</v>
      </c>
      <c r="I3226">
        <v>21364.7</v>
      </c>
      <c r="J3226">
        <v>21.589400000000001</v>
      </c>
    </row>
    <row r="3227" spans="1:10" x14ac:dyDescent="0.25">
      <c r="A3227">
        <v>23</v>
      </c>
      <c r="B3227">
        <v>110.1</v>
      </c>
      <c r="C3227">
        <v>123.395</v>
      </c>
      <c r="D3227">
        <v>189.06</v>
      </c>
      <c r="E3227">
        <v>7370.08</v>
      </c>
      <c r="F3227">
        <v>10800</v>
      </c>
      <c r="G3227">
        <v>19955.900000000001</v>
      </c>
      <c r="H3227">
        <v>3.8582700000000001</v>
      </c>
      <c r="I3227">
        <v>20185.599999999999</v>
      </c>
      <c r="J3227">
        <v>82.500399999999999</v>
      </c>
    </row>
    <row r="3228" spans="1:10" x14ac:dyDescent="0.25">
      <c r="A3228">
        <v>23</v>
      </c>
      <c r="B3228">
        <v>109.39100000000001</v>
      </c>
      <c r="C3228">
        <v>124.652</v>
      </c>
      <c r="D3228">
        <v>189.06</v>
      </c>
      <c r="E3228">
        <v>7370.08</v>
      </c>
      <c r="F3228">
        <v>10800</v>
      </c>
      <c r="G3228">
        <v>19955.900000000001</v>
      </c>
      <c r="H3228">
        <v>3.9527600000000001</v>
      </c>
      <c r="I3228">
        <v>20133</v>
      </c>
      <c r="J3228">
        <v>53.744700000000002</v>
      </c>
    </row>
    <row r="3229" spans="1:10" x14ac:dyDescent="0.25">
      <c r="A3229">
        <v>23</v>
      </c>
      <c r="B3229">
        <v>109.155</v>
      </c>
      <c r="C3229">
        <v>124.96599999999999</v>
      </c>
      <c r="D3229">
        <v>189.37299999999999</v>
      </c>
      <c r="E3229">
        <v>7370.08</v>
      </c>
      <c r="F3229">
        <v>10800</v>
      </c>
      <c r="G3229">
        <v>19955.900000000001</v>
      </c>
      <c r="H3229">
        <v>3.9527600000000001</v>
      </c>
      <c r="I3229">
        <v>20375.400000000001</v>
      </c>
      <c r="J3229">
        <v>31.865400000000001</v>
      </c>
    </row>
    <row r="3230" spans="1:10" x14ac:dyDescent="0.25">
      <c r="A3230">
        <v>23</v>
      </c>
      <c r="B3230">
        <v>109.628</v>
      </c>
      <c r="C3230">
        <v>129.679</v>
      </c>
      <c r="D3230">
        <v>190</v>
      </c>
      <c r="E3230">
        <v>7370.08</v>
      </c>
      <c r="F3230">
        <v>10800</v>
      </c>
      <c r="G3230">
        <v>18595.3</v>
      </c>
      <c r="H3230">
        <v>3.8582700000000001</v>
      </c>
      <c r="I3230">
        <v>20419.400000000001</v>
      </c>
      <c r="J3230">
        <v>119.86</v>
      </c>
    </row>
    <row r="3231" spans="1:10" x14ac:dyDescent="0.25">
      <c r="A3231">
        <v>23</v>
      </c>
      <c r="B3231">
        <v>108.919</v>
      </c>
      <c r="C3231">
        <v>119.93899999999999</v>
      </c>
      <c r="D3231">
        <v>189.68700000000001</v>
      </c>
      <c r="E3231">
        <v>10091.299999999999</v>
      </c>
      <c r="F3231">
        <v>10800</v>
      </c>
      <c r="G3231">
        <v>19955.900000000001</v>
      </c>
      <c r="H3231">
        <v>3.55118</v>
      </c>
      <c r="I3231">
        <v>23262.1</v>
      </c>
      <c r="J3231">
        <v>33.2607</v>
      </c>
    </row>
    <row r="3232" spans="1:10" x14ac:dyDescent="0.25">
      <c r="A3232">
        <v>23</v>
      </c>
      <c r="B3232">
        <v>110.1</v>
      </c>
      <c r="C3232">
        <v>119.625</v>
      </c>
      <c r="D3232">
        <v>189.06</v>
      </c>
      <c r="E3232">
        <v>7370.08</v>
      </c>
      <c r="F3232">
        <v>10800</v>
      </c>
      <c r="G3232">
        <v>18595.3</v>
      </c>
      <c r="H3232">
        <v>3.7637800000000001</v>
      </c>
      <c r="I3232">
        <v>20419.5</v>
      </c>
      <c r="J3232">
        <v>54.401899999999998</v>
      </c>
    </row>
    <row r="3233" spans="1:10" x14ac:dyDescent="0.25">
      <c r="A3233">
        <v>23</v>
      </c>
      <c r="B3233">
        <v>109.864</v>
      </c>
      <c r="C3233">
        <v>123.395</v>
      </c>
      <c r="D3233">
        <v>190</v>
      </c>
      <c r="E3233">
        <v>7370.08</v>
      </c>
      <c r="F3233">
        <v>10800</v>
      </c>
      <c r="G3233">
        <v>19955.900000000001</v>
      </c>
      <c r="H3233">
        <v>1.5905499999999999</v>
      </c>
      <c r="I3233">
        <v>22489.9</v>
      </c>
      <c r="J3233">
        <v>86.617599999999996</v>
      </c>
    </row>
    <row r="3234" spans="1:10" x14ac:dyDescent="0.25">
      <c r="A3234">
        <v>23</v>
      </c>
      <c r="B3234">
        <v>108.919</v>
      </c>
      <c r="C3234">
        <v>129.99299999999999</v>
      </c>
      <c r="D3234">
        <v>189.68700000000001</v>
      </c>
      <c r="E3234">
        <v>7710.24</v>
      </c>
      <c r="F3234">
        <v>10800</v>
      </c>
      <c r="G3234">
        <v>18595.3</v>
      </c>
      <c r="H3234">
        <v>3.6220500000000002</v>
      </c>
      <c r="I3234">
        <v>21116.400000000001</v>
      </c>
      <c r="J3234">
        <v>126.76</v>
      </c>
    </row>
    <row r="3235" spans="1:10" x14ac:dyDescent="0.25">
      <c r="A3235">
        <v>23</v>
      </c>
      <c r="B3235">
        <v>109.864</v>
      </c>
      <c r="C3235">
        <v>128.422</v>
      </c>
      <c r="D3235">
        <v>189.06</v>
      </c>
      <c r="E3235">
        <v>7370.08</v>
      </c>
      <c r="F3235">
        <v>10800</v>
      </c>
      <c r="G3235">
        <v>19955.900000000001</v>
      </c>
      <c r="H3235">
        <v>2.4409399999999999</v>
      </c>
      <c r="I3235">
        <v>21496.400000000001</v>
      </c>
      <c r="J3235">
        <v>116.789</v>
      </c>
    </row>
    <row r="3236" spans="1:10" x14ac:dyDescent="0.25">
      <c r="A3236">
        <v>23</v>
      </c>
      <c r="B3236">
        <v>108.919</v>
      </c>
      <c r="C3236">
        <v>119.625</v>
      </c>
      <c r="D3236">
        <v>189.68700000000001</v>
      </c>
      <c r="E3236">
        <v>7710.24</v>
      </c>
      <c r="F3236">
        <v>10800</v>
      </c>
      <c r="G3236">
        <v>19955.900000000001</v>
      </c>
      <c r="H3236">
        <v>3.4330699999999998</v>
      </c>
      <c r="I3236">
        <v>20804.400000000001</v>
      </c>
      <c r="J3236">
        <v>44.008000000000003</v>
      </c>
    </row>
    <row r="3237" spans="1:10" x14ac:dyDescent="0.25">
      <c r="A3237">
        <v>23</v>
      </c>
      <c r="B3237">
        <v>110.1</v>
      </c>
      <c r="C3237">
        <v>129.679</v>
      </c>
      <c r="D3237">
        <v>189.06</v>
      </c>
      <c r="E3237">
        <v>7370.08</v>
      </c>
      <c r="F3237">
        <v>10800</v>
      </c>
      <c r="G3237">
        <v>13152.8</v>
      </c>
      <c r="H3237">
        <v>3.9527600000000001</v>
      </c>
      <c r="I3237">
        <v>20522.599999999999</v>
      </c>
      <c r="J3237">
        <v>122.45</v>
      </c>
    </row>
    <row r="3238" spans="1:10" x14ac:dyDescent="0.25">
      <c r="A3238">
        <v>23</v>
      </c>
      <c r="B3238">
        <v>108.919</v>
      </c>
      <c r="C3238">
        <v>124.96599999999999</v>
      </c>
      <c r="D3238">
        <v>189.68700000000001</v>
      </c>
      <c r="E3238">
        <v>12812.6</v>
      </c>
      <c r="F3238">
        <v>10800</v>
      </c>
      <c r="G3238">
        <v>18595.3</v>
      </c>
      <c r="H3238">
        <v>3.55118</v>
      </c>
      <c r="I3238">
        <v>26222.400000000001</v>
      </c>
      <c r="J3238">
        <v>93.740300000000005</v>
      </c>
    </row>
    <row r="3239" spans="1:10" x14ac:dyDescent="0.25">
      <c r="A3239">
        <v>23</v>
      </c>
      <c r="B3239">
        <v>110.1</v>
      </c>
      <c r="C3239">
        <v>123.395</v>
      </c>
      <c r="D3239">
        <v>189.68700000000001</v>
      </c>
      <c r="E3239">
        <v>7370.08</v>
      </c>
      <c r="F3239">
        <v>10800</v>
      </c>
      <c r="G3239">
        <v>18595.3</v>
      </c>
      <c r="H3239">
        <v>1.5905499999999999</v>
      </c>
      <c r="I3239">
        <v>22493.3</v>
      </c>
      <c r="J3239">
        <v>85.426100000000005</v>
      </c>
    </row>
    <row r="3240" spans="1:10" x14ac:dyDescent="0.25">
      <c r="A3240">
        <v>23</v>
      </c>
      <c r="B3240">
        <v>108.919</v>
      </c>
      <c r="C3240">
        <v>119.93899999999999</v>
      </c>
      <c r="D3240">
        <v>189.68700000000001</v>
      </c>
      <c r="E3240">
        <v>7370.08</v>
      </c>
      <c r="F3240">
        <v>10800</v>
      </c>
      <c r="G3240">
        <v>18595.3</v>
      </c>
      <c r="H3240">
        <v>3.55118</v>
      </c>
      <c r="I3240">
        <v>20331.8</v>
      </c>
      <c r="J3240">
        <v>39.801900000000003</v>
      </c>
    </row>
    <row r="3241" spans="1:10" x14ac:dyDescent="0.25">
      <c r="A3241">
        <v>23</v>
      </c>
      <c r="B3241">
        <v>108.919</v>
      </c>
      <c r="C3241">
        <v>119.625</v>
      </c>
      <c r="D3241">
        <v>189.06</v>
      </c>
      <c r="E3241">
        <v>7455.12</v>
      </c>
      <c r="F3241">
        <v>10800</v>
      </c>
      <c r="G3241">
        <v>19955.900000000001</v>
      </c>
      <c r="H3241">
        <v>2.4881899999999999</v>
      </c>
      <c r="I3241">
        <v>21172.2</v>
      </c>
      <c r="J3241">
        <v>35.661099999999998</v>
      </c>
    </row>
    <row r="3242" spans="1:10" x14ac:dyDescent="0.25">
      <c r="A3242">
        <v>23</v>
      </c>
      <c r="B3242">
        <v>109.155</v>
      </c>
      <c r="C3242">
        <v>124.96599999999999</v>
      </c>
      <c r="D3242">
        <v>189.68700000000001</v>
      </c>
      <c r="E3242">
        <v>7370.08</v>
      </c>
      <c r="F3242">
        <v>10800</v>
      </c>
      <c r="G3242">
        <v>19955.900000000001</v>
      </c>
      <c r="H3242">
        <v>3.14961</v>
      </c>
      <c r="I3242">
        <v>20972.400000000001</v>
      </c>
      <c r="J3242">
        <v>108.41200000000001</v>
      </c>
    </row>
    <row r="3243" spans="1:10" x14ac:dyDescent="0.25">
      <c r="A3243">
        <v>23</v>
      </c>
      <c r="B3243">
        <v>108.919</v>
      </c>
      <c r="C3243">
        <v>119.93899999999999</v>
      </c>
      <c r="D3243">
        <v>190</v>
      </c>
      <c r="E3243">
        <v>7370.08</v>
      </c>
      <c r="F3243">
        <v>27127.599999999999</v>
      </c>
      <c r="G3243">
        <v>22507.1</v>
      </c>
      <c r="H3243">
        <v>2.9133900000000001</v>
      </c>
      <c r="I3243">
        <v>39175.599999999999</v>
      </c>
      <c r="J3243">
        <v>21.534199999999998</v>
      </c>
    </row>
    <row r="3244" spans="1:10" x14ac:dyDescent="0.25">
      <c r="A3244">
        <v>23</v>
      </c>
      <c r="B3244">
        <v>109.864</v>
      </c>
      <c r="C3244">
        <v>114.913</v>
      </c>
      <c r="D3244">
        <v>190</v>
      </c>
      <c r="E3244">
        <v>10091.299999999999</v>
      </c>
      <c r="F3244">
        <v>11055.1</v>
      </c>
      <c r="G3244">
        <v>19955.900000000001</v>
      </c>
      <c r="H3244">
        <v>3.6692900000000002</v>
      </c>
      <c r="I3244">
        <v>23410.6</v>
      </c>
      <c r="J3244">
        <v>38.680199999999999</v>
      </c>
    </row>
    <row r="3245" spans="1:10" x14ac:dyDescent="0.25">
      <c r="A3245">
        <v>23</v>
      </c>
      <c r="B3245">
        <v>108.919</v>
      </c>
      <c r="C3245">
        <v>119.93899999999999</v>
      </c>
      <c r="D3245">
        <v>189.68700000000001</v>
      </c>
      <c r="E3245">
        <v>10091.299999999999</v>
      </c>
      <c r="F3245">
        <v>10800</v>
      </c>
      <c r="G3245">
        <v>19955.900000000001</v>
      </c>
      <c r="H3245">
        <v>2.25197</v>
      </c>
      <c r="I3245">
        <v>23937</v>
      </c>
      <c r="J3245">
        <v>26.182600000000001</v>
      </c>
    </row>
    <row r="3246" spans="1:10" x14ac:dyDescent="0.25">
      <c r="A3246">
        <v>23</v>
      </c>
      <c r="B3246">
        <v>108.919</v>
      </c>
      <c r="C3246">
        <v>124.96599999999999</v>
      </c>
      <c r="D3246">
        <v>190</v>
      </c>
      <c r="E3246">
        <v>10091.299999999999</v>
      </c>
      <c r="F3246">
        <v>11055.1</v>
      </c>
      <c r="G3246">
        <v>18595.3</v>
      </c>
      <c r="H3246">
        <v>2.1574800000000001</v>
      </c>
      <c r="I3246">
        <v>25843.3</v>
      </c>
      <c r="J3246">
        <v>27.904800000000002</v>
      </c>
    </row>
    <row r="3247" spans="1:10" x14ac:dyDescent="0.25">
      <c r="A3247">
        <v>23</v>
      </c>
      <c r="B3247">
        <v>110.1</v>
      </c>
      <c r="C3247">
        <v>124.96599999999999</v>
      </c>
      <c r="D3247">
        <v>190</v>
      </c>
      <c r="E3247">
        <v>10091.299999999999</v>
      </c>
      <c r="F3247">
        <v>11055.1</v>
      </c>
      <c r="G3247">
        <v>19955.900000000001</v>
      </c>
      <c r="H3247">
        <v>2.1574800000000001</v>
      </c>
      <c r="I3247">
        <v>25234</v>
      </c>
      <c r="J3247">
        <v>100.217</v>
      </c>
    </row>
    <row r="3248" spans="1:10" x14ac:dyDescent="0.25">
      <c r="A3248">
        <v>23</v>
      </c>
      <c r="B3248">
        <v>110.1</v>
      </c>
      <c r="C3248">
        <v>123.395</v>
      </c>
      <c r="D3248">
        <v>190</v>
      </c>
      <c r="E3248">
        <v>7370.08</v>
      </c>
      <c r="F3248">
        <v>10800</v>
      </c>
      <c r="G3248">
        <v>19955.900000000001</v>
      </c>
      <c r="H3248">
        <v>2.4409399999999999</v>
      </c>
      <c r="I3248">
        <v>21077.5</v>
      </c>
      <c r="J3248">
        <v>26.915199999999999</v>
      </c>
    </row>
    <row r="3249" spans="1:10" x14ac:dyDescent="0.25">
      <c r="A3249">
        <v>23</v>
      </c>
      <c r="B3249">
        <v>108.446</v>
      </c>
      <c r="C3249">
        <v>113.342</v>
      </c>
      <c r="D3249">
        <v>189.06</v>
      </c>
      <c r="E3249">
        <v>7370.08</v>
      </c>
      <c r="F3249">
        <v>10800</v>
      </c>
      <c r="G3249">
        <v>18595.3</v>
      </c>
      <c r="H3249">
        <v>3.90551</v>
      </c>
      <c r="I3249">
        <v>20415.3</v>
      </c>
      <c r="J3249">
        <v>80.942899999999995</v>
      </c>
    </row>
    <row r="3250" spans="1:10" x14ac:dyDescent="0.25">
      <c r="A3250">
        <v>23</v>
      </c>
      <c r="B3250">
        <v>109.155</v>
      </c>
      <c r="C3250">
        <v>124.96599999999999</v>
      </c>
      <c r="D3250">
        <v>189.68700000000001</v>
      </c>
      <c r="E3250">
        <v>7370.08</v>
      </c>
      <c r="F3250">
        <v>10800</v>
      </c>
      <c r="G3250">
        <v>19955.900000000001</v>
      </c>
      <c r="H3250">
        <v>2.0866099999999999</v>
      </c>
      <c r="I3250">
        <v>21676.1</v>
      </c>
      <c r="J3250">
        <v>107.587</v>
      </c>
    </row>
    <row r="3251" spans="1:10" x14ac:dyDescent="0.25">
      <c r="A3251">
        <v>23</v>
      </c>
      <c r="B3251">
        <v>108.919</v>
      </c>
      <c r="C3251">
        <v>113.65600000000001</v>
      </c>
      <c r="D3251">
        <v>189.68700000000001</v>
      </c>
      <c r="E3251">
        <v>7370.08</v>
      </c>
      <c r="F3251">
        <v>10800</v>
      </c>
      <c r="G3251">
        <v>18595.3</v>
      </c>
      <c r="H3251">
        <v>2.9133900000000001</v>
      </c>
      <c r="I3251">
        <v>20866.2</v>
      </c>
      <c r="J3251">
        <v>63.2669</v>
      </c>
    </row>
    <row r="3252" spans="1:10" x14ac:dyDescent="0.25">
      <c r="A3252">
        <v>23</v>
      </c>
      <c r="B3252">
        <v>109.39100000000001</v>
      </c>
      <c r="C3252">
        <v>123.709</v>
      </c>
      <c r="D3252">
        <v>190</v>
      </c>
      <c r="E3252">
        <v>10091.299999999999</v>
      </c>
      <c r="F3252">
        <v>11055.1</v>
      </c>
      <c r="G3252">
        <v>18595.3</v>
      </c>
      <c r="H3252">
        <v>2.9133900000000001</v>
      </c>
      <c r="I3252">
        <v>24209.7</v>
      </c>
      <c r="J3252">
        <v>43.753500000000003</v>
      </c>
    </row>
    <row r="3253" spans="1:10" x14ac:dyDescent="0.25">
      <c r="A3253">
        <v>23</v>
      </c>
      <c r="B3253">
        <v>109.864</v>
      </c>
      <c r="C3253">
        <v>123.709</v>
      </c>
      <c r="D3253">
        <v>189.68700000000001</v>
      </c>
      <c r="E3253">
        <v>7370.08</v>
      </c>
      <c r="F3253">
        <v>10800</v>
      </c>
      <c r="G3253">
        <v>18595.3</v>
      </c>
      <c r="H3253">
        <v>2.9133900000000001</v>
      </c>
      <c r="I3253">
        <v>21036.7</v>
      </c>
      <c r="J3253">
        <v>100.151</v>
      </c>
    </row>
    <row r="3254" spans="1:10" x14ac:dyDescent="0.25">
      <c r="A3254">
        <v>23</v>
      </c>
      <c r="B3254">
        <v>110.1</v>
      </c>
      <c r="C3254">
        <v>119.625</v>
      </c>
      <c r="D3254">
        <v>189.06</v>
      </c>
      <c r="E3254">
        <v>7370.08</v>
      </c>
      <c r="F3254">
        <v>10800</v>
      </c>
      <c r="G3254">
        <v>19955.900000000001</v>
      </c>
      <c r="H3254">
        <v>3.55118</v>
      </c>
      <c r="I3254">
        <v>20372</v>
      </c>
      <c r="J3254">
        <v>51.306899999999999</v>
      </c>
    </row>
    <row r="3255" spans="1:10" x14ac:dyDescent="0.25">
      <c r="A3255">
        <v>23</v>
      </c>
      <c r="B3255">
        <v>109.864</v>
      </c>
      <c r="C3255">
        <v>124.96599999999999</v>
      </c>
      <c r="D3255">
        <v>190</v>
      </c>
      <c r="E3255">
        <v>10091.299999999999</v>
      </c>
      <c r="F3255">
        <v>11055.1</v>
      </c>
      <c r="G3255">
        <v>19955.900000000001</v>
      </c>
      <c r="H3255">
        <v>2.1574800000000001</v>
      </c>
      <c r="I3255">
        <v>25164.3</v>
      </c>
      <c r="J3255">
        <v>103.34</v>
      </c>
    </row>
    <row r="3256" spans="1:10" x14ac:dyDescent="0.25">
      <c r="A3256">
        <v>23</v>
      </c>
      <c r="B3256">
        <v>109.628</v>
      </c>
      <c r="C3256">
        <v>123.395</v>
      </c>
      <c r="D3256">
        <v>189.06</v>
      </c>
      <c r="E3256">
        <v>7370.08</v>
      </c>
      <c r="F3256">
        <v>10800</v>
      </c>
      <c r="G3256">
        <v>19955.900000000001</v>
      </c>
      <c r="H3256">
        <v>3.8582700000000001</v>
      </c>
      <c r="I3256">
        <v>20206.900000000001</v>
      </c>
      <c r="J3256">
        <v>60.32</v>
      </c>
    </row>
    <row r="3257" spans="1:10" x14ac:dyDescent="0.25">
      <c r="A3257">
        <v>23</v>
      </c>
      <c r="B3257">
        <v>109.39100000000001</v>
      </c>
      <c r="C3257">
        <v>118.997</v>
      </c>
      <c r="D3257">
        <v>190</v>
      </c>
      <c r="E3257">
        <v>7370.08</v>
      </c>
      <c r="F3257">
        <v>10800</v>
      </c>
      <c r="G3257">
        <v>19955.900000000001</v>
      </c>
      <c r="H3257">
        <v>3.8582700000000001</v>
      </c>
      <c r="I3257">
        <v>20328.8</v>
      </c>
      <c r="J3257">
        <v>44.6006</v>
      </c>
    </row>
    <row r="3258" spans="1:10" x14ac:dyDescent="0.25">
      <c r="A3258">
        <v>23</v>
      </c>
      <c r="B3258">
        <v>110.1</v>
      </c>
      <c r="C3258">
        <v>123.395</v>
      </c>
      <c r="D3258">
        <v>189.06</v>
      </c>
      <c r="E3258">
        <v>7710.24</v>
      </c>
      <c r="F3258">
        <v>10800</v>
      </c>
      <c r="G3258">
        <v>19955.900000000001</v>
      </c>
      <c r="H3258">
        <v>4</v>
      </c>
      <c r="I3258">
        <v>20523.599999999999</v>
      </c>
      <c r="J3258">
        <v>67.812600000000003</v>
      </c>
    </row>
    <row r="3259" spans="1:10" x14ac:dyDescent="0.25">
      <c r="A3259">
        <v>23</v>
      </c>
      <c r="B3259">
        <v>110.1</v>
      </c>
      <c r="C3259">
        <v>124.96599999999999</v>
      </c>
      <c r="D3259">
        <v>189.68700000000001</v>
      </c>
      <c r="E3259">
        <v>7710.24</v>
      </c>
      <c r="F3259">
        <v>10800</v>
      </c>
      <c r="G3259">
        <v>18595.3</v>
      </c>
      <c r="H3259">
        <v>3.19685</v>
      </c>
      <c r="I3259">
        <v>21648.5</v>
      </c>
      <c r="J3259">
        <v>67.837199999999996</v>
      </c>
    </row>
    <row r="3260" spans="1:10" x14ac:dyDescent="0.25">
      <c r="A3260">
        <v>23</v>
      </c>
      <c r="B3260">
        <v>108.919</v>
      </c>
      <c r="C3260">
        <v>119.625</v>
      </c>
      <c r="D3260">
        <v>189.68700000000001</v>
      </c>
      <c r="E3260">
        <v>7370.08</v>
      </c>
      <c r="F3260">
        <v>10800</v>
      </c>
      <c r="G3260">
        <v>9070.8700000000008</v>
      </c>
      <c r="H3260">
        <v>3.3622000000000001</v>
      </c>
      <c r="I3260">
        <v>20402.2</v>
      </c>
      <c r="J3260">
        <v>40.109299999999998</v>
      </c>
    </row>
    <row r="3261" spans="1:10" x14ac:dyDescent="0.25">
      <c r="A3261">
        <v>23</v>
      </c>
      <c r="B3261">
        <v>110.1</v>
      </c>
      <c r="C3261">
        <v>119.625</v>
      </c>
      <c r="D3261">
        <v>189.68700000000001</v>
      </c>
      <c r="E3261">
        <v>7370.08</v>
      </c>
      <c r="F3261">
        <v>10800</v>
      </c>
      <c r="G3261">
        <v>24037.8</v>
      </c>
      <c r="H3261">
        <v>2.4409399999999999</v>
      </c>
      <c r="I3261">
        <v>21008.1</v>
      </c>
      <c r="J3261">
        <v>30.8004</v>
      </c>
    </row>
    <row r="3262" spans="1:10" x14ac:dyDescent="0.25">
      <c r="A3262">
        <v>23</v>
      </c>
      <c r="B3262">
        <v>101.36</v>
      </c>
      <c r="C3262">
        <v>118.68300000000001</v>
      </c>
      <c r="D3262">
        <v>190</v>
      </c>
      <c r="E3262">
        <v>7370.08</v>
      </c>
      <c r="F3262">
        <v>10800</v>
      </c>
      <c r="G3262">
        <v>19785.8</v>
      </c>
      <c r="H3262">
        <v>3.8582700000000001</v>
      </c>
      <c r="I3262">
        <v>20382.7</v>
      </c>
      <c r="J3262">
        <v>44.895600000000002</v>
      </c>
    </row>
    <row r="3263" spans="1:10" x14ac:dyDescent="0.25">
      <c r="A3263">
        <v>23</v>
      </c>
      <c r="B3263">
        <v>108.919</v>
      </c>
      <c r="C3263">
        <v>124.96599999999999</v>
      </c>
      <c r="D3263">
        <v>190</v>
      </c>
      <c r="E3263">
        <v>10431.5</v>
      </c>
      <c r="F3263">
        <v>11310.2</v>
      </c>
      <c r="G3263">
        <v>19955.900000000001</v>
      </c>
      <c r="H3263">
        <v>1.02362</v>
      </c>
      <c r="I3263">
        <v>28911.3</v>
      </c>
      <c r="J3263">
        <v>89.181899999999999</v>
      </c>
    </row>
    <row r="3264" spans="1:10" x14ac:dyDescent="0.25">
      <c r="A3264">
        <v>23</v>
      </c>
      <c r="B3264">
        <v>109.864</v>
      </c>
      <c r="C3264">
        <v>119.625</v>
      </c>
      <c r="D3264">
        <v>189.06</v>
      </c>
      <c r="E3264">
        <v>7370.08</v>
      </c>
      <c r="F3264">
        <v>10800</v>
      </c>
      <c r="G3264">
        <v>25398.400000000001</v>
      </c>
      <c r="H3264">
        <v>3.9527600000000001</v>
      </c>
      <c r="I3264">
        <v>20281</v>
      </c>
      <c r="J3264">
        <v>48.544499999999999</v>
      </c>
    </row>
    <row r="3265" spans="1:10" x14ac:dyDescent="0.25">
      <c r="A3265">
        <v>23</v>
      </c>
      <c r="B3265">
        <v>108.919</v>
      </c>
      <c r="C3265">
        <v>123.395</v>
      </c>
      <c r="D3265">
        <v>189.06</v>
      </c>
      <c r="E3265">
        <v>7370.08</v>
      </c>
      <c r="F3265">
        <v>10800</v>
      </c>
      <c r="G3265">
        <v>19955.900000000001</v>
      </c>
      <c r="H3265">
        <v>1.2125999999999999</v>
      </c>
      <c r="I3265">
        <v>24076.400000000001</v>
      </c>
      <c r="J3265">
        <v>27.540500000000002</v>
      </c>
    </row>
    <row r="3266" spans="1:10" x14ac:dyDescent="0.25">
      <c r="A3266">
        <v>23</v>
      </c>
      <c r="B3266">
        <v>109.155</v>
      </c>
      <c r="C3266">
        <v>119.93899999999999</v>
      </c>
      <c r="D3266">
        <v>189.68700000000001</v>
      </c>
      <c r="E3266">
        <v>7370.08</v>
      </c>
      <c r="F3266">
        <v>10800</v>
      </c>
      <c r="G3266">
        <v>18595.3</v>
      </c>
      <c r="H3266">
        <v>3.55118</v>
      </c>
      <c r="I3266">
        <v>20343.8</v>
      </c>
      <c r="J3266">
        <v>38.982700000000001</v>
      </c>
    </row>
    <row r="3267" spans="1:10" x14ac:dyDescent="0.25">
      <c r="A3267">
        <v>23</v>
      </c>
      <c r="B3267">
        <v>108.919</v>
      </c>
      <c r="C3267">
        <v>124.652</v>
      </c>
      <c r="D3267">
        <v>189.68700000000001</v>
      </c>
      <c r="E3267">
        <v>7370.08</v>
      </c>
      <c r="F3267">
        <v>10800</v>
      </c>
      <c r="G3267">
        <v>19955.900000000001</v>
      </c>
      <c r="H3267">
        <v>2.4409399999999999</v>
      </c>
      <c r="I3267">
        <v>21446.5</v>
      </c>
      <c r="J3267">
        <v>92.009500000000003</v>
      </c>
    </row>
    <row r="3268" spans="1:10" x14ac:dyDescent="0.25">
      <c r="A3268">
        <v>23</v>
      </c>
      <c r="B3268">
        <v>109.864</v>
      </c>
      <c r="C3268">
        <v>124.652</v>
      </c>
      <c r="D3268">
        <v>189.37299999999999</v>
      </c>
      <c r="E3268">
        <v>7370.08</v>
      </c>
      <c r="F3268">
        <v>10800</v>
      </c>
      <c r="G3268">
        <v>18595.3</v>
      </c>
      <c r="H3268">
        <v>2.1574800000000001</v>
      </c>
      <c r="I3268">
        <v>21848.5</v>
      </c>
      <c r="J3268">
        <v>111.39400000000001</v>
      </c>
    </row>
    <row r="3269" spans="1:10" x14ac:dyDescent="0.25">
      <c r="A3269">
        <v>23</v>
      </c>
      <c r="B3269">
        <v>109.155</v>
      </c>
      <c r="C3269">
        <v>119.93899999999999</v>
      </c>
      <c r="D3269">
        <v>189.06</v>
      </c>
      <c r="E3269">
        <v>7370.08</v>
      </c>
      <c r="F3269">
        <v>10800</v>
      </c>
      <c r="G3269">
        <v>19955.900000000001</v>
      </c>
      <c r="H3269">
        <v>3.8346499999999999</v>
      </c>
      <c r="I3269">
        <v>20215.599999999999</v>
      </c>
      <c r="J3269">
        <v>39.205100000000002</v>
      </c>
    </row>
    <row r="3270" spans="1:10" x14ac:dyDescent="0.25">
      <c r="A3270">
        <v>23</v>
      </c>
      <c r="B3270">
        <v>109.155</v>
      </c>
      <c r="C3270">
        <v>118.369</v>
      </c>
      <c r="D3270">
        <v>189.37299999999999</v>
      </c>
      <c r="E3270">
        <v>7710.24</v>
      </c>
      <c r="F3270">
        <v>10800</v>
      </c>
      <c r="G3270">
        <v>19955.900000000001</v>
      </c>
      <c r="H3270">
        <v>2.25197</v>
      </c>
      <c r="I3270">
        <v>21777.200000000001</v>
      </c>
      <c r="J3270">
        <v>40.2517</v>
      </c>
    </row>
    <row r="3271" spans="1:10" x14ac:dyDescent="0.25">
      <c r="A3271">
        <v>23</v>
      </c>
      <c r="B3271">
        <v>108.446</v>
      </c>
      <c r="C3271">
        <v>118.369</v>
      </c>
      <c r="D3271">
        <v>189.37299999999999</v>
      </c>
      <c r="E3271">
        <v>7710.24</v>
      </c>
      <c r="F3271">
        <v>10800</v>
      </c>
      <c r="G3271">
        <v>19955.900000000001</v>
      </c>
      <c r="H3271">
        <v>1.82677</v>
      </c>
      <c r="I3271">
        <v>22200.1</v>
      </c>
      <c r="J3271">
        <v>41.056100000000001</v>
      </c>
    </row>
    <row r="3272" spans="1:10" x14ac:dyDescent="0.25">
      <c r="A3272">
        <v>23</v>
      </c>
      <c r="B3272">
        <v>107.502</v>
      </c>
      <c r="C3272">
        <v>119.625</v>
      </c>
      <c r="D3272">
        <v>189.68700000000001</v>
      </c>
      <c r="E3272">
        <v>7370.08</v>
      </c>
      <c r="F3272">
        <v>10800</v>
      </c>
      <c r="G3272">
        <v>9070.8700000000008</v>
      </c>
      <c r="H3272">
        <v>3.14961</v>
      </c>
      <c r="I3272">
        <v>20705.8</v>
      </c>
      <c r="J3272">
        <v>41.8474</v>
      </c>
    </row>
    <row r="3273" spans="1:10" x14ac:dyDescent="0.25">
      <c r="A3273">
        <v>23</v>
      </c>
      <c r="B3273">
        <v>109.155</v>
      </c>
      <c r="C3273">
        <v>123.395</v>
      </c>
      <c r="D3273">
        <v>189.68700000000001</v>
      </c>
      <c r="E3273">
        <v>7710.24</v>
      </c>
      <c r="F3273">
        <v>10800</v>
      </c>
      <c r="G3273">
        <v>19955.900000000001</v>
      </c>
      <c r="H3273">
        <v>2.34646</v>
      </c>
      <c r="I3273">
        <v>21792.9</v>
      </c>
      <c r="J3273">
        <v>39.674100000000003</v>
      </c>
    </row>
    <row r="3274" spans="1:10" x14ac:dyDescent="0.25">
      <c r="A3274">
        <v>23</v>
      </c>
      <c r="B3274">
        <v>108.446</v>
      </c>
      <c r="C3274">
        <v>119.625</v>
      </c>
      <c r="D3274">
        <v>189.06</v>
      </c>
      <c r="E3274">
        <v>7370.08</v>
      </c>
      <c r="F3274">
        <v>10800</v>
      </c>
      <c r="G3274">
        <v>10431.5</v>
      </c>
      <c r="H3274">
        <v>3.5748000000000002</v>
      </c>
      <c r="I3274">
        <v>20340.2</v>
      </c>
      <c r="J3274">
        <v>48.526200000000003</v>
      </c>
    </row>
    <row r="3275" spans="1:10" x14ac:dyDescent="0.25">
      <c r="A3275">
        <v>23</v>
      </c>
      <c r="B3275">
        <v>108.919</v>
      </c>
      <c r="C3275">
        <v>118.369</v>
      </c>
      <c r="D3275">
        <v>189.06</v>
      </c>
      <c r="E3275">
        <v>7370.08</v>
      </c>
      <c r="F3275">
        <v>10800</v>
      </c>
      <c r="G3275">
        <v>19955.900000000001</v>
      </c>
      <c r="H3275">
        <v>3.9527600000000001</v>
      </c>
      <c r="I3275">
        <v>20315.099999999999</v>
      </c>
      <c r="J3275">
        <v>51.533799999999999</v>
      </c>
    </row>
    <row r="3276" spans="1:10" x14ac:dyDescent="0.25">
      <c r="A3276">
        <v>23</v>
      </c>
      <c r="B3276">
        <v>109.864</v>
      </c>
      <c r="C3276">
        <v>124.652</v>
      </c>
      <c r="D3276">
        <v>189.68700000000001</v>
      </c>
      <c r="E3276">
        <v>7455.12</v>
      </c>
      <c r="F3276">
        <v>10800</v>
      </c>
      <c r="G3276">
        <v>19955.900000000001</v>
      </c>
      <c r="H3276">
        <v>2.1574800000000001</v>
      </c>
      <c r="I3276">
        <v>21919.4</v>
      </c>
      <c r="J3276">
        <v>102.371</v>
      </c>
    </row>
    <row r="3277" spans="1:10" x14ac:dyDescent="0.25">
      <c r="A3277">
        <v>23</v>
      </c>
      <c r="B3277">
        <v>109.864</v>
      </c>
      <c r="C3277">
        <v>123.395</v>
      </c>
      <c r="D3277">
        <v>189.68700000000001</v>
      </c>
      <c r="E3277">
        <v>7370.08</v>
      </c>
      <c r="F3277">
        <v>10800</v>
      </c>
      <c r="G3277">
        <v>22677.200000000001</v>
      </c>
      <c r="H3277">
        <v>3.9291299999999998</v>
      </c>
      <c r="I3277">
        <v>20133.3</v>
      </c>
      <c r="J3277">
        <v>73.799400000000006</v>
      </c>
    </row>
    <row r="3278" spans="1:10" x14ac:dyDescent="0.25">
      <c r="A3278">
        <v>23</v>
      </c>
      <c r="B3278">
        <v>109.39100000000001</v>
      </c>
      <c r="C3278">
        <v>124.652</v>
      </c>
      <c r="D3278">
        <v>189.37299999999999</v>
      </c>
      <c r="E3278">
        <v>7370.08</v>
      </c>
      <c r="F3278">
        <v>10800</v>
      </c>
      <c r="G3278">
        <v>21316.5</v>
      </c>
      <c r="H3278">
        <v>3.9291299999999998</v>
      </c>
      <c r="I3278">
        <v>20139.8</v>
      </c>
      <c r="J3278">
        <v>54.5745</v>
      </c>
    </row>
    <row r="3279" spans="1:10" x14ac:dyDescent="0.25">
      <c r="A3279">
        <v>23</v>
      </c>
      <c r="B3279">
        <v>109.39100000000001</v>
      </c>
      <c r="C3279">
        <v>124.652</v>
      </c>
      <c r="D3279">
        <v>189.06</v>
      </c>
      <c r="E3279">
        <v>7710.24</v>
      </c>
      <c r="F3279">
        <v>10800</v>
      </c>
      <c r="G3279">
        <v>18595.3</v>
      </c>
      <c r="H3279">
        <v>2.4881899999999999</v>
      </c>
      <c r="I3279">
        <v>21359.200000000001</v>
      </c>
      <c r="J3279">
        <v>21.663699999999999</v>
      </c>
    </row>
    <row r="3280" spans="1:10" x14ac:dyDescent="0.25">
      <c r="A3280">
        <v>23</v>
      </c>
      <c r="B3280">
        <v>110.1</v>
      </c>
      <c r="C3280">
        <v>128.422</v>
      </c>
      <c r="D3280">
        <v>189.06</v>
      </c>
      <c r="E3280">
        <v>7370.08</v>
      </c>
      <c r="F3280">
        <v>10800</v>
      </c>
      <c r="G3280">
        <v>19955.900000000001</v>
      </c>
      <c r="H3280">
        <v>3.9527600000000001</v>
      </c>
      <c r="I3280">
        <v>20582</v>
      </c>
      <c r="J3280">
        <v>119.59099999999999</v>
      </c>
    </row>
    <row r="3281" spans="1:10" x14ac:dyDescent="0.25">
      <c r="A3281">
        <v>23</v>
      </c>
      <c r="B3281">
        <v>109.155</v>
      </c>
      <c r="C3281">
        <v>124.96599999999999</v>
      </c>
      <c r="D3281">
        <v>189.68700000000001</v>
      </c>
      <c r="E3281">
        <v>7710.24</v>
      </c>
      <c r="F3281">
        <v>10800</v>
      </c>
      <c r="G3281">
        <v>9070.8700000000008</v>
      </c>
      <c r="H3281">
        <v>3.8582700000000001</v>
      </c>
      <c r="I3281">
        <v>21288.9</v>
      </c>
      <c r="J3281">
        <v>108.923</v>
      </c>
    </row>
    <row r="3282" spans="1:10" x14ac:dyDescent="0.25">
      <c r="A3282">
        <v>23</v>
      </c>
      <c r="B3282">
        <v>110.1</v>
      </c>
      <c r="C3282">
        <v>122.767</v>
      </c>
      <c r="D3282">
        <v>189.68700000000001</v>
      </c>
      <c r="E3282">
        <v>7370.08</v>
      </c>
      <c r="F3282">
        <v>10800</v>
      </c>
      <c r="G3282">
        <v>18595.3</v>
      </c>
      <c r="H3282">
        <v>2.4409399999999999</v>
      </c>
      <c r="I3282">
        <v>21041.4</v>
      </c>
      <c r="J3282">
        <v>25.975100000000001</v>
      </c>
    </row>
    <row r="3283" spans="1:10" x14ac:dyDescent="0.25">
      <c r="A3283">
        <v>23</v>
      </c>
      <c r="B3283">
        <v>107.265</v>
      </c>
      <c r="C3283">
        <v>119.625</v>
      </c>
      <c r="D3283">
        <v>189.68700000000001</v>
      </c>
      <c r="E3283">
        <v>7370.08</v>
      </c>
      <c r="F3283">
        <v>14881.9</v>
      </c>
      <c r="G3283">
        <v>14513.4</v>
      </c>
      <c r="H3283">
        <v>2.4881899999999999</v>
      </c>
      <c r="I3283">
        <v>26119</v>
      </c>
      <c r="J3283">
        <v>61.879199999999997</v>
      </c>
    </row>
    <row r="3284" spans="1:10" x14ac:dyDescent="0.25">
      <c r="A3284">
        <v>23</v>
      </c>
      <c r="B3284">
        <v>110.1</v>
      </c>
      <c r="C3284">
        <v>129.679</v>
      </c>
      <c r="D3284">
        <v>189.06</v>
      </c>
      <c r="E3284">
        <v>7370.08</v>
      </c>
      <c r="F3284">
        <v>10800</v>
      </c>
      <c r="G3284">
        <v>19955.900000000001</v>
      </c>
      <c r="H3284">
        <v>2.4409399999999999</v>
      </c>
      <c r="I3284">
        <v>21520.9</v>
      </c>
      <c r="J3284">
        <v>122.157</v>
      </c>
    </row>
    <row r="3285" spans="1:10" x14ac:dyDescent="0.25">
      <c r="A3285">
        <v>23</v>
      </c>
      <c r="B3285">
        <v>109.864</v>
      </c>
      <c r="C3285">
        <v>124.652</v>
      </c>
      <c r="D3285">
        <v>189.68700000000001</v>
      </c>
      <c r="E3285">
        <v>7370.08</v>
      </c>
      <c r="F3285">
        <v>10800</v>
      </c>
      <c r="G3285">
        <v>9070.8700000000008</v>
      </c>
      <c r="H3285">
        <v>3.9291299999999998</v>
      </c>
      <c r="I3285">
        <v>20910.8</v>
      </c>
      <c r="J3285">
        <v>103.798</v>
      </c>
    </row>
    <row r="3286" spans="1:10" x14ac:dyDescent="0.25">
      <c r="A3286">
        <v>23</v>
      </c>
      <c r="B3286">
        <v>110.1</v>
      </c>
      <c r="C3286">
        <v>123.395</v>
      </c>
      <c r="D3286">
        <v>189.06</v>
      </c>
      <c r="E3286">
        <v>7370.08</v>
      </c>
      <c r="F3286">
        <v>10800</v>
      </c>
      <c r="G3286">
        <v>19955.900000000001</v>
      </c>
      <c r="H3286">
        <v>2.3936999999999999</v>
      </c>
      <c r="I3286">
        <v>21078.5</v>
      </c>
      <c r="J3286">
        <v>92.338999999999999</v>
      </c>
    </row>
    <row r="3287" spans="1:10" x14ac:dyDescent="0.25">
      <c r="A3287">
        <v>23</v>
      </c>
      <c r="B3287">
        <v>109.864</v>
      </c>
      <c r="C3287">
        <v>123.395</v>
      </c>
      <c r="D3287">
        <v>189.37299999999999</v>
      </c>
      <c r="E3287">
        <v>7370.08</v>
      </c>
      <c r="F3287">
        <v>10800</v>
      </c>
      <c r="G3287">
        <v>19615.7</v>
      </c>
      <c r="H3287">
        <v>3.8582700000000001</v>
      </c>
      <c r="I3287">
        <v>20162.599999999999</v>
      </c>
      <c r="J3287">
        <v>74.277000000000001</v>
      </c>
    </row>
    <row r="3288" spans="1:10" x14ac:dyDescent="0.25">
      <c r="A3288">
        <v>23</v>
      </c>
      <c r="B3288">
        <v>108.919</v>
      </c>
      <c r="C3288">
        <v>119.625</v>
      </c>
      <c r="D3288">
        <v>189.68700000000001</v>
      </c>
      <c r="E3288">
        <v>7370.08</v>
      </c>
      <c r="F3288">
        <v>10800</v>
      </c>
      <c r="G3288">
        <v>18595.3</v>
      </c>
      <c r="H3288">
        <v>1.9684999999999999</v>
      </c>
      <c r="I3288">
        <v>21695.4</v>
      </c>
      <c r="J3288">
        <v>29.2288</v>
      </c>
    </row>
    <row r="3289" spans="1:10" x14ac:dyDescent="0.25">
      <c r="A3289">
        <v>23</v>
      </c>
      <c r="B3289">
        <v>110.1</v>
      </c>
      <c r="C3289">
        <v>123.395</v>
      </c>
      <c r="D3289">
        <v>189.68700000000001</v>
      </c>
      <c r="E3289">
        <v>7370.08</v>
      </c>
      <c r="F3289">
        <v>10800</v>
      </c>
      <c r="G3289">
        <v>19955.900000000001</v>
      </c>
      <c r="H3289">
        <v>3.10236</v>
      </c>
      <c r="I3289">
        <v>21051.4</v>
      </c>
      <c r="J3289">
        <v>24.819800000000001</v>
      </c>
    </row>
    <row r="3290" spans="1:10" x14ac:dyDescent="0.25">
      <c r="A3290">
        <v>23</v>
      </c>
      <c r="B3290">
        <v>108.919</v>
      </c>
      <c r="C3290">
        <v>124.96599999999999</v>
      </c>
      <c r="D3290">
        <v>190</v>
      </c>
      <c r="E3290">
        <v>7370.08</v>
      </c>
      <c r="F3290">
        <v>11055.1</v>
      </c>
      <c r="G3290">
        <v>19955.900000000001</v>
      </c>
      <c r="H3290">
        <v>3.9527600000000001</v>
      </c>
      <c r="I3290">
        <v>21020</v>
      </c>
      <c r="J3290">
        <v>110.911</v>
      </c>
    </row>
    <row r="3291" spans="1:10" x14ac:dyDescent="0.25">
      <c r="A3291">
        <v>23</v>
      </c>
      <c r="B3291">
        <v>109.155</v>
      </c>
      <c r="C3291">
        <v>129.99299999999999</v>
      </c>
      <c r="D3291">
        <v>189.68700000000001</v>
      </c>
      <c r="E3291">
        <v>7370.08</v>
      </c>
      <c r="F3291">
        <v>10800</v>
      </c>
      <c r="G3291">
        <v>19955.900000000001</v>
      </c>
      <c r="H3291">
        <v>3.59843</v>
      </c>
      <c r="I3291">
        <v>20469.099999999999</v>
      </c>
      <c r="J3291">
        <v>121.267</v>
      </c>
    </row>
    <row r="3292" spans="1:10" x14ac:dyDescent="0.25">
      <c r="A3292">
        <v>23</v>
      </c>
      <c r="B3292">
        <v>110.1</v>
      </c>
      <c r="C3292">
        <v>123.395</v>
      </c>
      <c r="D3292">
        <v>189.68700000000001</v>
      </c>
      <c r="E3292">
        <v>7370.08</v>
      </c>
      <c r="F3292">
        <v>10800</v>
      </c>
      <c r="G3292">
        <v>18595.3</v>
      </c>
      <c r="H3292">
        <v>3.10236</v>
      </c>
      <c r="I3292">
        <v>21051.4</v>
      </c>
      <c r="J3292">
        <v>24.819800000000001</v>
      </c>
    </row>
    <row r="3293" spans="1:10" x14ac:dyDescent="0.25">
      <c r="A3293">
        <v>23</v>
      </c>
      <c r="B3293">
        <v>108.446</v>
      </c>
      <c r="C3293">
        <v>119.625</v>
      </c>
      <c r="D3293">
        <v>189.68700000000001</v>
      </c>
      <c r="E3293">
        <v>7710.24</v>
      </c>
      <c r="F3293">
        <v>10800</v>
      </c>
      <c r="G3293">
        <v>22677.200000000001</v>
      </c>
      <c r="H3293">
        <v>3.2913399999999999</v>
      </c>
      <c r="I3293">
        <v>20860.099999999999</v>
      </c>
      <c r="J3293">
        <v>38.4101</v>
      </c>
    </row>
    <row r="3294" spans="1:10" x14ac:dyDescent="0.25">
      <c r="A3294">
        <v>23</v>
      </c>
      <c r="B3294">
        <v>109.155</v>
      </c>
      <c r="C3294">
        <v>113.342</v>
      </c>
      <c r="D3294">
        <v>189.06</v>
      </c>
      <c r="E3294">
        <v>7370.08</v>
      </c>
      <c r="F3294">
        <v>10800</v>
      </c>
      <c r="G3294">
        <v>19955.900000000001</v>
      </c>
      <c r="H3294">
        <v>3.6692900000000002</v>
      </c>
      <c r="I3294">
        <v>20482.5</v>
      </c>
      <c r="J3294">
        <v>73.529499999999999</v>
      </c>
    </row>
    <row r="3295" spans="1:10" x14ac:dyDescent="0.25">
      <c r="A3295">
        <v>23</v>
      </c>
      <c r="B3295">
        <v>110.1</v>
      </c>
      <c r="C3295">
        <v>118.68300000000001</v>
      </c>
      <c r="D3295">
        <v>189.68700000000001</v>
      </c>
      <c r="E3295">
        <v>7370.08</v>
      </c>
      <c r="F3295">
        <v>10800</v>
      </c>
      <c r="G3295">
        <v>18595.3</v>
      </c>
      <c r="H3295">
        <v>2.4173200000000001</v>
      </c>
      <c r="I3295">
        <v>21154.6</v>
      </c>
      <c r="J3295">
        <v>37.297199999999997</v>
      </c>
    </row>
    <row r="3296" spans="1:10" x14ac:dyDescent="0.25">
      <c r="A3296">
        <v>23</v>
      </c>
      <c r="B3296">
        <v>109.864</v>
      </c>
      <c r="C3296">
        <v>119.625</v>
      </c>
      <c r="D3296">
        <v>189.68700000000001</v>
      </c>
      <c r="E3296">
        <v>10091.299999999999</v>
      </c>
      <c r="F3296">
        <v>10800</v>
      </c>
      <c r="G3296">
        <v>22677.200000000001</v>
      </c>
      <c r="H3296">
        <v>2.1574800000000001</v>
      </c>
      <c r="I3296">
        <v>24612.3</v>
      </c>
      <c r="J3296">
        <v>22.782</v>
      </c>
    </row>
    <row r="3297" spans="1:10" x14ac:dyDescent="0.25">
      <c r="A3297">
        <v>23</v>
      </c>
      <c r="B3297">
        <v>108.919</v>
      </c>
      <c r="C3297">
        <v>129.679</v>
      </c>
      <c r="D3297">
        <v>189.06</v>
      </c>
      <c r="E3297">
        <v>7370.08</v>
      </c>
      <c r="F3297">
        <v>27127.599999999999</v>
      </c>
      <c r="G3297">
        <v>18595.3</v>
      </c>
      <c r="H3297">
        <v>3.9527600000000001</v>
      </c>
      <c r="I3297">
        <v>36929.5</v>
      </c>
      <c r="J3297">
        <v>121.182</v>
      </c>
    </row>
    <row r="3298" spans="1:10" x14ac:dyDescent="0.25">
      <c r="A3298">
        <v>23</v>
      </c>
      <c r="B3298">
        <v>108.446</v>
      </c>
      <c r="C3298">
        <v>128.422</v>
      </c>
      <c r="D3298">
        <v>189.06</v>
      </c>
      <c r="E3298">
        <v>10091.299999999999</v>
      </c>
      <c r="F3298">
        <v>10800</v>
      </c>
      <c r="G3298">
        <v>19955.900000000001</v>
      </c>
      <c r="H3298">
        <v>2.1574800000000001</v>
      </c>
      <c r="I3298">
        <v>24647.599999999999</v>
      </c>
      <c r="J3298">
        <v>119.023</v>
      </c>
    </row>
    <row r="3299" spans="1:10" x14ac:dyDescent="0.25">
      <c r="A3299">
        <v>23</v>
      </c>
      <c r="B3299">
        <v>110.1</v>
      </c>
      <c r="C3299">
        <v>118.369</v>
      </c>
      <c r="D3299">
        <v>189.68700000000001</v>
      </c>
      <c r="E3299">
        <v>7370.08</v>
      </c>
      <c r="F3299">
        <v>10800</v>
      </c>
      <c r="G3299">
        <v>18595.3</v>
      </c>
      <c r="H3299">
        <v>2.7244100000000002</v>
      </c>
      <c r="I3299">
        <v>20973.5</v>
      </c>
      <c r="J3299">
        <v>37.857999999999997</v>
      </c>
    </row>
    <row r="3300" spans="1:10" x14ac:dyDescent="0.25">
      <c r="A3300">
        <v>23</v>
      </c>
      <c r="B3300">
        <v>109.39100000000001</v>
      </c>
      <c r="C3300">
        <v>114.598</v>
      </c>
      <c r="D3300">
        <v>189.06</v>
      </c>
      <c r="E3300">
        <v>7370.08</v>
      </c>
      <c r="F3300">
        <v>10800</v>
      </c>
      <c r="G3300">
        <v>19955.900000000001</v>
      </c>
      <c r="H3300">
        <v>3.19685</v>
      </c>
      <c r="I3300">
        <v>20684.599999999999</v>
      </c>
      <c r="J3300">
        <v>59.282299999999999</v>
      </c>
    </row>
    <row r="3301" spans="1:10" x14ac:dyDescent="0.25">
      <c r="A3301">
        <v>23</v>
      </c>
      <c r="B3301">
        <v>109.628</v>
      </c>
      <c r="C3301">
        <v>124.652</v>
      </c>
      <c r="D3301">
        <v>189.06</v>
      </c>
      <c r="E3301">
        <v>7370.08</v>
      </c>
      <c r="F3301">
        <v>10800</v>
      </c>
      <c r="G3301">
        <v>19955.900000000001</v>
      </c>
      <c r="H3301">
        <v>3.9527600000000001</v>
      </c>
      <c r="I3301">
        <v>20559.400000000001</v>
      </c>
      <c r="J3301">
        <v>95.318799999999996</v>
      </c>
    </row>
    <row r="3302" spans="1:10" x14ac:dyDescent="0.25">
      <c r="A3302">
        <v>23</v>
      </c>
      <c r="B3302">
        <v>109.155</v>
      </c>
      <c r="C3302">
        <v>119.625</v>
      </c>
      <c r="D3302">
        <v>189.06</v>
      </c>
      <c r="E3302">
        <v>7710.24</v>
      </c>
      <c r="F3302">
        <v>11055.1</v>
      </c>
      <c r="G3302">
        <v>19955.900000000001</v>
      </c>
      <c r="H3302">
        <v>3.9527600000000001</v>
      </c>
      <c r="I3302">
        <v>20828.8</v>
      </c>
      <c r="J3302">
        <v>41.964700000000001</v>
      </c>
    </row>
    <row r="3303" spans="1:10" x14ac:dyDescent="0.25">
      <c r="A3303">
        <v>23</v>
      </c>
      <c r="B3303">
        <v>108.446</v>
      </c>
      <c r="C3303">
        <v>114.913</v>
      </c>
      <c r="D3303">
        <v>189.06</v>
      </c>
      <c r="E3303">
        <v>10091.299999999999</v>
      </c>
      <c r="F3303">
        <v>10800</v>
      </c>
      <c r="G3303">
        <v>18595.3</v>
      </c>
      <c r="H3303">
        <v>2.6299199999999998</v>
      </c>
      <c r="I3303">
        <v>23642.9</v>
      </c>
      <c r="J3303">
        <v>45.276499999999999</v>
      </c>
    </row>
    <row r="3304" spans="1:10" x14ac:dyDescent="0.25">
      <c r="A3304">
        <v>23</v>
      </c>
      <c r="B3304">
        <v>110.1</v>
      </c>
      <c r="C3304">
        <v>124.652</v>
      </c>
      <c r="D3304">
        <v>190</v>
      </c>
      <c r="E3304">
        <v>10091.299999999999</v>
      </c>
      <c r="F3304">
        <v>11055.1</v>
      </c>
      <c r="G3304">
        <v>18595.3</v>
      </c>
      <c r="H3304">
        <v>3.10236</v>
      </c>
      <c r="I3304">
        <v>24182.400000000001</v>
      </c>
      <c r="J3304">
        <v>92.244500000000002</v>
      </c>
    </row>
    <row r="3305" spans="1:10" x14ac:dyDescent="0.25">
      <c r="A3305">
        <v>23</v>
      </c>
      <c r="B3305">
        <v>110.1</v>
      </c>
      <c r="C3305">
        <v>124.652</v>
      </c>
      <c r="D3305">
        <v>186.553</v>
      </c>
      <c r="E3305">
        <v>7370.08</v>
      </c>
      <c r="F3305">
        <v>10800</v>
      </c>
      <c r="G3305">
        <v>19955.900000000001</v>
      </c>
      <c r="H3305">
        <v>1.5905499999999999</v>
      </c>
      <c r="I3305">
        <v>23851.4</v>
      </c>
      <c r="J3305">
        <v>27.477900000000002</v>
      </c>
    </row>
    <row r="3306" spans="1:10" x14ac:dyDescent="0.25">
      <c r="A3306">
        <v>23</v>
      </c>
      <c r="B3306">
        <v>108.919</v>
      </c>
      <c r="C3306">
        <v>119.625</v>
      </c>
      <c r="D3306">
        <v>190</v>
      </c>
      <c r="E3306">
        <v>10176.4</v>
      </c>
      <c r="F3306">
        <v>10800</v>
      </c>
      <c r="G3306">
        <v>22677.200000000001</v>
      </c>
      <c r="H3306">
        <v>3.3858299999999999</v>
      </c>
      <c r="I3306">
        <v>23331.8</v>
      </c>
      <c r="J3306">
        <v>30.513300000000001</v>
      </c>
    </row>
    <row r="3307" spans="1:10" x14ac:dyDescent="0.25">
      <c r="A3307">
        <v>23</v>
      </c>
      <c r="B3307">
        <v>109.155</v>
      </c>
      <c r="C3307">
        <v>124.96599999999999</v>
      </c>
      <c r="D3307">
        <v>189.68700000000001</v>
      </c>
      <c r="E3307">
        <v>7455.12</v>
      </c>
      <c r="F3307">
        <v>10800</v>
      </c>
      <c r="G3307">
        <v>19955.900000000001</v>
      </c>
      <c r="H3307">
        <v>4</v>
      </c>
      <c r="I3307">
        <v>20564.2</v>
      </c>
      <c r="J3307">
        <v>34.555900000000001</v>
      </c>
    </row>
    <row r="3308" spans="1:10" x14ac:dyDescent="0.25">
      <c r="A3308">
        <v>23</v>
      </c>
      <c r="B3308">
        <v>109.39100000000001</v>
      </c>
      <c r="C3308">
        <v>124.652</v>
      </c>
      <c r="D3308">
        <v>189.68700000000001</v>
      </c>
      <c r="E3308">
        <v>7370.08</v>
      </c>
      <c r="F3308">
        <v>10800</v>
      </c>
      <c r="G3308">
        <v>7710.24</v>
      </c>
      <c r="H3308">
        <v>3.10236</v>
      </c>
      <c r="I3308">
        <v>21052.3</v>
      </c>
      <c r="J3308">
        <v>98.618300000000005</v>
      </c>
    </row>
    <row r="3309" spans="1:10" x14ac:dyDescent="0.25">
      <c r="A3309">
        <v>23</v>
      </c>
      <c r="B3309">
        <v>108.919</v>
      </c>
      <c r="C3309">
        <v>114.913</v>
      </c>
      <c r="D3309">
        <v>190</v>
      </c>
      <c r="E3309">
        <v>10091.299999999999</v>
      </c>
      <c r="F3309">
        <v>10800</v>
      </c>
      <c r="G3309">
        <v>22677.200000000001</v>
      </c>
      <c r="H3309">
        <v>3.00787</v>
      </c>
      <c r="I3309">
        <v>23358.6</v>
      </c>
      <c r="J3309">
        <v>41.828400000000002</v>
      </c>
    </row>
    <row r="3310" spans="1:10" x14ac:dyDescent="0.25">
      <c r="A3310">
        <v>23</v>
      </c>
      <c r="B3310">
        <v>110.1</v>
      </c>
      <c r="C3310">
        <v>113.342</v>
      </c>
      <c r="D3310">
        <v>189.68700000000001</v>
      </c>
      <c r="E3310">
        <v>7370.08</v>
      </c>
      <c r="F3310">
        <v>10800</v>
      </c>
      <c r="G3310">
        <v>18595.3</v>
      </c>
      <c r="H3310">
        <v>3.8582700000000001</v>
      </c>
      <c r="I3310">
        <v>20391.7</v>
      </c>
      <c r="J3310">
        <v>65.467500000000001</v>
      </c>
    </row>
    <row r="3311" spans="1:10" x14ac:dyDescent="0.25">
      <c r="A3311">
        <v>23</v>
      </c>
      <c r="B3311">
        <v>110.1</v>
      </c>
      <c r="C3311">
        <v>129.679</v>
      </c>
      <c r="D3311">
        <v>189.68700000000001</v>
      </c>
      <c r="E3311">
        <v>7370.08</v>
      </c>
      <c r="F3311">
        <v>10800</v>
      </c>
      <c r="G3311">
        <v>18595.3</v>
      </c>
      <c r="H3311">
        <v>3.6692900000000002</v>
      </c>
      <c r="I3311">
        <v>20603.5</v>
      </c>
      <c r="J3311">
        <v>111.367</v>
      </c>
    </row>
    <row r="3312" spans="1:10" x14ac:dyDescent="0.25">
      <c r="A3312">
        <v>23</v>
      </c>
      <c r="B3312">
        <v>109.39100000000001</v>
      </c>
      <c r="C3312">
        <v>124.652</v>
      </c>
      <c r="D3312">
        <v>189.06</v>
      </c>
      <c r="E3312">
        <v>7370.08</v>
      </c>
      <c r="F3312">
        <v>10800</v>
      </c>
      <c r="G3312">
        <v>19955.900000000001</v>
      </c>
      <c r="H3312">
        <v>3.8582700000000001</v>
      </c>
      <c r="I3312">
        <v>20231.7</v>
      </c>
      <c r="J3312">
        <v>56.811500000000002</v>
      </c>
    </row>
    <row r="3313" spans="1:10" x14ac:dyDescent="0.25">
      <c r="A3313">
        <v>23</v>
      </c>
      <c r="B3313">
        <v>110.1</v>
      </c>
      <c r="C3313">
        <v>123.395</v>
      </c>
      <c r="D3313">
        <v>189.06</v>
      </c>
      <c r="E3313">
        <v>7710.24</v>
      </c>
      <c r="F3313">
        <v>11055.1</v>
      </c>
      <c r="G3313">
        <v>19955.900000000001</v>
      </c>
      <c r="H3313">
        <v>2.4881899999999999</v>
      </c>
      <c r="I3313">
        <v>21813.599999999999</v>
      </c>
      <c r="J3313">
        <v>22.546399999999998</v>
      </c>
    </row>
    <row r="3314" spans="1:10" x14ac:dyDescent="0.25">
      <c r="A3314">
        <v>23</v>
      </c>
      <c r="B3314">
        <v>109.39100000000001</v>
      </c>
      <c r="C3314">
        <v>119.625</v>
      </c>
      <c r="D3314">
        <v>189.06</v>
      </c>
      <c r="E3314">
        <v>7370.08</v>
      </c>
      <c r="F3314">
        <v>10800</v>
      </c>
      <c r="G3314">
        <v>19955.900000000001</v>
      </c>
      <c r="H3314">
        <v>4</v>
      </c>
      <c r="I3314">
        <v>20227.099999999999</v>
      </c>
      <c r="J3314">
        <v>40.870600000000003</v>
      </c>
    </row>
    <row r="3315" spans="1:10" x14ac:dyDescent="0.25">
      <c r="A3315">
        <v>23</v>
      </c>
      <c r="B3315">
        <v>110.1</v>
      </c>
      <c r="C3315">
        <v>123.395</v>
      </c>
      <c r="D3315">
        <v>189.06</v>
      </c>
      <c r="E3315">
        <v>7370.08</v>
      </c>
      <c r="F3315">
        <v>10800</v>
      </c>
      <c r="G3315">
        <v>19955.900000000001</v>
      </c>
      <c r="H3315">
        <v>2.79528</v>
      </c>
      <c r="I3315">
        <v>20770.8</v>
      </c>
      <c r="J3315">
        <v>67.589600000000004</v>
      </c>
    </row>
    <row r="3316" spans="1:10" x14ac:dyDescent="0.25">
      <c r="A3316">
        <v>23</v>
      </c>
      <c r="B3316">
        <v>109.155</v>
      </c>
      <c r="C3316">
        <v>128.422</v>
      </c>
      <c r="D3316">
        <v>189.68700000000001</v>
      </c>
      <c r="E3316">
        <v>7370.08</v>
      </c>
      <c r="F3316">
        <v>10800</v>
      </c>
      <c r="G3316">
        <v>11792.1</v>
      </c>
      <c r="H3316">
        <v>3.9527600000000001</v>
      </c>
      <c r="I3316">
        <v>20483.7</v>
      </c>
      <c r="J3316">
        <v>116.214</v>
      </c>
    </row>
    <row r="3317" spans="1:10" x14ac:dyDescent="0.25">
      <c r="A3317">
        <v>23</v>
      </c>
      <c r="B3317">
        <v>110.1</v>
      </c>
      <c r="C3317">
        <v>114.598</v>
      </c>
      <c r="D3317">
        <v>189.68700000000001</v>
      </c>
      <c r="E3317">
        <v>7370.08</v>
      </c>
      <c r="F3317">
        <v>10800</v>
      </c>
      <c r="G3317">
        <v>24037.8</v>
      </c>
      <c r="H3317">
        <v>3.8582700000000001</v>
      </c>
      <c r="I3317">
        <v>20345.5</v>
      </c>
      <c r="J3317">
        <v>60.911200000000001</v>
      </c>
    </row>
    <row r="3318" spans="1:10" x14ac:dyDescent="0.25">
      <c r="A3318">
        <v>23</v>
      </c>
      <c r="B3318">
        <v>109.864</v>
      </c>
      <c r="C3318">
        <v>114.913</v>
      </c>
      <c r="D3318">
        <v>190</v>
      </c>
      <c r="E3318">
        <v>10091.299999999999</v>
      </c>
      <c r="F3318">
        <v>11055.1</v>
      </c>
      <c r="G3318">
        <v>22507.1</v>
      </c>
      <c r="H3318">
        <v>3.00787</v>
      </c>
      <c r="I3318">
        <v>23713.8</v>
      </c>
      <c r="J3318">
        <v>36.615200000000002</v>
      </c>
    </row>
    <row r="3319" spans="1:10" x14ac:dyDescent="0.25">
      <c r="A3319">
        <v>23</v>
      </c>
      <c r="B3319">
        <v>108.446</v>
      </c>
      <c r="C3319">
        <v>114.598</v>
      </c>
      <c r="D3319">
        <v>189.68700000000001</v>
      </c>
      <c r="E3319">
        <v>7370.08</v>
      </c>
      <c r="F3319">
        <v>10800</v>
      </c>
      <c r="G3319">
        <v>9070.8700000000008</v>
      </c>
      <c r="H3319">
        <v>3.8582700000000001</v>
      </c>
      <c r="I3319">
        <v>20409.599999999999</v>
      </c>
      <c r="J3319">
        <v>76.902199999999993</v>
      </c>
    </row>
    <row r="3320" spans="1:10" x14ac:dyDescent="0.25">
      <c r="A3320">
        <v>23</v>
      </c>
      <c r="B3320">
        <v>110.1</v>
      </c>
      <c r="C3320">
        <v>123.395</v>
      </c>
      <c r="D3320">
        <v>189.06</v>
      </c>
      <c r="E3320">
        <v>7370.08</v>
      </c>
      <c r="F3320">
        <v>10800</v>
      </c>
      <c r="G3320">
        <v>19955.900000000001</v>
      </c>
      <c r="H3320">
        <v>3.90551</v>
      </c>
      <c r="I3320">
        <v>20147.7</v>
      </c>
      <c r="J3320">
        <v>83.792699999999996</v>
      </c>
    </row>
    <row r="3321" spans="1:10" x14ac:dyDescent="0.25">
      <c r="A3321">
        <v>23</v>
      </c>
      <c r="B3321">
        <v>108.919</v>
      </c>
      <c r="C3321">
        <v>117.74</v>
      </c>
      <c r="D3321">
        <v>189.68700000000001</v>
      </c>
      <c r="E3321">
        <v>10091.299999999999</v>
      </c>
      <c r="F3321">
        <v>10800</v>
      </c>
      <c r="G3321">
        <v>19955.900000000001</v>
      </c>
      <c r="H3321">
        <v>1.7795300000000001</v>
      </c>
      <c r="I3321">
        <v>24566.9</v>
      </c>
      <c r="J3321">
        <v>18.9421</v>
      </c>
    </row>
    <row r="3322" spans="1:10" x14ac:dyDescent="0.25">
      <c r="A3322">
        <v>23</v>
      </c>
      <c r="B3322">
        <v>109.155</v>
      </c>
      <c r="C3322">
        <v>128.73599999999999</v>
      </c>
      <c r="D3322">
        <v>189.68700000000001</v>
      </c>
      <c r="E3322">
        <v>7370.08</v>
      </c>
      <c r="F3322">
        <v>10800</v>
      </c>
      <c r="G3322">
        <v>19785.8</v>
      </c>
      <c r="H3322">
        <v>3.4094500000000001</v>
      </c>
      <c r="I3322">
        <v>20964.3</v>
      </c>
      <c r="J3322">
        <v>27.779299999999999</v>
      </c>
    </row>
    <row r="3323" spans="1:10" x14ac:dyDescent="0.25">
      <c r="A3323">
        <v>23</v>
      </c>
      <c r="B3323">
        <v>108.68300000000001</v>
      </c>
      <c r="C3323">
        <v>118.369</v>
      </c>
      <c r="D3323">
        <v>190</v>
      </c>
      <c r="E3323">
        <v>10091.299999999999</v>
      </c>
      <c r="F3323">
        <v>10800</v>
      </c>
      <c r="G3323">
        <v>19955.900000000001</v>
      </c>
      <c r="H3323">
        <v>1.40157</v>
      </c>
      <c r="I3323">
        <v>25363.200000000001</v>
      </c>
      <c r="J3323">
        <v>18.910900000000002</v>
      </c>
    </row>
    <row r="3324" spans="1:10" x14ac:dyDescent="0.25">
      <c r="A3324">
        <v>23</v>
      </c>
      <c r="B3324">
        <v>108.446</v>
      </c>
      <c r="C3324">
        <v>118.369</v>
      </c>
      <c r="D3324">
        <v>190</v>
      </c>
      <c r="E3324">
        <v>10431.5</v>
      </c>
      <c r="F3324">
        <v>10800</v>
      </c>
      <c r="G3324">
        <v>18595.3</v>
      </c>
      <c r="H3324">
        <v>1.3070900000000001</v>
      </c>
      <c r="I3324">
        <v>25969.8</v>
      </c>
      <c r="J3324">
        <v>17.733799999999999</v>
      </c>
    </row>
    <row r="3325" spans="1:10" x14ac:dyDescent="0.25">
      <c r="A3325">
        <v>23</v>
      </c>
      <c r="B3325">
        <v>109.155</v>
      </c>
      <c r="C3325">
        <v>124.96599999999999</v>
      </c>
      <c r="D3325">
        <v>189.37299999999999</v>
      </c>
      <c r="E3325">
        <v>7370.08</v>
      </c>
      <c r="F3325">
        <v>10800</v>
      </c>
      <c r="G3325">
        <v>19955.900000000001</v>
      </c>
      <c r="H3325">
        <v>3.9527600000000001</v>
      </c>
      <c r="I3325">
        <v>20375.400000000001</v>
      </c>
      <c r="J3325">
        <v>31.865400000000001</v>
      </c>
    </row>
    <row r="3326" spans="1:10" x14ac:dyDescent="0.25">
      <c r="A3326">
        <v>23</v>
      </c>
      <c r="B3326">
        <v>108.446</v>
      </c>
      <c r="C3326">
        <v>118.369</v>
      </c>
      <c r="D3326">
        <v>187.18</v>
      </c>
      <c r="E3326">
        <v>10091.299999999999</v>
      </c>
      <c r="F3326">
        <v>10800</v>
      </c>
      <c r="G3326">
        <v>19955.900000000001</v>
      </c>
      <c r="H3326">
        <v>1.40157</v>
      </c>
      <c r="I3326">
        <v>25389.1</v>
      </c>
      <c r="J3326">
        <v>18.889700000000001</v>
      </c>
    </row>
    <row r="3327" spans="1:10" x14ac:dyDescent="0.25">
      <c r="A3327">
        <v>23</v>
      </c>
      <c r="B3327">
        <v>110.1</v>
      </c>
      <c r="C3327">
        <v>123.395</v>
      </c>
      <c r="D3327">
        <v>189.68700000000001</v>
      </c>
      <c r="E3327">
        <v>7370.08</v>
      </c>
      <c r="F3327">
        <v>10800</v>
      </c>
      <c r="G3327">
        <v>18595.3</v>
      </c>
      <c r="H3327">
        <v>3.10236</v>
      </c>
      <c r="I3327">
        <v>21051.4</v>
      </c>
      <c r="J3327">
        <v>24.819800000000001</v>
      </c>
    </row>
    <row r="3328" spans="1:10" x14ac:dyDescent="0.25">
      <c r="A3328">
        <v>23</v>
      </c>
      <c r="B3328">
        <v>108.919</v>
      </c>
      <c r="C3328">
        <v>119.93899999999999</v>
      </c>
      <c r="D3328">
        <v>189.68700000000001</v>
      </c>
      <c r="E3328">
        <v>10091.299999999999</v>
      </c>
      <c r="F3328">
        <v>10800</v>
      </c>
      <c r="G3328">
        <v>19955.900000000001</v>
      </c>
      <c r="H3328">
        <v>2.2283499999999998</v>
      </c>
      <c r="I3328">
        <v>24028.5</v>
      </c>
      <c r="J3328">
        <v>19.968</v>
      </c>
    </row>
    <row r="3329" spans="1:10" x14ac:dyDescent="0.25">
      <c r="A3329">
        <v>23</v>
      </c>
      <c r="B3329">
        <v>109.155</v>
      </c>
      <c r="C3329">
        <v>124.96599999999999</v>
      </c>
      <c r="D3329">
        <v>189.68700000000001</v>
      </c>
      <c r="E3329">
        <v>7710.24</v>
      </c>
      <c r="F3329">
        <v>10800</v>
      </c>
      <c r="G3329">
        <v>19955.900000000001</v>
      </c>
      <c r="H3329">
        <v>2.4881899999999999</v>
      </c>
      <c r="I3329">
        <v>21364.7</v>
      </c>
      <c r="J3329">
        <v>21.589400000000001</v>
      </c>
    </row>
    <row r="3330" spans="1:10" x14ac:dyDescent="0.25">
      <c r="A3330">
        <v>23</v>
      </c>
      <c r="B3330">
        <v>110.1</v>
      </c>
      <c r="C3330">
        <v>123.395</v>
      </c>
      <c r="D3330">
        <v>189.06</v>
      </c>
      <c r="E3330">
        <v>7370.08</v>
      </c>
      <c r="F3330">
        <v>10800</v>
      </c>
      <c r="G3330">
        <v>19955.900000000001</v>
      </c>
      <c r="H3330">
        <v>1.6377999999999999</v>
      </c>
      <c r="I3330">
        <v>21942.7</v>
      </c>
      <c r="J3330">
        <v>20.6646</v>
      </c>
    </row>
    <row r="3331" spans="1:10" x14ac:dyDescent="0.25">
      <c r="A3331">
        <v>23</v>
      </c>
      <c r="B3331">
        <v>109.39100000000001</v>
      </c>
      <c r="C3331">
        <v>124.652</v>
      </c>
      <c r="D3331">
        <v>189.06</v>
      </c>
      <c r="E3331">
        <v>7710.24</v>
      </c>
      <c r="F3331">
        <v>10800</v>
      </c>
      <c r="G3331">
        <v>18595.3</v>
      </c>
      <c r="H3331">
        <v>2.4881899999999999</v>
      </c>
      <c r="I3331">
        <v>21359.200000000001</v>
      </c>
      <c r="J3331">
        <v>21.663699999999999</v>
      </c>
    </row>
    <row r="3332" spans="1:10" x14ac:dyDescent="0.25">
      <c r="A3332">
        <v>23</v>
      </c>
      <c r="B3332">
        <v>110.1</v>
      </c>
      <c r="C3332">
        <v>123.395</v>
      </c>
      <c r="D3332">
        <v>189.06</v>
      </c>
      <c r="E3332">
        <v>7710.24</v>
      </c>
      <c r="F3332">
        <v>10800</v>
      </c>
      <c r="G3332">
        <v>19955.900000000001</v>
      </c>
      <c r="H3332">
        <v>1.6377999999999999</v>
      </c>
      <c r="I3332">
        <v>22282.799999999999</v>
      </c>
      <c r="J3332">
        <v>20.198799999999999</v>
      </c>
    </row>
    <row r="3333" spans="1:10" x14ac:dyDescent="0.25">
      <c r="A3333">
        <v>23</v>
      </c>
      <c r="B3333">
        <v>102.777</v>
      </c>
      <c r="C3333">
        <v>123.081</v>
      </c>
      <c r="D3333">
        <v>182.47900000000001</v>
      </c>
      <c r="E3333">
        <v>7200</v>
      </c>
      <c r="F3333">
        <v>10800</v>
      </c>
      <c r="G3333">
        <v>19955.900000000001</v>
      </c>
      <c r="H3333">
        <v>3.7637800000000001</v>
      </c>
      <c r="I3333">
        <v>20089.900000000001</v>
      </c>
      <c r="J3333">
        <v>33.581899999999997</v>
      </c>
    </row>
    <row r="3334" spans="1:10" x14ac:dyDescent="0.25">
      <c r="A3334">
        <v>23</v>
      </c>
      <c r="B3334">
        <v>105.848</v>
      </c>
      <c r="C3334">
        <v>114.913</v>
      </c>
      <c r="D3334">
        <v>189.06</v>
      </c>
      <c r="E3334">
        <v>7710.24</v>
      </c>
      <c r="F3334">
        <v>14881.9</v>
      </c>
      <c r="G3334">
        <v>22677.200000000001</v>
      </c>
      <c r="H3334">
        <v>1.09449</v>
      </c>
      <c r="I3334">
        <v>28153.9</v>
      </c>
      <c r="J3334">
        <v>16.915900000000001</v>
      </c>
    </row>
    <row r="3335" spans="1:10" x14ac:dyDescent="0.25">
      <c r="A3335">
        <v>23</v>
      </c>
      <c r="B3335">
        <v>110.1</v>
      </c>
      <c r="C3335">
        <v>123.395</v>
      </c>
      <c r="D3335">
        <v>189.06</v>
      </c>
      <c r="E3335">
        <v>7710.24</v>
      </c>
      <c r="F3335">
        <v>10800</v>
      </c>
      <c r="G3335">
        <v>19955.900000000001</v>
      </c>
      <c r="H3335">
        <v>1.6377999999999999</v>
      </c>
      <c r="I3335">
        <v>22282.799999999999</v>
      </c>
      <c r="J3335">
        <v>20.198799999999999</v>
      </c>
    </row>
    <row r="3336" spans="1:10" x14ac:dyDescent="0.25">
      <c r="A3336">
        <v>23</v>
      </c>
      <c r="B3336">
        <v>102.777</v>
      </c>
      <c r="C3336">
        <v>123.081</v>
      </c>
      <c r="D3336">
        <v>182.47900000000001</v>
      </c>
      <c r="E3336">
        <v>7200</v>
      </c>
      <c r="F3336">
        <v>10800</v>
      </c>
      <c r="G3336">
        <v>19955.900000000001</v>
      </c>
      <c r="H3336">
        <v>3.7637800000000001</v>
      </c>
      <c r="I3336">
        <v>20089.900000000001</v>
      </c>
      <c r="J3336">
        <v>33.581899999999997</v>
      </c>
    </row>
    <row r="3337" spans="1:10" x14ac:dyDescent="0.25">
      <c r="A3337">
        <v>23</v>
      </c>
      <c r="B3337">
        <v>102.777</v>
      </c>
      <c r="C3337">
        <v>123.081</v>
      </c>
      <c r="D3337">
        <v>182.47900000000001</v>
      </c>
      <c r="E3337">
        <v>7200</v>
      </c>
      <c r="F3337">
        <v>10800</v>
      </c>
      <c r="G3337">
        <v>19955.900000000001</v>
      </c>
      <c r="H3337">
        <v>3.7637800000000001</v>
      </c>
      <c r="I3337">
        <v>20089.900000000001</v>
      </c>
      <c r="J3337">
        <v>33.581899999999997</v>
      </c>
    </row>
    <row r="3338" spans="1:10" x14ac:dyDescent="0.25">
      <c r="A3338">
        <v>23</v>
      </c>
      <c r="B3338">
        <v>110.1</v>
      </c>
      <c r="C3338">
        <v>123.395</v>
      </c>
      <c r="D3338">
        <v>189.06</v>
      </c>
      <c r="E3338">
        <v>7710.24</v>
      </c>
      <c r="F3338">
        <v>10800</v>
      </c>
      <c r="G3338">
        <v>19955.900000000001</v>
      </c>
      <c r="H3338">
        <v>1.6377999999999999</v>
      </c>
      <c r="I3338">
        <v>22282.799999999999</v>
      </c>
      <c r="J3338">
        <v>20.198799999999999</v>
      </c>
    </row>
    <row r="3339" spans="1:10" x14ac:dyDescent="0.25">
      <c r="A3339">
        <v>23</v>
      </c>
      <c r="B3339">
        <v>102.777</v>
      </c>
      <c r="C3339">
        <v>123.081</v>
      </c>
      <c r="D3339">
        <v>182.47900000000001</v>
      </c>
      <c r="E3339">
        <v>7200</v>
      </c>
      <c r="F3339">
        <v>10800</v>
      </c>
      <c r="G3339">
        <v>19955.900000000001</v>
      </c>
      <c r="H3339">
        <v>3.7637800000000001</v>
      </c>
      <c r="I3339">
        <v>20089.900000000001</v>
      </c>
      <c r="J3339">
        <v>33.581899999999997</v>
      </c>
    </row>
    <row r="3340" spans="1:10" x14ac:dyDescent="0.25">
      <c r="A3340">
        <v>23</v>
      </c>
      <c r="B3340">
        <v>102.777</v>
      </c>
      <c r="C3340">
        <v>123.081</v>
      </c>
      <c r="D3340">
        <v>182.47900000000001</v>
      </c>
      <c r="E3340">
        <v>7200</v>
      </c>
      <c r="F3340">
        <v>10800</v>
      </c>
      <c r="G3340">
        <v>19955.900000000001</v>
      </c>
      <c r="H3340">
        <v>3.7637800000000001</v>
      </c>
      <c r="I3340">
        <v>20089.900000000001</v>
      </c>
      <c r="J3340">
        <v>33.581899999999997</v>
      </c>
    </row>
    <row r="3341" spans="1:10" x14ac:dyDescent="0.25">
      <c r="A3341">
        <v>23</v>
      </c>
      <c r="B3341">
        <v>108.446</v>
      </c>
      <c r="C3341">
        <v>118.369</v>
      </c>
      <c r="D3341">
        <v>190</v>
      </c>
      <c r="E3341">
        <v>10431.5</v>
      </c>
      <c r="F3341">
        <v>10800</v>
      </c>
      <c r="G3341">
        <v>19955.900000000001</v>
      </c>
      <c r="H3341">
        <v>1.1181099999999999</v>
      </c>
      <c r="I3341">
        <v>26815.1</v>
      </c>
      <c r="J3341">
        <v>17.5837</v>
      </c>
    </row>
    <row r="3342" spans="1:10" x14ac:dyDescent="0.25">
      <c r="A3342">
        <v>23</v>
      </c>
      <c r="B3342">
        <v>108.919</v>
      </c>
      <c r="C3342">
        <v>118.369</v>
      </c>
      <c r="D3342">
        <v>190</v>
      </c>
      <c r="E3342">
        <v>10431.5</v>
      </c>
      <c r="F3342">
        <v>10800</v>
      </c>
      <c r="G3342">
        <v>19955.900000000001</v>
      </c>
      <c r="H3342">
        <v>1.4960599999999999</v>
      </c>
      <c r="I3342">
        <v>25563</v>
      </c>
      <c r="J3342">
        <v>18.1692</v>
      </c>
    </row>
    <row r="3343" spans="1:10" x14ac:dyDescent="0.25">
      <c r="A3343">
        <v>23</v>
      </c>
      <c r="B3343">
        <v>110.1</v>
      </c>
      <c r="C3343">
        <v>123.395</v>
      </c>
      <c r="D3343">
        <v>189.06</v>
      </c>
      <c r="E3343">
        <v>7370.08</v>
      </c>
      <c r="F3343">
        <v>10800</v>
      </c>
      <c r="G3343">
        <v>21316.5</v>
      </c>
      <c r="H3343">
        <v>3.0787399999999998</v>
      </c>
      <c r="I3343">
        <v>21028.799999999999</v>
      </c>
      <c r="J3343">
        <v>25.227799999999998</v>
      </c>
    </row>
    <row r="3344" spans="1:10" x14ac:dyDescent="0.25">
      <c r="A3344">
        <v>23</v>
      </c>
      <c r="B3344">
        <v>110.1</v>
      </c>
      <c r="C3344">
        <v>123.395</v>
      </c>
      <c r="D3344">
        <v>189.06</v>
      </c>
      <c r="E3344">
        <v>7710.24</v>
      </c>
      <c r="F3344">
        <v>10800</v>
      </c>
      <c r="G3344">
        <v>19955.900000000001</v>
      </c>
      <c r="H3344">
        <v>1.6377999999999999</v>
      </c>
      <c r="I3344">
        <v>22282.799999999999</v>
      </c>
      <c r="J3344">
        <v>20.198799999999999</v>
      </c>
    </row>
    <row r="3345" spans="1:10" x14ac:dyDescent="0.25">
      <c r="A3345">
        <v>23</v>
      </c>
      <c r="B3345">
        <v>106.79300000000001</v>
      </c>
      <c r="C3345">
        <v>124.024</v>
      </c>
      <c r="D3345">
        <v>184.04599999999999</v>
      </c>
      <c r="E3345">
        <v>10516.5</v>
      </c>
      <c r="F3345">
        <v>19984.3</v>
      </c>
      <c r="G3345">
        <v>20636.2</v>
      </c>
      <c r="H3345">
        <v>2.25197</v>
      </c>
      <c r="I3345">
        <v>36430.5</v>
      </c>
      <c r="J3345">
        <v>16.778199999999998</v>
      </c>
    </row>
    <row r="3346" spans="1:10" x14ac:dyDescent="0.25">
      <c r="A3346">
        <v>23</v>
      </c>
      <c r="B3346">
        <v>102.777</v>
      </c>
      <c r="C3346">
        <v>123.081</v>
      </c>
      <c r="D3346">
        <v>182.47900000000001</v>
      </c>
      <c r="E3346">
        <v>7200</v>
      </c>
      <c r="F3346">
        <v>10800</v>
      </c>
      <c r="G3346">
        <v>19955.900000000001</v>
      </c>
      <c r="H3346">
        <v>3.7637800000000001</v>
      </c>
      <c r="I3346">
        <v>20089.900000000001</v>
      </c>
      <c r="J3346">
        <v>33.581899999999997</v>
      </c>
    </row>
    <row r="3347" spans="1:10" x14ac:dyDescent="0.25">
      <c r="A3347">
        <v>23</v>
      </c>
      <c r="B3347">
        <v>110.1</v>
      </c>
      <c r="C3347">
        <v>123.395</v>
      </c>
      <c r="D3347">
        <v>189.06</v>
      </c>
      <c r="E3347">
        <v>7370.08</v>
      </c>
      <c r="F3347">
        <v>10800</v>
      </c>
      <c r="G3347">
        <v>21316.5</v>
      </c>
      <c r="H3347">
        <v>3.0787399999999998</v>
      </c>
      <c r="I3347">
        <v>21028.799999999999</v>
      </c>
      <c r="J3347">
        <v>25.227799999999998</v>
      </c>
    </row>
    <row r="3348" spans="1:10" x14ac:dyDescent="0.25">
      <c r="A3348">
        <v>23</v>
      </c>
      <c r="B3348">
        <v>108.446</v>
      </c>
      <c r="C3348">
        <v>118.369</v>
      </c>
      <c r="D3348">
        <v>190</v>
      </c>
      <c r="E3348">
        <v>10431.5</v>
      </c>
      <c r="F3348">
        <v>10800</v>
      </c>
      <c r="G3348">
        <v>19955.900000000001</v>
      </c>
      <c r="H3348">
        <v>1.1181099999999999</v>
      </c>
      <c r="I3348">
        <v>26815.1</v>
      </c>
      <c r="J3348">
        <v>17.5837</v>
      </c>
    </row>
    <row r="3349" spans="1:10" x14ac:dyDescent="0.25">
      <c r="A3349">
        <v>23</v>
      </c>
      <c r="B3349">
        <v>108.446</v>
      </c>
      <c r="C3349">
        <v>118.369</v>
      </c>
      <c r="D3349">
        <v>190</v>
      </c>
      <c r="E3349">
        <v>10431.5</v>
      </c>
      <c r="F3349">
        <v>10800</v>
      </c>
      <c r="G3349">
        <v>19955.900000000001</v>
      </c>
      <c r="H3349">
        <v>1.1181099999999999</v>
      </c>
      <c r="I3349">
        <v>26815.1</v>
      </c>
      <c r="J3349">
        <v>17.5837</v>
      </c>
    </row>
    <row r="3350" spans="1:10" x14ac:dyDescent="0.25">
      <c r="A3350">
        <v>23</v>
      </c>
      <c r="B3350">
        <v>110.1</v>
      </c>
      <c r="C3350">
        <v>123.395</v>
      </c>
      <c r="D3350">
        <v>189.06</v>
      </c>
      <c r="E3350">
        <v>7710.24</v>
      </c>
      <c r="F3350">
        <v>10800</v>
      </c>
      <c r="G3350">
        <v>19955.900000000001</v>
      </c>
      <c r="H3350">
        <v>1.6377999999999999</v>
      </c>
      <c r="I3350">
        <v>22282.799999999999</v>
      </c>
      <c r="J3350">
        <v>20.198799999999999</v>
      </c>
    </row>
    <row r="3351" spans="1:10" x14ac:dyDescent="0.25">
      <c r="A3351">
        <v>23</v>
      </c>
      <c r="B3351">
        <v>102.777</v>
      </c>
      <c r="C3351">
        <v>123.081</v>
      </c>
      <c r="D3351">
        <v>182.47900000000001</v>
      </c>
      <c r="E3351">
        <v>7200</v>
      </c>
      <c r="F3351">
        <v>10800</v>
      </c>
      <c r="G3351">
        <v>19955.900000000001</v>
      </c>
      <c r="H3351">
        <v>3.7637800000000001</v>
      </c>
      <c r="I3351">
        <v>20089.900000000001</v>
      </c>
      <c r="J3351">
        <v>33.581899999999997</v>
      </c>
    </row>
    <row r="3352" spans="1:10" x14ac:dyDescent="0.25">
      <c r="A3352">
        <v>23</v>
      </c>
      <c r="B3352">
        <v>102.777</v>
      </c>
      <c r="C3352">
        <v>123.081</v>
      </c>
      <c r="D3352">
        <v>182.47900000000001</v>
      </c>
      <c r="E3352">
        <v>7200</v>
      </c>
      <c r="F3352">
        <v>10800</v>
      </c>
      <c r="G3352">
        <v>19955.900000000001</v>
      </c>
      <c r="H3352">
        <v>3.7637800000000001</v>
      </c>
      <c r="I3352">
        <v>20089.900000000001</v>
      </c>
      <c r="J3352">
        <v>33.581899999999997</v>
      </c>
    </row>
    <row r="3353" spans="1:10" x14ac:dyDescent="0.25">
      <c r="A3353">
        <v>23</v>
      </c>
      <c r="B3353">
        <v>110.1</v>
      </c>
      <c r="C3353">
        <v>123.395</v>
      </c>
      <c r="D3353">
        <v>189.06</v>
      </c>
      <c r="E3353">
        <v>7710.24</v>
      </c>
      <c r="F3353">
        <v>10800</v>
      </c>
      <c r="G3353">
        <v>19955.900000000001</v>
      </c>
      <c r="H3353">
        <v>1.6377999999999999</v>
      </c>
      <c r="I3353">
        <v>22282.799999999999</v>
      </c>
      <c r="J3353">
        <v>20.198799999999999</v>
      </c>
    </row>
    <row r="3354" spans="1:10" x14ac:dyDescent="0.25">
      <c r="A3354">
        <v>23</v>
      </c>
      <c r="B3354">
        <v>108.446</v>
      </c>
      <c r="C3354">
        <v>119.625</v>
      </c>
      <c r="D3354">
        <v>189.68700000000001</v>
      </c>
      <c r="E3354">
        <v>9070.8700000000008</v>
      </c>
      <c r="F3354">
        <v>10800</v>
      </c>
      <c r="G3354">
        <v>19955.900000000001</v>
      </c>
      <c r="H3354">
        <v>1.4960599999999999</v>
      </c>
      <c r="I3354">
        <v>24098.3</v>
      </c>
      <c r="J3354">
        <v>19.2303</v>
      </c>
    </row>
    <row r="3355" spans="1:10" x14ac:dyDescent="0.25">
      <c r="A3355">
        <v>23</v>
      </c>
      <c r="B3355">
        <v>102.777</v>
      </c>
      <c r="C3355">
        <v>123.081</v>
      </c>
      <c r="D3355">
        <v>182.47900000000001</v>
      </c>
      <c r="E3355">
        <v>7200</v>
      </c>
      <c r="F3355">
        <v>10800</v>
      </c>
      <c r="G3355">
        <v>19955.900000000001</v>
      </c>
      <c r="H3355">
        <v>3.7637800000000001</v>
      </c>
      <c r="I3355">
        <v>20089.900000000001</v>
      </c>
      <c r="J3355">
        <v>33.581899999999997</v>
      </c>
    </row>
    <row r="3356" spans="1:10" x14ac:dyDescent="0.25">
      <c r="A3356">
        <v>23</v>
      </c>
      <c r="B3356">
        <v>110.1</v>
      </c>
      <c r="C3356">
        <v>123.395</v>
      </c>
      <c r="D3356">
        <v>189.06</v>
      </c>
      <c r="E3356">
        <v>7710.24</v>
      </c>
      <c r="F3356">
        <v>10800</v>
      </c>
      <c r="G3356">
        <v>19955.900000000001</v>
      </c>
      <c r="H3356">
        <v>1.6377999999999999</v>
      </c>
      <c r="I3356">
        <v>22282.799999999999</v>
      </c>
      <c r="J3356">
        <v>20.198799999999999</v>
      </c>
    </row>
    <row r="3357" spans="1:10" x14ac:dyDescent="0.25">
      <c r="A3357">
        <v>23</v>
      </c>
      <c r="B3357">
        <v>110.1</v>
      </c>
      <c r="C3357">
        <v>123.395</v>
      </c>
      <c r="D3357">
        <v>189.06</v>
      </c>
      <c r="E3357">
        <v>7710.24</v>
      </c>
      <c r="F3357">
        <v>10800</v>
      </c>
      <c r="G3357">
        <v>19955.900000000001</v>
      </c>
      <c r="H3357">
        <v>1.6377999999999999</v>
      </c>
      <c r="I3357">
        <v>22282.799999999999</v>
      </c>
      <c r="J3357">
        <v>20.198799999999999</v>
      </c>
    </row>
    <row r="3358" spans="1:10" x14ac:dyDescent="0.25">
      <c r="A3358">
        <v>23</v>
      </c>
      <c r="B3358">
        <v>108.446</v>
      </c>
      <c r="C3358">
        <v>117.74</v>
      </c>
      <c r="D3358">
        <v>189.68700000000001</v>
      </c>
      <c r="E3358">
        <v>9921.26</v>
      </c>
      <c r="F3358">
        <v>10800</v>
      </c>
      <c r="G3358">
        <v>18595.3</v>
      </c>
      <c r="H3358">
        <v>1.1653500000000001</v>
      </c>
      <c r="I3358">
        <v>25881.9</v>
      </c>
      <c r="J3358">
        <v>18.015799999999999</v>
      </c>
    </row>
    <row r="3359" spans="1:10" x14ac:dyDescent="0.25">
      <c r="A3359">
        <v>23</v>
      </c>
      <c r="B3359">
        <v>109.155</v>
      </c>
      <c r="C3359">
        <v>128.422</v>
      </c>
      <c r="D3359">
        <v>189.68700000000001</v>
      </c>
      <c r="E3359">
        <v>7370.08</v>
      </c>
      <c r="F3359">
        <v>10800</v>
      </c>
      <c r="G3359">
        <v>22507.1</v>
      </c>
      <c r="H3359">
        <v>3.3149600000000001</v>
      </c>
      <c r="I3359">
        <v>20692</v>
      </c>
      <c r="J3359">
        <v>28.869900000000001</v>
      </c>
    </row>
    <row r="3360" spans="1:10" x14ac:dyDescent="0.25">
      <c r="A3360">
        <v>23</v>
      </c>
      <c r="B3360">
        <v>108.446</v>
      </c>
      <c r="C3360">
        <v>119.625</v>
      </c>
      <c r="D3360">
        <v>189.68700000000001</v>
      </c>
      <c r="E3360">
        <v>9070.8700000000008</v>
      </c>
      <c r="F3360">
        <v>10800</v>
      </c>
      <c r="G3360">
        <v>19955.900000000001</v>
      </c>
      <c r="H3360">
        <v>1.4960599999999999</v>
      </c>
      <c r="I3360">
        <v>24098.3</v>
      </c>
      <c r="J3360">
        <v>19.2303</v>
      </c>
    </row>
    <row r="3361" spans="1:10" x14ac:dyDescent="0.25">
      <c r="A3361">
        <v>24</v>
      </c>
      <c r="B3361">
        <v>109.864</v>
      </c>
      <c r="C3361">
        <v>124.96599999999999</v>
      </c>
      <c r="D3361">
        <v>190</v>
      </c>
      <c r="E3361">
        <v>10091.299999999999</v>
      </c>
      <c r="F3361">
        <v>11055.1</v>
      </c>
      <c r="G3361">
        <v>18595.3</v>
      </c>
      <c r="H3361">
        <v>1.40157</v>
      </c>
      <c r="I3361">
        <v>26710.2</v>
      </c>
      <c r="J3361">
        <v>19.585599999999999</v>
      </c>
    </row>
    <row r="3362" spans="1:10" x14ac:dyDescent="0.25">
      <c r="A3362">
        <v>24</v>
      </c>
      <c r="B3362">
        <v>109.155</v>
      </c>
      <c r="C3362">
        <v>124.96599999999999</v>
      </c>
      <c r="D3362">
        <v>189.37299999999999</v>
      </c>
      <c r="E3362">
        <v>7370.08</v>
      </c>
      <c r="F3362">
        <v>10800</v>
      </c>
      <c r="G3362">
        <v>19955.900000000001</v>
      </c>
      <c r="H3362">
        <v>3.9527600000000001</v>
      </c>
      <c r="I3362">
        <v>20375.400000000001</v>
      </c>
      <c r="J3362">
        <v>31.865400000000001</v>
      </c>
    </row>
    <row r="3363" spans="1:10" x14ac:dyDescent="0.25">
      <c r="A3363">
        <v>24</v>
      </c>
      <c r="B3363">
        <v>110.1</v>
      </c>
      <c r="C3363">
        <v>119.625</v>
      </c>
      <c r="D3363">
        <v>189.68700000000001</v>
      </c>
      <c r="E3363">
        <v>7370.08</v>
      </c>
      <c r="F3363">
        <v>10800</v>
      </c>
      <c r="G3363">
        <v>24037.8</v>
      </c>
      <c r="H3363">
        <v>2.4409399999999999</v>
      </c>
      <c r="I3363">
        <v>21008.1</v>
      </c>
      <c r="J3363">
        <v>30.8004</v>
      </c>
    </row>
    <row r="3364" spans="1:10" x14ac:dyDescent="0.25">
      <c r="A3364">
        <v>24</v>
      </c>
      <c r="B3364">
        <v>108.919</v>
      </c>
      <c r="C3364">
        <v>119.625</v>
      </c>
      <c r="D3364">
        <v>190</v>
      </c>
      <c r="E3364">
        <v>10431.5</v>
      </c>
      <c r="F3364">
        <v>10800</v>
      </c>
      <c r="G3364">
        <v>19955.900000000001</v>
      </c>
      <c r="H3364">
        <v>1.7795300000000001</v>
      </c>
      <c r="I3364">
        <v>24777.5</v>
      </c>
      <c r="J3364">
        <v>20.3733</v>
      </c>
    </row>
    <row r="3365" spans="1:10" x14ac:dyDescent="0.25">
      <c r="A3365">
        <v>24</v>
      </c>
      <c r="B3365">
        <v>109.39100000000001</v>
      </c>
      <c r="C3365">
        <v>124.652</v>
      </c>
      <c r="D3365">
        <v>189.06</v>
      </c>
      <c r="E3365">
        <v>7710.24</v>
      </c>
      <c r="F3365">
        <v>10800</v>
      </c>
      <c r="G3365">
        <v>18595.3</v>
      </c>
      <c r="H3365">
        <v>2.4881899999999999</v>
      </c>
      <c r="I3365">
        <v>21359.200000000001</v>
      </c>
      <c r="J3365">
        <v>21.663699999999999</v>
      </c>
    </row>
    <row r="3366" spans="1:10" x14ac:dyDescent="0.25">
      <c r="A3366">
        <v>24</v>
      </c>
      <c r="B3366">
        <v>110.1</v>
      </c>
      <c r="C3366">
        <v>122.767</v>
      </c>
      <c r="D3366">
        <v>189.68700000000001</v>
      </c>
      <c r="E3366">
        <v>7370.08</v>
      </c>
      <c r="F3366">
        <v>10800</v>
      </c>
      <c r="G3366">
        <v>18595.3</v>
      </c>
      <c r="H3366">
        <v>2.4409399999999999</v>
      </c>
      <c r="I3366">
        <v>21041.4</v>
      </c>
      <c r="J3366">
        <v>25.975100000000001</v>
      </c>
    </row>
    <row r="3367" spans="1:10" x14ac:dyDescent="0.25">
      <c r="A3367">
        <v>24</v>
      </c>
      <c r="B3367">
        <v>109.155</v>
      </c>
      <c r="C3367">
        <v>124.96599999999999</v>
      </c>
      <c r="D3367">
        <v>189.68700000000001</v>
      </c>
      <c r="E3367">
        <v>7710.24</v>
      </c>
      <c r="F3367">
        <v>10800</v>
      </c>
      <c r="G3367">
        <v>19955.900000000001</v>
      </c>
      <c r="H3367">
        <v>2.4881899999999999</v>
      </c>
      <c r="I3367">
        <v>21364.7</v>
      </c>
      <c r="J3367">
        <v>21.589400000000001</v>
      </c>
    </row>
    <row r="3368" spans="1:10" x14ac:dyDescent="0.25">
      <c r="A3368">
        <v>24</v>
      </c>
      <c r="B3368">
        <v>110.1</v>
      </c>
      <c r="C3368">
        <v>123.395</v>
      </c>
      <c r="D3368">
        <v>189.68700000000001</v>
      </c>
      <c r="E3368">
        <v>7370.08</v>
      </c>
      <c r="F3368">
        <v>10800</v>
      </c>
      <c r="G3368">
        <v>19955.900000000001</v>
      </c>
      <c r="H3368">
        <v>3.10236</v>
      </c>
      <c r="I3368">
        <v>21051.4</v>
      </c>
      <c r="J3368">
        <v>24.819800000000001</v>
      </c>
    </row>
    <row r="3369" spans="1:10" x14ac:dyDescent="0.25">
      <c r="A3369">
        <v>24</v>
      </c>
      <c r="B3369">
        <v>110.1</v>
      </c>
      <c r="C3369">
        <v>123.709</v>
      </c>
      <c r="D3369">
        <v>189.37299999999999</v>
      </c>
      <c r="E3369">
        <v>7370.08</v>
      </c>
      <c r="F3369">
        <v>10800</v>
      </c>
      <c r="G3369">
        <v>19955.900000000001</v>
      </c>
      <c r="H3369">
        <v>4</v>
      </c>
      <c r="I3369">
        <v>20088.599999999999</v>
      </c>
      <c r="J3369">
        <v>84.924499999999995</v>
      </c>
    </row>
    <row r="3370" spans="1:10" x14ac:dyDescent="0.25">
      <c r="A3370">
        <v>24</v>
      </c>
      <c r="B3370">
        <v>109.628</v>
      </c>
      <c r="C3370">
        <v>123.395</v>
      </c>
      <c r="D3370">
        <v>189.37299999999999</v>
      </c>
      <c r="E3370">
        <v>7370.08</v>
      </c>
      <c r="F3370">
        <v>10800</v>
      </c>
      <c r="G3370">
        <v>21316.5</v>
      </c>
      <c r="H3370">
        <v>3.9527600000000001</v>
      </c>
      <c r="I3370">
        <v>20168.8</v>
      </c>
      <c r="J3370">
        <v>59.512300000000003</v>
      </c>
    </row>
    <row r="3371" spans="1:10" x14ac:dyDescent="0.25">
      <c r="A3371">
        <v>24</v>
      </c>
      <c r="B3371">
        <v>109.864</v>
      </c>
      <c r="C3371">
        <v>129.679</v>
      </c>
      <c r="D3371">
        <v>189.68700000000001</v>
      </c>
      <c r="E3371">
        <v>7370.08</v>
      </c>
      <c r="F3371">
        <v>10800</v>
      </c>
      <c r="G3371">
        <v>19955.900000000001</v>
      </c>
      <c r="H3371">
        <v>2.4409399999999999</v>
      </c>
      <c r="I3371">
        <v>21374.6</v>
      </c>
      <c r="J3371">
        <v>114.56</v>
      </c>
    </row>
    <row r="3372" spans="1:10" x14ac:dyDescent="0.25">
      <c r="A3372">
        <v>24</v>
      </c>
      <c r="B3372">
        <v>109.864</v>
      </c>
      <c r="C3372">
        <v>122.767</v>
      </c>
      <c r="D3372">
        <v>190</v>
      </c>
      <c r="E3372">
        <v>7370.08</v>
      </c>
      <c r="F3372">
        <v>10800</v>
      </c>
      <c r="G3372">
        <v>19785.8</v>
      </c>
      <c r="H3372">
        <v>3.00787</v>
      </c>
      <c r="I3372">
        <v>20595</v>
      </c>
      <c r="J3372">
        <v>25.9528</v>
      </c>
    </row>
    <row r="3373" spans="1:10" x14ac:dyDescent="0.25">
      <c r="A3373">
        <v>24</v>
      </c>
      <c r="B3373">
        <v>109.155</v>
      </c>
      <c r="C3373">
        <v>124.96599999999999</v>
      </c>
      <c r="D3373">
        <v>189.68700000000001</v>
      </c>
      <c r="E3373">
        <v>7710.24</v>
      </c>
      <c r="F3373">
        <v>10800</v>
      </c>
      <c r="G3373">
        <v>22677.200000000001</v>
      </c>
      <c r="H3373">
        <v>3.00787</v>
      </c>
      <c r="I3373">
        <v>21522.5</v>
      </c>
      <c r="J3373">
        <v>111.02200000000001</v>
      </c>
    </row>
    <row r="3374" spans="1:10" x14ac:dyDescent="0.25">
      <c r="A3374">
        <v>24</v>
      </c>
      <c r="B3374">
        <v>109.155</v>
      </c>
      <c r="C3374">
        <v>123.395</v>
      </c>
      <c r="D3374">
        <v>190</v>
      </c>
      <c r="E3374">
        <v>10431.5</v>
      </c>
      <c r="F3374">
        <v>10800</v>
      </c>
      <c r="G3374">
        <v>19955.900000000001</v>
      </c>
      <c r="H3374">
        <v>2.1574800000000001</v>
      </c>
      <c r="I3374">
        <v>25817.7</v>
      </c>
      <c r="J3374">
        <v>27.988</v>
      </c>
    </row>
    <row r="3375" spans="1:10" x14ac:dyDescent="0.25">
      <c r="A3375">
        <v>24</v>
      </c>
      <c r="B3375">
        <v>109.39100000000001</v>
      </c>
      <c r="C3375">
        <v>124.652</v>
      </c>
      <c r="D3375">
        <v>189.06</v>
      </c>
      <c r="E3375">
        <v>7710.24</v>
      </c>
      <c r="F3375">
        <v>10800</v>
      </c>
      <c r="G3375">
        <v>18595.3</v>
      </c>
      <c r="H3375">
        <v>3.90551</v>
      </c>
      <c r="I3375">
        <v>21081.8</v>
      </c>
      <c r="J3375">
        <v>104.575</v>
      </c>
    </row>
    <row r="3376" spans="1:10" x14ac:dyDescent="0.25">
      <c r="A3376">
        <v>24</v>
      </c>
      <c r="B3376">
        <v>110.1</v>
      </c>
      <c r="C3376">
        <v>128.422</v>
      </c>
      <c r="D3376">
        <v>189.06</v>
      </c>
      <c r="E3376">
        <v>7370.08</v>
      </c>
      <c r="F3376">
        <v>10800</v>
      </c>
      <c r="G3376">
        <v>19955.900000000001</v>
      </c>
      <c r="H3376">
        <v>3.1259800000000002</v>
      </c>
      <c r="I3376">
        <v>21208.3</v>
      </c>
      <c r="J3376">
        <v>116.60599999999999</v>
      </c>
    </row>
    <row r="3377" spans="1:10" x14ac:dyDescent="0.25">
      <c r="A3377">
        <v>24</v>
      </c>
      <c r="B3377">
        <v>108.919</v>
      </c>
      <c r="C3377">
        <v>119.625</v>
      </c>
      <c r="D3377">
        <v>190</v>
      </c>
      <c r="E3377">
        <v>7710.24</v>
      </c>
      <c r="F3377">
        <v>10800</v>
      </c>
      <c r="G3377">
        <v>19955.900000000001</v>
      </c>
      <c r="H3377">
        <v>1.92126</v>
      </c>
      <c r="I3377">
        <v>21909.599999999999</v>
      </c>
      <c r="J3377">
        <v>55.338200000000001</v>
      </c>
    </row>
    <row r="3378" spans="1:10" x14ac:dyDescent="0.25">
      <c r="A3378">
        <v>24</v>
      </c>
      <c r="B3378">
        <v>109.39100000000001</v>
      </c>
      <c r="C3378">
        <v>118.369</v>
      </c>
      <c r="D3378">
        <v>189.06</v>
      </c>
      <c r="E3378">
        <v>7370.08</v>
      </c>
      <c r="F3378">
        <v>10800</v>
      </c>
      <c r="G3378">
        <v>19955.900000000001</v>
      </c>
      <c r="H3378">
        <v>3.9527600000000001</v>
      </c>
      <c r="I3378">
        <v>20291.2</v>
      </c>
      <c r="J3378">
        <v>47.801099999999998</v>
      </c>
    </row>
    <row r="3379" spans="1:10" x14ac:dyDescent="0.25">
      <c r="A3379">
        <v>24</v>
      </c>
      <c r="B3379">
        <v>109.155</v>
      </c>
      <c r="C3379">
        <v>123.709</v>
      </c>
      <c r="D3379">
        <v>189.37299999999999</v>
      </c>
      <c r="E3379">
        <v>7370.08</v>
      </c>
      <c r="F3379">
        <v>10800</v>
      </c>
      <c r="G3379">
        <v>19955.900000000001</v>
      </c>
      <c r="H3379">
        <v>2.4409399999999999</v>
      </c>
      <c r="I3379">
        <v>21417.599999999999</v>
      </c>
      <c r="J3379">
        <v>66.938199999999995</v>
      </c>
    </row>
    <row r="3380" spans="1:10" x14ac:dyDescent="0.25">
      <c r="A3380">
        <v>24</v>
      </c>
      <c r="B3380">
        <v>110.1</v>
      </c>
      <c r="C3380">
        <v>123.395</v>
      </c>
      <c r="D3380">
        <v>190</v>
      </c>
      <c r="E3380">
        <v>7370.08</v>
      </c>
      <c r="F3380">
        <v>10800</v>
      </c>
      <c r="G3380">
        <v>19955.900000000001</v>
      </c>
      <c r="H3380">
        <v>3.19685</v>
      </c>
      <c r="I3380">
        <v>20643.7</v>
      </c>
      <c r="J3380">
        <v>26.9558</v>
      </c>
    </row>
    <row r="3381" spans="1:10" x14ac:dyDescent="0.25">
      <c r="A3381">
        <v>24</v>
      </c>
      <c r="B3381">
        <v>109.628</v>
      </c>
      <c r="C3381">
        <v>128.422</v>
      </c>
      <c r="D3381">
        <v>189.68700000000001</v>
      </c>
      <c r="E3381">
        <v>7370.08</v>
      </c>
      <c r="F3381">
        <v>10800</v>
      </c>
      <c r="G3381">
        <v>9070.8700000000008</v>
      </c>
      <c r="H3381">
        <v>3.14961</v>
      </c>
      <c r="I3381">
        <v>21074.6</v>
      </c>
      <c r="J3381">
        <v>117.471</v>
      </c>
    </row>
    <row r="3382" spans="1:10" x14ac:dyDescent="0.25">
      <c r="A3382">
        <v>24</v>
      </c>
      <c r="B3382">
        <v>109.155</v>
      </c>
      <c r="C3382">
        <v>119.93899999999999</v>
      </c>
      <c r="D3382">
        <v>190</v>
      </c>
      <c r="E3382">
        <v>7370.08</v>
      </c>
      <c r="F3382">
        <v>10800</v>
      </c>
      <c r="G3382">
        <v>18425.2</v>
      </c>
      <c r="H3382">
        <v>3.10236</v>
      </c>
      <c r="I3382">
        <v>20600</v>
      </c>
      <c r="J3382">
        <v>36.966700000000003</v>
      </c>
    </row>
    <row r="3383" spans="1:10" x14ac:dyDescent="0.25">
      <c r="A3383">
        <v>24</v>
      </c>
      <c r="B3383">
        <v>110.1</v>
      </c>
      <c r="C3383">
        <v>119.625</v>
      </c>
      <c r="D3383">
        <v>190</v>
      </c>
      <c r="E3383">
        <v>7370.08</v>
      </c>
      <c r="F3383">
        <v>10800</v>
      </c>
      <c r="G3383">
        <v>19955.900000000001</v>
      </c>
      <c r="H3383">
        <v>1.9684999999999999</v>
      </c>
      <c r="I3383">
        <v>21562.2</v>
      </c>
      <c r="J3383">
        <v>22.671299999999999</v>
      </c>
    </row>
    <row r="3384" spans="1:10" x14ac:dyDescent="0.25">
      <c r="A3384">
        <v>24</v>
      </c>
      <c r="B3384">
        <v>109.864</v>
      </c>
      <c r="C3384">
        <v>123.395</v>
      </c>
      <c r="D3384">
        <v>189.68700000000001</v>
      </c>
      <c r="E3384">
        <v>7370.08</v>
      </c>
      <c r="F3384">
        <v>10800</v>
      </c>
      <c r="G3384">
        <v>19955.900000000001</v>
      </c>
      <c r="H3384">
        <v>3.8582700000000001</v>
      </c>
      <c r="I3384">
        <v>20157.3</v>
      </c>
      <c r="J3384">
        <v>74.650700000000001</v>
      </c>
    </row>
    <row r="3385" spans="1:10" x14ac:dyDescent="0.25">
      <c r="A3385">
        <v>24</v>
      </c>
      <c r="B3385">
        <v>109.864</v>
      </c>
      <c r="C3385">
        <v>114.598</v>
      </c>
      <c r="D3385">
        <v>189.68700000000001</v>
      </c>
      <c r="E3385">
        <v>7370.08</v>
      </c>
      <c r="F3385">
        <v>10800</v>
      </c>
      <c r="G3385">
        <v>19955.900000000001</v>
      </c>
      <c r="H3385">
        <v>4</v>
      </c>
      <c r="I3385">
        <v>20336.400000000001</v>
      </c>
      <c r="J3385">
        <v>61.6477</v>
      </c>
    </row>
    <row r="3386" spans="1:10" x14ac:dyDescent="0.25">
      <c r="A3386">
        <v>24</v>
      </c>
      <c r="B3386">
        <v>110.1</v>
      </c>
      <c r="C3386">
        <v>123.395</v>
      </c>
      <c r="D3386">
        <v>189.06</v>
      </c>
      <c r="E3386">
        <v>7370.08</v>
      </c>
      <c r="F3386">
        <v>10800</v>
      </c>
      <c r="G3386">
        <v>19955.900000000001</v>
      </c>
      <c r="H3386">
        <v>1.73228</v>
      </c>
      <c r="I3386">
        <v>22027.200000000001</v>
      </c>
      <c r="J3386">
        <v>38.429699999999997</v>
      </c>
    </row>
    <row r="3387" spans="1:10" x14ac:dyDescent="0.25">
      <c r="A3387">
        <v>24</v>
      </c>
      <c r="B3387">
        <v>109.628</v>
      </c>
      <c r="C3387">
        <v>119.625</v>
      </c>
      <c r="D3387">
        <v>189.06</v>
      </c>
      <c r="E3387">
        <v>7370.08</v>
      </c>
      <c r="F3387">
        <v>10800</v>
      </c>
      <c r="G3387">
        <v>19955.900000000001</v>
      </c>
      <c r="H3387">
        <v>2.20472</v>
      </c>
      <c r="I3387">
        <v>21290</v>
      </c>
      <c r="J3387">
        <v>38.191899999999997</v>
      </c>
    </row>
    <row r="3388" spans="1:10" x14ac:dyDescent="0.25">
      <c r="A3388">
        <v>24</v>
      </c>
      <c r="B3388">
        <v>109.155</v>
      </c>
      <c r="C3388">
        <v>124.96599999999999</v>
      </c>
      <c r="D3388">
        <v>189.68700000000001</v>
      </c>
      <c r="E3388">
        <v>7710.24</v>
      </c>
      <c r="F3388">
        <v>10800</v>
      </c>
      <c r="G3388">
        <v>19955.900000000001</v>
      </c>
      <c r="H3388">
        <v>2.4881899999999999</v>
      </c>
      <c r="I3388">
        <v>21364.7</v>
      </c>
      <c r="J3388">
        <v>21.589400000000001</v>
      </c>
    </row>
    <row r="3389" spans="1:10" x14ac:dyDescent="0.25">
      <c r="A3389">
        <v>24</v>
      </c>
      <c r="B3389">
        <v>109.39100000000001</v>
      </c>
      <c r="C3389">
        <v>119.625</v>
      </c>
      <c r="D3389">
        <v>189.68700000000001</v>
      </c>
      <c r="E3389">
        <v>7370.08</v>
      </c>
      <c r="F3389">
        <v>10800</v>
      </c>
      <c r="G3389">
        <v>19955.900000000001</v>
      </c>
      <c r="H3389">
        <v>2.4409399999999999</v>
      </c>
      <c r="I3389">
        <v>21121</v>
      </c>
      <c r="J3389">
        <v>34.197699999999998</v>
      </c>
    </row>
    <row r="3390" spans="1:10" x14ac:dyDescent="0.25">
      <c r="A3390">
        <v>24</v>
      </c>
      <c r="B3390">
        <v>110.1</v>
      </c>
      <c r="C3390">
        <v>128.422</v>
      </c>
      <c r="D3390">
        <v>189.06</v>
      </c>
      <c r="E3390">
        <v>7710.24</v>
      </c>
      <c r="F3390">
        <v>11055.1</v>
      </c>
      <c r="G3390">
        <v>19955.900000000001</v>
      </c>
      <c r="H3390">
        <v>2.4881899999999999</v>
      </c>
      <c r="I3390">
        <v>21908.3</v>
      </c>
      <c r="J3390">
        <v>118.83199999999999</v>
      </c>
    </row>
    <row r="3391" spans="1:10" x14ac:dyDescent="0.25">
      <c r="A3391">
        <v>24</v>
      </c>
      <c r="B3391">
        <v>108.446</v>
      </c>
      <c r="C3391">
        <v>119.625</v>
      </c>
      <c r="D3391">
        <v>189.06</v>
      </c>
      <c r="E3391">
        <v>7370.08</v>
      </c>
      <c r="F3391">
        <v>10800</v>
      </c>
      <c r="G3391">
        <v>28119.7</v>
      </c>
      <c r="H3391">
        <v>3.5748000000000002</v>
      </c>
      <c r="I3391">
        <v>20340.2</v>
      </c>
      <c r="J3391">
        <v>48.526200000000003</v>
      </c>
    </row>
    <row r="3392" spans="1:10" x14ac:dyDescent="0.25">
      <c r="A3392">
        <v>24</v>
      </c>
      <c r="B3392">
        <v>110.1</v>
      </c>
      <c r="C3392">
        <v>119.625</v>
      </c>
      <c r="D3392">
        <v>189.68700000000001</v>
      </c>
      <c r="E3392">
        <v>7370.08</v>
      </c>
      <c r="F3392">
        <v>10800</v>
      </c>
      <c r="G3392">
        <v>25398.400000000001</v>
      </c>
      <c r="H3392">
        <v>3.55118</v>
      </c>
      <c r="I3392">
        <v>20363.900000000001</v>
      </c>
      <c r="J3392">
        <v>51.306899999999999</v>
      </c>
    </row>
    <row r="3393" spans="1:10" x14ac:dyDescent="0.25">
      <c r="A3393">
        <v>24</v>
      </c>
      <c r="B3393">
        <v>108.919</v>
      </c>
      <c r="C3393">
        <v>123.395</v>
      </c>
      <c r="D3393">
        <v>189.06</v>
      </c>
      <c r="E3393">
        <v>7710.24</v>
      </c>
      <c r="F3393">
        <v>10800</v>
      </c>
      <c r="G3393">
        <v>19955.900000000001</v>
      </c>
      <c r="H3393">
        <v>1.3070900000000001</v>
      </c>
      <c r="I3393">
        <v>23108.6</v>
      </c>
      <c r="J3393">
        <v>79.662700000000001</v>
      </c>
    </row>
    <row r="3394" spans="1:10" x14ac:dyDescent="0.25">
      <c r="A3394">
        <v>24</v>
      </c>
      <c r="B3394">
        <v>109.864</v>
      </c>
      <c r="C3394">
        <v>123.395</v>
      </c>
      <c r="D3394">
        <v>189.37299999999999</v>
      </c>
      <c r="E3394">
        <v>10091.299999999999</v>
      </c>
      <c r="F3394">
        <v>10800</v>
      </c>
      <c r="G3394">
        <v>18255.099999999999</v>
      </c>
      <c r="H3394">
        <v>2.9133900000000001</v>
      </c>
      <c r="I3394">
        <v>24381.7</v>
      </c>
      <c r="J3394">
        <v>39.078600000000002</v>
      </c>
    </row>
    <row r="3395" spans="1:10" x14ac:dyDescent="0.25">
      <c r="A3395">
        <v>24</v>
      </c>
      <c r="B3395">
        <v>110.1</v>
      </c>
      <c r="C3395">
        <v>123.395</v>
      </c>
      <c r="D3395">
        <v>189.68700000000001</v>
      </c>
      <c r="E3395">
        <v>7370.08</v>
      </c>
      <c r="F3395">
        <v>10800</v>
      </c>
      <c r="G3395">
        <v>19955.900000000001</v>
      </c>
      <c r="H3395">
        <v>1.73228</v>
      </c>
      <c r="I3395">
        <v>22018.799999999999</v>
      </c>
      <c r="J3395">
        <v>38.6526</v>
      </c>
    </row>
    <row r="3396" spans="1:10" x14ac:dyDescent="0.25">
      <c r="A3396">
        <v>24</v>
      </c>
      <c r="B3396">
        <v>109.864</v>
      </c>
      <c r="C3396">
        <v>124.96599999999999</v>
      </c>
      <c r="D3396">
        <v>189.68700000000001</v>
      </c>
      <c r="E3396">
        <v>7370.08</v>
      </c>
      <c r="F3396">
        <v>10800</v>
      </c>
      <c r="G3396">
        <v>18595.3</v>
      </c>
      <c r="H3396">
        <v>2.1574800000000001</v>
      </c>
      <c r="I3396">
        <v>22366.5</v>
      </c>
      <c r="J3396">
        <v>55.354300000000002</v>
      </c>
    </row>
    <row r="3397" spans="1:10" x14ac:dyDescent="0.25">
      <c r="A3397">
        <v>24</v>
      </c>
      <c r="B3397">
        <v>109.628</v>
      </c>
      <c r="C3397">
        <v>124.652</v>
      </c>
      <c r="D3397">
        <v>189.37299999999999</v>
      </c>
      <c r="E3397">
        <v>7370.08</v>
      </c>
      <c r="F3397">
        <v>10800</v>
      </c>
      <c r="G3397">
        <v>22677.200000000001</v>
      </c>
      <c r="H3397">
        <v>3.8346499999999999</v>
      </c>
      <c r="I3397">
        <v>20590.900000000001</v>
      </c>
      <c r="J3397">
        <v>96.0137</v>
      </c>
    </row>
    <row r="3398" spans="1:10" x14ac:dyDescent="0.25">
      <c r="A3398">
        <v>24</v>
      </c>
      <c r="B3398">
        <v>109.864</v>
      </c>
      <c r="C3398">
        <v>129.99299999999999</v>
      </c>
      <c r="D3398">
        <v>190</v>
      </c>
      <c r="E3398">
        <v>10091.299999999999</v>
      </c>
      <c r="F3398">
        <v>11055.1</v>
      </c>
      <c r="G3398">
        <v>22677.200000000001</v>
      </c>
      <c r="H3398">
        <v>1.40157</v>
      </c>
      <c r="I3398">
        <v>26213.599999999999</v>
      </c>
      <c r="J3398">
        <v>115.41</v>
      </c>
    </row>
    <row r="3399" spans="1:10" x14ac:dyDescent="0.25">
      <c r="A3399">
        <v>24</v>
      </c>
      <c r="B3399">
        <v>109.155</v>
      </c>
      <c r="C3399">
        <v>124.96599999999999</v>
      </c>
      <c r="D3399">
        <v>189.68700000000001</v>
      </c>
      <c r="E3399">
        <v>7370.08</v>
      </c>
      <c r="F3399">
        <v>10800</v>
      </c>
      <c r="G3399">
        <v>19955.900000000001</v>
      </c>
      <c r="H3399">
        <v>3.9527600000000001</v>
      </c>
      <c r="I3399">
        <v>20376</v>
      </c>
      <c r="J3399">
        <v>31.912199999999999</v>
      </c>
    </row>
    <row r="3400" spans="1:10" x14ac:dyDescent="0.25">
      <c r="A3400">
        <v>24</v>
      </c>
      <c r="B3400">
        <v>109.864</v>
      </c>
      <c r="C3400">
        <v>114.598</v>
      </c>
      <c r="D3400">
        <v>189.68700000000001</v>
      </c>
      <c r="E3400">
        <v>8730.7099999999991</v>
      </c>
      <c r="F3400">
        <v>27127.599999999999</v>
      </c>
      <c r="G3400">
        <v>22507.1</v>
      </c>
      <c r="H3400">
        <v>3.8582700000000001</v>
      </c>
      <c r="I3400">
        <v>40560.5</v>
      </c>
      <c r="J3400">
        <v>36.688400000000001</v>
      </c>
    </row>
    <row r="3401" spans="1:10" x14ac:dyDescent="0.25">
      <c r="A3401">
        <v>24</v>
      </c>
      <c r="B3401">
        <v>109.39100000000001</v>
      </c>
      <c r="C3401">
        <v>119.625</v>
      </c>
      <c r="D3401">
        <v>189.37299999999999</v>
      </c>
      <c r="E3401">
        <v>7370.08</v>
      </c>
      <c r="F3401">
        <v>10800</v>
      </c>
      <c r="G3401">
        <v>21316.5</v>
      </c>
      <c r="H3401">
        <v>3.9527600000000001</v>
      </c>
      <c r="I3401">
        <v>20232.2</v>
      </c>
      <c r="J3401">
        <v>40.936700000000002</v>
      </c>
    </row>
    <row r="3402" spans="1:10" x14ac:dyDescent="0.25">
      <c r="A3402">
        <v>24</v>
      </c>
      <c r="B3402">
        <v>109.864</v>
      </c>
      <c r="C3402">
        <v>118.369</v>
      </c>
      <c r="D3402">
        <v>189.68700000000001</v>
      </c>
      <c r="E3402">
        <v>7710.24</v>
      </c>
      <c r="F3402">
        <v>10800</v>
      </c>
      <c r="G3402">
        <v>19955.900000000001</v>
      </c>
      <c r="H3402">
        <v>3.7637800000000001</v>
      </c>
      <c r="I3402">
        <v>20586.5</v>
      </c>
      <c r="J3402">
        <v>47.027099999999997</v>
      </c>
    </row>
    <row r="3403" spans="1:10" x14ac:dyDescent="0.25">
      <c r="A3403">
        <v>24</v>
      </c>
      <c r="B3403">
        <v>110.1</v>
      </c>
      <c r="C3403">
        <v>124.652</v>
      </c>
      <c r="D3403">
        <v>190</v>
      </c>
      <c r="E3403">
        <v>7370.08</v>
      </c>
      <c r="F3403">
        <v>27127.599999999999</v>
      </c>
      <c r="G3403">
        <v>19785.8</v>
      </c>
      <c r="H3403">
        <v>3.3858299999999999</v>
      </c>
      <c r="I3403">
        <v>37514.400000000001</v>
      </c>
      <c r="J3403">
        <v>112.045</v>
      </c>
    </row>
    <row r="3404" spans="1:10" x14ac:dyDescent="0.25">
      <c r="A3404">
        <v>24</v>
      </c>
      <c r="B3404">
        <v>101.36</v>
      </c>
      <c r="C3404">
        <v>128.422</v>
      </c>
      <c r="D3404">
        <v>190</v>
      </c>
      <c r="E3404">
        <v>7370.08</v>
      </c>
      <c r="F3404">
        <v>10800</v>
      </c>
      <c r="G3404">
        <v>19955.900000000001</v>
      </c>
      <c r="H3404">
        <v>3.8582700000000001</v>
      </c>
      <c r="I3404">
        <v>20422.8</v>
      </c>
      <c r="J3404">
        <v>116.194</v>
      </c>
    </row>
    <row r="3405" spans="1:10" x14ac:dyDescent="0.25">
      <c r="A3405">
        <v>24</v>
      </c>
      <c r="B3405">
        <v>109.628</v>
      </c>
      <c r="C3405">
        <v>123.395</v>
      </c>
      <c r="D3405">
        <v>189.06</v>
      </c>
      <c r="E3405">
        <v>7710.24</v>
      </c>
      <c r="F3405">
        <v>10800</v>
      </c>
      <c r="G3405">
        <v>18595.3</v>
      </c>
      <c r="H3405">
        <v>4</v>
      </c>
      <c r="I3405">
        <v>20434.8</v>
      </c>
      <c r="J3405">
        <v>73.661199999999994</v>
      </c>
    </row>
    <row r="3406" spans="1:10" x14ac:dyDescent="0.25">
      <c r="A3406">
        <v>24</v>
      </c>
      <c r="B3406">
        <v>109.864</v>
      </c>
      <c r="C3406">
        <v>123.395</v>
      </c>
      <c r="D3406">
        <v>190</v>
      </c>
      <c r="E3406">
        <v>7370.08</v>
      </c>
      <c r="F3406">
        <v>10800</v>
      </c>
      <c r="G3406">
        <v>19955.900000000001</v>
      </c>
      <c r="H3406">
        <v>3.9527600000000001</v>
      </c>
      <c r="I3406">
        <v>20120.3</v>
      </c>
      <c r="J3406">
        <v>73.890900000000002</v>
      </c>
    </row>
    <row r="3407" spans="1:10" x14ac:dyDescent="0.25">
      <c r="A3407">
        <v>24</v>
      </c>
      <c r="B3407">
        <v>109.39100000000001</v>
      </c>
      <c r="C3407">
        <v>129.679</v>
      </c>
      <c r="D3407">
        <v>189.68700000000001</v>
      </c>
      <c r="E3407">
        <v>7370.08</v>
      </c>
      <c r="F3407">
        <v>10800</v>
      </c>
      <c r="G3407">
        <v>22677.200000000001</v>
      </c>
      <c r="H3407">
        <v>3.9291299999999998</v>
      </c>
      <c r="I3407">
        <v>20530</v>
      </c>
      <c r="J3407">
        <v>126.22499999999999</v>
      </c>
    </row>
    <row r="3408" spans="1:10" x14ac:dyDescent="0.25">
      <c r="A3408">
        <v>24</v>
      </c>
      <c r="B3408">
        <v>109.864</v>
      </c>
      <c r="C3408">
        <v>124.652</v>
      </c>
      <c r="D3408">
        <v>190</v>
      </c>
      <c r="E3408">
        <v>7370.08</v>
      </c>
      <c r="F3408">
        <v>11055.1</v>
      </c>
      <c r="G3408">
        <v>18595.3</v>
      </c>
      <c r="H3408">
        <v>1.40157</v>
      </c>
      <c r="I3408">
        <v>23618.6</v>
      </c>
      <c r="J3408">
        <v>85.4696</v>
      </c>
    </row>
    <row r="3409" spans="1:10" x14ac:dyDescent="0.25">
      <c r="A3409">
        <v>24</v>
      </c>
      <c r="B3409">
        <v>109.39100000000001</v>
      </c>
      <c r="C3409">
        <v>123.395</v>
      </c>
      <c r="D3409">
        <v>189.06</v>
      </c>
      <c r="E3409">
        <v>7370.08</v>
      </c>
      <c r="F3409">
        <v>10800</v>
      </c>
      <c r="G3409">
        <v>22677.200000000001</v>
      </c>
      <c r="H3409">
        <v>2.4409399999999999</v>
      </c>
      <c r="I3409">
        <v>21276.7</v>
      </c>
      <c r="J3409">
        <v>45.132100000000001</v>
      </c>
    </row>
    <row r="3410" spans="1:10" x14ac:dyDescent="0.25">
      <c r="A3410">
        <v>24</v>
      </c>
      <c r="B3410">
        <v>109.864</v>
      </c>
      <c r="C3410">
        <v>119.625</v>
      </c>
      <c r="D3410">
        <v>190</v>
      </c>
      <c r="E3410">
        <v>7370.08</v>
      </c>
      <c r="F3410">
        <v>10800</v>
      </c>
      <c r="G3410">
        <v>22507.1</v>
      </c>
      <c r="H3410">
        <v>2.9133900000000001</v>
      </c>
      <c r="I3410">
        <v>20626.599999999999</v>
      </c>
      <c r="J3410">
        <v>43.662599999999998</v>
      </c>
    </row>
    <row r="3411" spans="1:10" x14ac:dyDescent="0.25">
      <c r="A3411">
        <v>24</v>
      </c>
      <c r="B3411">
        <v>109.155</v>
      </c>
      <c r="C3411">
        <v>129.99299999999999</v>
      </c>
      <c r="D3411">
        <v>189.37299999999999</v>
      </c>
      <c r="E3411">
        <v>7710.24</v>
      </c>
      <c r="F3411">
        <v>10800</v>
      </c>
      <c r="G3411">
        <v>19955.900000000001</v>
      </c>
      <c r="H3411">
        <v>3.3858299999999999</v>
      </c>
      <c r="I3411">
        <v>21300</v>
      </c>
      <c r="J3411">
        <v>119.027</v>
      </c>
    </row>
    <row r="3412" spans="1:10" x14ac:dyDescent="0.25">
      <c r="A3412">
        <v>24</v>
      </c>
      <c r="B3412">
        <v>110.1</v>
      </c>
      <c r="C3412">
        <v>119.625</v>
      </c>
      <c r="D3412">
        <v>189.06</v>
      </c>
      <c r="E3412">
        <v>8730.7099999999991</v>
      </c>
      <c r="F3412">
        <v>10800</v>
      </c>
      <c r="G3412">
        <v>19955.900000000001</v>
      </c>
      <c r="H3412">
        <v>1.5669299999999999</v>
      </c>
      <c r="I3412">
        <v>23517.8</v>
      </c>
      <c r="J3412">
        <v>18.171800000000001</v>
      </c>
    </row>
    <row r="3413" spans="1:10" x14ac:dyDescent="0.25">
      <c r="A3413">
        <v>24</v>
      </c>
      <c r="B3413">
        <v>109.628</v>
      </c>
      <c r="C3413">
        <v>124.652</v>
      </c>
      <c r="D3413">
        <v>189.68700000000001</v>
      </c>
      <c r="E3413">
        <v>7710.24</v>
      </c>
      <c r="F3413">
        <v>10800</v>
      </c>
      <c r="G3413">
        <v>19955.900000000001</v>
      </c>
      <c r="H3413">
        <v>4</v>
      </c>
      <c r="I3413">
        <v>20827</v>
      </c>
      <c r="J3413">
        <v>103.649</v>
      </c>
    </row>
    <row r="3414" spans="1:10" x14ac:dyDescent="0.25">
      <c r="A3414">
        <v>24</v>
      </c>
      <c r="B3414">
        <v>110.1</v>
      </c>
      <c r="C3414">
        <v>113.342</v>
      </c>
      <c r="D3414">
        <v>189.68700000000001</v>
      </c>
      <c r="E3414">
        <v>7370.08</v>
      </c>
      <c r="F3414">
        <v>10800</v>
      </c>
      <c r="G3414">
        <v>18595.3</v>
      </c>
      <c r="H3414">
        <v>3.19685</v>
      </c>
      <c r="I3414">
        <v>20653.599999999999</v>
      </c>
      <c r="J3414">
        <v>64.782799999999995</v>
      </c>
    </row>
    <row r="3415" spans="1:10" x14ac:dyDescent="0.25">
      <c r="A3415">
        <v>24</v>
      </c>
      <c r="B3415">
        <v>109.39100000000001</v>
      </c>
      <c r="C3415">
        <v>114.913</v>
      </c>
      <c r="D3415">
        <v>190</v>
      </c>
      <c r="E3415">
        <v>8390.5499999999993</v>
      </c>
      <c r="F3415">
        <v>27127.599999999999</v>
      </c>
      <c r="G3415">
        <v>21316.5</v>
      </c>
      <c r="H3415">
        <v>1.40157</v>
      </c>
      <c r="I3415">
        <v>41849.4</v>
      </c>
      <c r="J3415">
        <v>34.444299999999998</v>
      </c>
    </row>
    <row r="3416" spans="1:10" x14ac:dyDescent="0.25">
      <c r="A3416">
        <v>24</v>
      </c>
      <c r="B3416">
        <v>110.1</v>
      </c>
      <c r="C3416">
        <v>123.709</v>
      </c>
      <c r="D3416">
        <v>190</v>
      </c>
      <c r="E3416">
        <v>7370.08</v>
      </c>
      <c r="F3416">
        <v>10800</v>
      </c>
      <c r="G3416">
        <v>18595.3</v>
      </c>
      <c r="H3416">
        <v>2.25197</v>
      </c>
      <c r="I3416">
        <v>21254.6</v>
      </c>
      <c r="J3416">
        <v>59.517699999999998</v>
      </c>
    </row>
    <row r="3417" spans="1:10" x14ac:dyDescent="0.25">
      <c r="A3417">
        <v>24</v>
      </c>
      <c r="B3417">
        <v>110.1</v>
      </c>
      <c r="C3417">
        <v>123.395</v>
      </c>
      <c r="D3417">
        <v>189.68700000000001</v>
      </c>
      <c r="E3417">
        <v>7370.08</v>
      </c>
      <c r="F3417">
        <v>10800</v>
      </c>
      <c r="G3417">
        <v>18595.3</v>
      </c>
      <c r="H3417">
        <v>1.6377999999999999</v>
      </c>
      <c r="I3417">
        <v>21937</v>
      </c>
      <c r="J3417">
        <v>20.6646</v>
      </c>
    </row>
    <row r="3418" spans="1:10" x14ac:dyDescent="0.25">
      <c r="A3418">
        <v>24</v>
      </c>
      <c r="B3418">
        <v>109.864</v>
      </c>
      <c r="C3418">
        <v>123.395</v>
      </c>
      <c r="D3418">
        <v>190</v>
      </c>
      <c r="E3418">
        <v>7370.08</v>
      </c>
      <c r="F3418">
        <v>10800</v>
      </c>
      <c r="G3418">
        <v>19955.900000000001</v>
      </c>
      <c r="H3418">
        <v>3.4803099999999998</v>
      </c>
      <c r="I3418">
        <v>20297</v>
      </c>
      <c r="J3418">
        <v>76.546300000000002</v>
      </c>
    </row>
    <row r="3419" spans="1:10" x14ac:dyDescent="0.25">
      <c r="A3419">
        <v>24</v>
      </c>
      <c r="B3419">
        <v>110.1</v>
      </c>
      <c r="C3419">
        <v>119.625</v>
      </c>
      <c r="D3419">
        <v>189.06</v>
      </c>
      <c r="E3419">
        <v>7370.08</v>
      </c>
      <c r="F3419">
        <v>10800</v>
      </c>
      <c r="G3419">
        <v>18595.3</v>
      </c>
      <c r="H3419">
        <v>2.4881899999999999</v>
      </c>
      <c r="I3419">
        <v>20996.799999999999</v>
      </c>
      <c r="J3419">
        <v>32.027999999999999</v>
      </c>
    </row>
    <row r="3420" spans="1:10" x14ac:dyDescent="0.25">
      <c r="A3420">
        <v>24</v>
      </c>
      <c r="B3420">
        <v>109.39100000000001</v>
      </c>
      <c r="C3420">
        <v>124.96599999999999</v>
      </c>
      <c r="D3420">
        <v>189.06</v>
      </c>
      <c r="E3420">
        <v>7370.08</v>
      </c>
      <c r="F3420">
        <v>10800</v>
      </c>
      <c r="G3420">
        <v>18595.3</v>
      </c>
      <c r="H3420">
        <v>3.9291299999999998</v>
      </c>
      <c r="I3420">
        <v>20129.7</v>
      </c>
      <c r="J3420">
        <v>53.212400000000002</v>
      </c>
    </row>
    <row r="3421" spans="1:10" x14ac:dyDescent="0.25">
      <c r="A3421">
        <v>24</v>
      </c>
      <c r="B3421">
        <v>108.919</v>
      </c>
      <c r="C3421">
        <v>127.794</v>
      </c>
      <c r="D3421">
        <v>189.68700000000001</v>
      </c>
      <c r="E3421">
        <v>7370.08</v>
      </c>
      <c r="F3421">
        <v>10800</v>
      </c>
      <c r="G3421">
        <v>19955.900000000001</v>
      </c>
      <c r="H3421">
        <v>2.4409399999999999</v>
      </c>
      <c r="I3421">
        <v>21460.5</v>
      </c>
      <c r="J3421">
        <v>113.298</v>
      </c>
    </row>
    <row r="3422" spans="1:10" x14ac:dyDescent="0.25">
      <c r="A3422">
        <v>24</v>
      </c>
      <c r="B3422">
        <v>110.1</v>
      </c>
      <c r="C3422">
        <v>124.652</v>
      </c>
      <c r="D3422">
        <v>189.68700000000001</v>
      </c>
      <c r="E3422">
        <v>10091.299999999999</v>
      </c>
      <c r="F3422">
        <v>10800</v>
      </c>
      <c r="G3422">
        <v>18595.3</v>
      </c>
      <c r="H3422">
        <v>1.5905499999999999</v>
      </c>
      <c r="I3422">
        <v>25818</v>
      </c>
      <c r="J3422">
        <v>99.019099999999995</v>
      </c>
    </row>
    <row r="3423" spans="1:10" x14ac:dyDescent="0.25">
      <c r="A3423">
        <v>24</v>
      </c>
      <c r="B3423">
        <v>109.864</v>
      </c>
      <c r="C3423">
        <v>119.625</v>
      </c>
      <c r="D3423">
        <v>189.06</v>
      </c>
      <c r="E3423">
        <v>7370.08</v>
      </c>
      <c r="F3423">
        <v>10800</v>
      </c>
      <c r="G3423">
        <v>25398.400000000001</v>
      </c>
      <c r="H3423">
        <v>2.34646</v>
      </c>
      <c r="I3423">
        <v>21169.8</v>
      </c>
      <c r="J3423">
        <v>37.618600000000001</v>
      </c>
    </row>
    <row r="3424" spans="1:10" x14ac:dyDescent="0.25">
      <c r="A3424">
        <v>24</v>
      </c>
      <c r="B3424">
        <v>110.1</v>
      </c>
      <c r="C3424">
        <v>123.081</v>
      </c>
      <c r="D3424">
        <v>189.06</v>
      </c>
      <c r="E3424">
        <v>7370.08</v>
      </c>
      <c r="F3424">
        <v>10800</v>
      </c>
      <c r="G3424">
        <v>19955.900000000001</v>
      </c>
      <c r="H3424">
        <v>2.4409399999999999</v>
      </c>
      <c r="I3424">
        <v>21065.7</v>
      </c>
      <c r="J3424">
        <v>26.441299999999998</v>
      </c>
    </row>
    <row r="3425" spans="1:10" x14ac:dyDescent="0.25">
      <c r="A3425">
        <v>24</v>
      </c>
      <c r="B3425">
        <v>107.974</v>
      </c>
      <c r="C3425">
        <v>114.598</v>
      </c>
      <c r="D3425">
        <v>189.06</v>
      </c>
      <c r="E3425">
        <v>7710.24</v>
      </c>
      <c r="F3425">
        <v>11310.2</v>
      </c>
      <c r="G3425">
        <v>18595.3</v>
      </c>
      <c r="H3425">
        <v>2.0157500000000002</v>
      </c>
      <c r="I3425">
        <v>22403.3</v>
      </c>
      <c r="J3425">
        <v>54.065399999999997</v>
      </c>
    </row>
    <row r="3426" spans="1:10" x14ac:dyDescent="0.25">
      <c r="A3426">
        <v>24</v>
      </c>
      <c r="B3426">
        <v>109.155</v>
      </c>
      <c r="C3426">
        <v>128.422</v>
      </c>
      <c r="D3426">
        <v>190</v>
      </c>
      <c r="E3426">
        <v>7370.08</v>
      </c>
      <c r="F3426">
        <v>10800</v>
      </c>
      <c r="G3426">
        <v>19955.900000000001</v>
      </c>
      <c r="H3426">
        <v>1.5905499999999999</v>
      </c>
      <c r="I3426">
        <v>22860.799999999999</v>
      </c>
      <c r="J3426">
        <v>100.384</v>
      </c>
    </row>
    <row r="3427" spans="1:10" x14ac:dyDescent="0.25">
      <c r="A3427">
        <v>24</v>
      </c>
      <c r="B3427">
        <v>109.864</v>
      </c>
      <c r="C3427">
        <v>117.74</v>
      </c>
      <c r="D3427">
        <v>189.68700000000001</v>
      </c>
      <c r="E3427">
        <v>7370.08</v>
      </c>
      <c r="F3427">
        <v>11055.1</v>
      </c>
      <c r="G3427">
        <v>19955.900000000001</v>
      </c>
      <c r="H3427">
        <v>2.4881899999999999</v>
      </c>
      <c r="I3427">
        <v>21279.8</v>
      </c>
      <c r="J3427">
        <v>37.393300000000004</v>
      </c>
    </row>
    <row r="3428" spans="1:10" x14ac:dyDescent="0.25">
      <c r="A3428">
        <v>24</v>
      </c>
      <c r="B3428">
        <v>109.864</v>
      </c>
      <c r="C3428">
        <v>124.96599999999999</v>
      </c>
      <c r="D3428">
        <v>189.37299999999999</v>
      </c>
      <c r="E3428">
        <v>7370.08</v>
      </c>
      <c r="F3428">
        <v>10800</v>
      </c>
      <c r="G3428">
        <v>21316.5</v>
      </c>
      <c r="H3428">
        <v>3.9527600000000001</v>
      </c>
      <c r="I3428">
        <v>20748.400000000001</v>
      </c>
      <c r="J3428">
        <v>108.85599999999999</v>
      </c>
    </row>
    <row r="3429" spans="1:10" x14ac:dyDescent="0.25">
      <c r="A3429">
        <v>24</v>
      </c>
      <c r="B3429">
        <v>109.864</v>
      </c>
      <c r="C3429">
        <v>129.679</v>
      </c>
      <c r="D3429">
        <v>189.68700000000001</v>
      </c>
      <c r="E3429">
        <v>7370.08</v>
      </c>
      <c r="F3429">
        <v>10800</v>
      </c>
      <c r="G3429">
        <v>19615.7</v>
      </c>
      <c r="H3429">
        <v>3.9527600000000001</v>
      </c>
      <c r="I3429">
        <v>20499.2</v>
      </c>
      <c r="J3429">
        <v>120.85599999999999</v>
      </c>
    </row>
    <row r="3430" spans="1:10" x14ac:dyDescent="0.25">
      <c r="A3430">
        <v>24</v>
      </c>
      <c r="B3430">
        <v>109.155</v>
      </c>
      <c r="C3430">
        <v>119.93899999999999</v>
      </c>
      <c r="D3430">
        <v>189.68700000000001</v>
      </c>
      <c r="E3430">
        <v>7455.12</v>
      </c>
      <c r="F3430">
        <v>10800</v>
      </c>
      <c r="G3430">
        <v>18595.3</v>
      </c>
      <c r="H3430">
        <v>4</v>
      </c>
      <c r="I3430">
        <v>20331.2</v>
      </c>
      <c r="J3430">
        <v>41.520299999999999</v>
      </c>
    </row>
    <row r="3431" spans="1:10" x14ac:dyDescent="0.25">
      <c r="A3431">
        <v>24</v>
      </c>
      <c r="B3431">
        <v>110.1</v>
      </c>
      <c r="C3431">
        <v>113.342</v>
      </c>
      <c r="D3431">
        <v>189.68700000000001</v>
      </c>
      <c r="E3431">
        <v>7370.08</v>
      </c>
      <c r="F3431">
        <v>10800</v>
      </c>
      <c r="G3431">
        <v>25398.400000000001</v>
      </c>
      <c r="H3431">
        <v>2.4409399999999999</v>
      </c>
      <c r="I3431">
        <v>21214.9</v>
      </c>
      <c r="J3431">
        <v>63.859400000000001</v>
      </c>
    </row>
    <row r="3432" spans="1:10" x14ac:dyDescent="0.25">
      <c r="A3432">
        <v>24</v>
      </c>
      <c r="B3432">
        <v>108.919</v>
      </c>
      <c r="C3432">
        <v>119.93899999999999</v>
      </c>
      <c r="D3432">
        <v>189.68700000000001</v>
      </c>
      <c r="E3432">
        <v>7370.08</v>
      </c>
      <c r="F3432">
        <v>10800</v>
      </c>
      <c r="G3432">
        <v>19955.900000000001</v>
      </c>
      <c r="H3432">
        <v>3.5748000000000002</v>
      </c>
      <c r="I3432">
        <v>20322.099999999999</v>
      </c>
      <c r="J3432">
        <v>39.970399999999998</v>
      </c>
    </row>
    <row r="3433" spans="1:10" x14ac:dyDescent="0.25">
      <c r="A3433">
        <v>24</v>
      </c>
      <c r="B3433">
        <v>108.446</v>
      </c>
      <c r="C3433">
        <v>124.652</v>
      </c>
      <c r="D3433">
        <v>179.97200000000001</v>
      </c>
      <c r="E3433">
        <v>7370.08</v>
      </c>
      <c r="F3433">
        <v>10800</v>
      </c>
      <c r="G3433">
        <v>21316.5</v>
      </c>
      <c r="H3433">
        <v>3.55118</v>
      </c>
      <c r="I3433">
        <v>20880.099999999999</v>
      </c>
      <c r="J3433">
        <v>112.611</v>
      </c>
    </row>
    <row r="3434" spans="1:10" x14ac:dyDescent="0.25">
      <c r="A3434">
        <v>24</v>
      </c>
      <c r="B3434">
        <v>109.39100000000001</v>
      </c>
      <c r="C3434">
        <v>124.652</v>
      </c>
      <c r="D3434">
        <v>189.37299999999999</v>
      </c>
      <c r="E3434">
        <v>7370.08</v>
      </c>
      <c r="F3434">
        <v>10800</v>
      </c>
      <c r="G3434">
        <v>19955.900000000001</v>
      </c>
      <c r="H3434">
        <v>3.9291299999999998</v>
      </c>
      <c r="I3434">
        <v>20139.8</v>
      </c>
      <c r="J3434">
        <v>54.5745</v>
      </c>
    </row>
    <row r="3435" spans="1:10" x14ac:dyDescent="0.25">
      <c r="A3435">
        <v>24</v>
      </c>
      <c r="B3435">
        <v>108.919</v>
      </c>
      <c r="C3435">
        <v>119.93899999999999</v>
      </c>
      <c r="D3435">
        <v>189.06</v>
      </c>
      <c r="E3435">
        <v>7370.08</v>
      </c>
      <c r="F3435">
        <v>10800</v>
      </c>
      <c r="G3435">
        <v>19615.7</v>
      </c>
      <c r="H3435">
        <v>3.9527600000000001</v>
      </c>
      <c r="I3435">
        <v>20211.2</v>
      </c>
      <c r="J3435">
        <v>42.447699999999998</v>
      </c>
    </row>
    <row r="3436" spans="1:10" x14ac:dyDescent="0.25">
      <c r="A3436">
        <v>24</v>
      </c>
      <c r="B3436">
        <v>108.919</v>
      </c>
      <c r="C3436">
        <v>119.625</v>
      </c>
      <c r="D3436">
        <v>189.68700000000001</v>
      </c>
      <c r="E3436">
        <v>7710.24</v>
      </c>
      <c r="F3436">
        <v>10800</v>
      </c>
      <c r="G3436">
        <v>24037.8</v>
      </c>
      <c r="H3436">
        <v>2.25197</v>
      </c>
      <c r="I3436">
        <v>21559</v>
      </c>
      <c r="J3436">
        <v>46.656799999999997</v>
      </c>
    </row>
    <row r="3437" spans="1:10" x14ac:dyDescent="0.25">
      <c r="A3437">
        <v>24</v>
      </c>
      <c r="B3437">
        <v>109.864</v>
      </c>
      <c r="C3437">
        <v>124.652</v>
      </c>
      <c r="D3437">
        <v>190</v>
      </c>
      <c r="E3437">
        <v>10091.299999999999</v>
      </c>
      <c r="F3437">
        <v>10800</v>
      </c>
      <c r="G3437">
        <v>24037.8</v>
      </c>
      <c r="H3437">
        <v>3.00787</v>
      </c>
      <c r="I3437">
        <v>24020.9</v>
      </c>
      <c r="J3437">
        <v>93.334299999999999</v>
      </c>
    </row>
    <row r="3438" spans="1:10" x14ac:dyDescent="0.25">
      <c r="A3438">
        <v>24</v>
      </c>
      <c r="B3438">
        <v>109.864</v>
      </c>
      <c r="C3438">
        <v>123.709</v>
      </c>
      <c r="D3438">
        <v>190</v>
      </c>
      <c r="E3438">
        <v>7370.08</v>
      </c>
      <c r="F3438">
        <v>11055.1</v>
      </c>
      <c r="G3438">
        <v>21316.5</v>
      </c>
      <c r="H3438">
        <v>1.6614199999999999</v>
      </c>
      <c r="I3438">
        <v>22880.3</v>
      </c>
      <c r="J3438">
        <v>102.37</v>
      </c>
    </row>
    <row r="3439" spans="1:10" x14ac:dyDescent="0.25">
      <c r="A3439">
        <v>24</v>
      </c>
      <c r="B3439">
        <v>109.155</v>
      </c>
      <c r="C3439">
        <v>119.625</v>
      </c>
      <c r="D3439">
        <v>189.68700000000001</v>
      </c>
      <c r="E3439">
        <v>7455.12</v>
      </c>
      <c r="F3439">
        <v>10800</v>
      </c>
      <c r="G3439">
        <v>19955.900000000001</v>
      </c>
      <c r="H3439">
        <v>3.6220500000000002</v>
      </c>
      <c r="I3439">
        <v>20474</v>
      </c>
      <c r="J3439">
        <v>42.4557</v>
      </c>
    </row>
    <row r="3440" spans="1:10" x14ac:dyDescent="0.25">
      <c r="A3440">
        <v>24</v>
      </c>
      <c r="B3440">
        <v>110.1</v>
      </c>
      <c r="C3440">
        <v>123.395</v>
      </c>
      <c r="D3440">
        <v>189.68700000000001</v>
      </c>
      <c r="E3440">
        <v>7370.08</v>
      </c>
      <c r="F3440">
        <v>10800</v>
      </c>
      <c r="G3440">
        <v>18595.3</v>
      </c>
      <c r="H3440">
        <v>2.9133900000000001</v>
      </c>
      <c r="I3440">
        <v>20641.900000000001</v>
      </c>
      <c r="J3440">
        <v>93.717200000000005</v>
      </c>
    </row>
    <row r="3441" spans="1:10" x14ac:dyDescent="0.25">
      <c r="A3441">
        <v>24</v>
      </c>
      <c r="B3441">
        <v>109.155</v>
      </c>
      <c r="C3441">
        <v>119.93899999999999</v>
      </c>
      <c r="D3441">
        <v>189.68700000000001</v>
      </c>
      <c r="E3441">
        <v>7370.08</v>
      </c>
      <c r="F3441">
        <v>10800</v>
      </c>
      <c r="G3441">
        <v>18595.3</v>
      </c>
      <c r="H3441">
        <v>3.45669</v>
      </c>
      <c r="I3441">
        <v>20394.099999999999</v>
      </c>
      <c r="J3441">
        <v>38.829799999999999</v>
      </c>
    </row>
    <row r="3442" spans="1:10" x14ac:dyDescent="0.25">
      <c r="A3442">
        <v>24</v>
      </c>
      <c r="B3442">
        <v>109.864</v>
      </c>
      <c r="C3442">
        <v>119.625</v>
      </c>
      <c r="D3442">
        <v>189.68700000000001</v>
      </c>
      <c r="E3442">
        <v>10091.299999999999</v>
      </c>
      <c r="F3442">
        <v>10800</v>
      </c>
      <c r="G3442">
        <v>28119.7</v>
      </c>
      <c r="H3442">
        <v>2.34646</v>
      </c>
      <c r="I3442">
        <v>24050.2</v>
      </c>
      <c r="J3442">
        <v>40.101399999999998</v>
      </c>
    </row>
    <row r="3443" spans="1:10" x14ac:dyDescent="0.25">
      <c r="A3443">
        <v>24</v>
      </c>
      <c r="B3443">
        <v>110.1</v>
      </c>
      <c r="C3443">
        <v>124.024</v>
      </c>
      <c r="D3443">
        <v>186.553</v>
      </c>
      <c r="E3443">
        <v>7370.08</v>
      </c>
      <c r="F3443">
        <v>10800</v>
      </c>
      <c r="G3443">
        <v>19955.900000000001</v>
      </c>
      <c r="H3443">
        <v>1.5905499999999999</v>
      </c>
      <c r="I3443">
        <v>23712.6</v>
      </c>
      <c r="J3443">
        <v>28.9922</v>
      </c>
    </row>
    <row r="3444" spans="1:10" x14ac:dyDescent="0.25">
      <c r="A3444">
        <v>24</v>
      </c>
      <c r="B3444">
        <v>109.155</v>
      </c>
      <c r="C3444">
        <v>113.65600000000001</v>
      </c>
      <c r="D3444">
        <v>189.68700000000001</v>
      </c>
      <c r="E3444">
        <v>7370.08</v>
      </c>
      <c r="F3444">
        <v>10800</v>
      </c>
      <c r="G3444">
        <v>19955.900000000001</v>
      </c>
      <c r="H3444">
        <v>3.9291299999999998</v>
      </c>
      <c r="I3444">
        <v>20380.2</v>
      </c>
      <c r="J3444">
        <v>74.394599999999997</v>
      </c>
    </row>
    <row r="3445" spans="1:10" x14ac:dyDescent="0.25">
      <c r="A3445">
        <v>24</v>
      </c>
      <c r="B3445">
        <v>110.1</v>
      </c>
      <c r="C3445">
        <v>124.652</v>
      </c>
      <c r="D3445">
        <v>189.06</v>
      </c>
      <c r="E3445">
        <v>7370.08</v>
      </c>
      <c r="F3445">
        <v>10800</v>
      </c>
      <c r="G3445">
        <v>19955.900000000001</v>
      </c>
      <c r="H3445">
        <v>3.7637800000000001</v>
      </c>
      <c r="I3445">
        <v>20614.400000000001</v>
      </c>
      <c r="J3445">
        <v>106.114</v>
      </c>
    </row>
    <row r="3446" spans="1:10" x14ac:dyDescent="0.25">
      <c r="A3446">
        <v>24</v>
      </c>
      <c r="B3446">
        <v>101.36</v>
      </c>
      <c r="C3446">
        <v>113.342</v>
      </c>
      <c r="D3446">
        <v>189.68700000000001</v>
      </c>
      <c r="E3446">
        <v>7710.24</v>
      </c>
      <c r="F3446">
        <v>10800</v>
      </c>
      <c r="G3446">
        <v>19955.900000000001</v>
      </c>
      <c r="H3446">
        <v>3.90551</v>
      </c>
      <c r="I3446">
        <v>20802.3</v>
      </c>
      <c r="J3446">
        <v>96.583200000000005</v>
      </c>
    </row>
    <row r="3447" spans="1:10" x14ac:dyDescent="0.25">
      <c r="A3447">
        <v>24</v>
      </c>
      <c r="B3447">
        <v>109.864</v>
      </c>
      <c r="C3447">
        <v>129.679</v>
      </c>
      <c r="D3447">
        <v>189.06</v>
      </c>
      <c r="E3447">
        <v>7370.08</v>
      </c>
      <c r="F3447">
        <v>10800</v>
      </c>
      <c r="G3447">
        <v>19955.900000000001</v>
      </c>
      <c r="H3447">
        <v>3.9527600000000001</v>
      </c>
      <c r="I3447">
        <v>20498.599999999999</v>
      </c>
      <c r="J3447">
        <v>120.85599999999999</v>
      </c>
    </row>
    <row r="3448" spans="1:10" x14ac:dyDescent="0.25">
      <c r="A3448">
        <v>24</v>
      </c>
      <c r="B3448">
        <v>109.39100000000001</v>
      </c>
      <c r="C3448">
        <v>112.71299999999999</v>
      </c>
      <c r="D3448">
        <v>189.06</v>
      </c>
      <c r="E3448">
        <v>7370.08</v>
      </c>
      <c r="F3448">
        <v>10800</v>
      </c>
      <c r="G3448">
        <v>19955.900000000001</v>
      </c>
      <c r="H3448">
        <v>1.6377999999999999</v>
      </c>
      <c r="I3448">
        <v>22232.5</v>
      </c>
      <c r="J3448">
        <v>62.430999999999997</v>
      </c>
    </row>
    <row r="3449" spans="1:10" x14ac:dyDescent="0.25">
      <c r="A3449">
        <v>24</v>
      </c>
      <c r="B3449">
        <v>110.1</v>
      </c>
      <c r="C3449">
        <v>124.652</v>
      </c>
      <c r="D3449">
        <v>189.68700000000001</v>
      </c>
      <c r="E3449">
        <v>7370.08</v>
      </c>
      <c r="F3449">
        <v>10800</v>
      </c>
      <c r="G3449">
        <v>24037.8</v>
      </c>
      <c r="H3449">
        <v>2.34646</v>
      </c>
      <c r="I3449">
        <v>21717.5</v>
      </c>
      <c r="J3449">
        <v>101.05</v>
      </c>
    </row>
    <row r="3450" spans="1:10" x14ac:dyDescent="0.25">
      <c r="A3450">
        <v>24</v>
      </c>
      <c r="B3450">
        <v>110.1</v>
      </c>
      <c r="C3450">
        <v>119.93899999999999</v>
      </c>
      <c r="D3450">
        <v>189.68700000000001</v>
      </c>
      <c r="E3450">
        <v>7370.08</v>
      </c>
      <c r="F3450">
        <v>10800</v>
      </c>
      <c r="G3450">
        <v>19955.900000000001</v>
      </c>
      <c r="H3450">
        <v>2.4409399999999999</v>
      </c>
      <c r="I3450">
        <v>21020.6</v>
      </c>
      <c r="J3450">
        <v>29.1251</v>
      </c>
    </row>
    <row r="3451" spans="1:10" x14ac:dyDescent="0.25">
      <c r="A3451">
        <v>24</v>
      </c>
      <c r="B3451">
        <v>110.1</v>
      </c>
      <c r="C3451">
        <v>128.422</v>
      </c>
      <c r="D3451">
        <v>189.68700000000001</v>
      </c>
      <c r="E3451">
        <v>8730.7099999999991</v>
      </c>
      <c r="F3451">
        <v>10800</v>
      </c>
      <c r="G3451">
        <v>19955.900000000001</v>
      </c>
      <c r="H3451">
        <v>2.4173200000000001</v>
      </c>
      <c r="I3451">
        <v>22837.5</v>
      </c>
      <c r="J3451">
        <v>117.928</v>
      </c>
    </row>
    <row r="3452" spans="1:10" x14ac:dyDescent="0.25">
      <c r="A3452">
        <v>24</v>
      </c>
      <c r="B3452">
        <v>109.864</v>
      </c>
      <c r="C3452">
        <v>123.395</v>
      </c>
      <c r="D3452">
        <v>189.06</v>
      </c>
      <c r="E3452">
        <v>10091.299999999999</v>
      </c>
      <c r="F3452">
        <v>11055.1</v>
      </c>
      <c r="G3452">
        <v>18595.3</v>
      </c>
      <c r="H3452">
        <v>3.8582700000000001</v>
      </c>
      <c r="I3452">
        <v>24363.8</v>
      </c>
      <c r="J3452">
        <v>30.639600000000002</v>
      </c>
    </row>
    <row r="3453" spans="1:10" x14ac:dyDescent="0.25">
      <c r="A3453">
        <v>24</v>
      </c>
      <c r="B3453">
        <v>109.155</v>
      </c>
      <c r="C3453">
        <v>129.679</v>
      </c>
      <c r="D3453">
        <v>189.06</v>
      </c>
      <c r="E3453">
        <v>7370.08</v>
      </c>
      <c r="F3453">
        <v>10800</v>
      </c>
      <c r="G3453">
        <v>22677.200000000001</v>
      </c>
      <c r="H3453">
        <v>3.9291299999999998</v>
      </c>
      <c r="I3453">
        <v>20497.8</v>
      </c>
      <c r="J3453">
        <v>118.98399999999999</v>
      </c>
    </row>
    <row r="3454" spans="1:10" x14ac:dyDescent="0.25">
      <c r="A3454">
        <v>24</v>
      </c>
      <c r="B3454">
        <v>109.39100000000001</v>
      </c>
      <c r="C3454">
        <v>114.598</v>
      </c>
      <c r="D3454">
        <v>189.06</v>
      </c>
      <c r="E3454">
        <v>7370.08</v>
      </c>
      <c r="F3454">
        <v>10800</v>
      </c>
      <c r="G3454">
        <v>19955.900000000001</v>
      </c>
      <c r="H3454">
        <v>3.14961</v>
      </c>
      <c r="I3454">
        <v>20726.7</v>
      </c>
      <c r="J3454">
        <v>63.641300000000001</v>
      </c>
    </row>
    <row r="3455" spans="1:10" x14ac:dyDescent="0.25">
      <c r="A3455">
        <v>24</v>
      </c>
      <c r="B3455">
        <v>109.628</v>
      </c>
      <c r="C3455">
        <v>119.625</v>
      </c>
      <c r="D3455">
        <v>190</v>
      </c>
      <c r="E3455">
        <v>7370.08</v>
      </c>
      <c r="F3455">
        <v>10800</v>
      </c>
      <c r="G3455">
        <v>25398.400000000001</v>
      </c>
      <c r="H3455">
        <v>3.8582700000000001</v>
      </c>
      <c r="I3455">
        <v>20244.099999999999</v>
      </c>
      <c r="J3455">
        <v>44.130899999999997</v>
      </c>
    </row>
    <row r="3456" spans="1:10" x14ac:dyDescent="0.25">
      <c r="A3456">
        <v>24</v>
      </c>
      <c r="B3456">
        <v>109.39100000000001</v>
      </c>
      <c r="C3456">
        <v>118.997</v>
      </c>
      <c r="D3456">
        <v>190</v>
      </c>
      <c r="E3456">
        <v>7370.08</v>
      </c>
      <c r="F3456">
        <v>10800</v>
      </c>
      <c r="G3456">
        <v>22677.200000000001</v>
      </c>
      <c r="H3456">
        <v>3.8582700000000001</v>
      </c>
      <c r="I3456">
        <v>20328.8</v>
      </c>
      <c r="J3456">
        <v>44.6006</v>
      </c>
    </row>
    <row r="3457" spans="1:13" x14ac:dyDescent="0.25">
      <c r="A3457">
        <v>24</v>
      </c>
      <c r="B3457">
        <v>108.919</v>
      </c>
      <c r="C3457">
        <v>118.369</v>
      </c>
      <c r="D3457">
        <v>189.68700000000001</v>
      </c>
      <c r="E3457">
        <v>7370.08</v>
      </c>
      <c r="F3457">
        <v>27127.599999999999</v>
      </c>
      <c r="G3457">
        <v>19955.900000000001</v>
      </c>
      <c r="H3457">
        <v>3.6692900000000002</v>
      </c>
      <c r="I3457">
        <v>39391.1</v>
      </c>
      <c r="J3457">
        <v>40.334800000000001</v>
      </c>
    </row>
    <row r="3458" spans="1:13" x14ac:dyDescent="0.25">
      <c r="A3458">
        <v>24</v>
      </c>
      <c r="B3458">
        <v>109.864</v>
      </c>
      <c r="C3458">
        <v>123.709</v>
      </c>
      <c r="D3458">
        <v>189.68700000000001</v>
      </c>
      <c r="E3458">
        <v>10091.299999999999</v>
      </c>
      <c r="F3458">
        <v>10800</v>
      </c>
      <c r="G3458">
        <v>19955.900000000001</v>
      </c>
      <c r="H3458">
        <v>2.7244100000000002</v>
      </c>
      <c r="I3458">
        <v>24182.799999999999</v>
      </c>
      <c r="J3458">
        <v>87.729100000000003</v>
      </c>
    </row>
    <row r="3459" spans="1:13" x14ac:dyDescent="0.25">
      <c r="A3459">
        <v>24</v>
      </c>
      <c r="B3459">
        <v>109.864</v>
      </c>
      <c r="C3459">
        <v>124.652</v>
      </c>
      <c r="D3459">
        <v>190</v>
      </c>
      <c r="E3459">
        <v>10091.299999999999</v>
      </c>
      <c r="F3459">
        <v>11055.1</v>
      </c>
      <c r="G3459">
        <v>18595.3</v>
      </c>
      <c r="H3459">
        <v>1.6850400000000001</v>
      </c>
      <c r="I3459">
        <v>25960.5</v>
      </c>
      <c r="J3459">
        <v>80.150999999999996</v>
      </c>
    </row>
    <row r="3460" spans="1:13" x14ac:dyDescent="0.25">
      <c r="A3460">
        <v>24</v>
      </c>
      <c r="B3460">
        <v>108.919</v>
      </c>
      <c r="C3460">
        <v>117.74</v>
      </c>
      <c r="D3460">
        <v>189.68700000000001</v>
      </c>
      <c r="E3460">
        <v>7710.24</v>
      </c>
      <c r="F3460">
        <v>10800</v>
      </c>
      <c r="G3460">
        <v>18595.3</v>
      </c>
      <c r="H3460">
        <v>3.6692900000000002</v>
      </c>
      <c r="I3460">
        <v>20767.2</v>
      </c>
      <c r="J3460">
        <v>52.7879</v>
      </c>
    </row>
    <row r="3461" spans="1:13" x14ac:dyDescent="0.25">
      <c r="A3461">
        <v>24</v>
      </c>
      <c r="B3461">
        <v>110.1</v>
      </c>
      <c r="C3461">
        <v>119.625</v>
      </c>
      <c r="D3461">
        <v>189.06</v>
      </c>
      <c r="E3461">
        <v>8730.7099999999991</v>
      </c>
      <c r="F3461">
        <v>10800</v>
      </c>
      <c r="G3461">
        <v>19955.900000000001</v>
      </c>
      <c r="H3461">
        <v>1.5669299999999999</v>
      </c>
      <c r="I3461">
        <v>23517.8</v>
      </c>
      <c r="J3461">
        <v>18.171800000000001</v>
      </c>
      <c r="L3461">
        <v>20088.599999999999</v>
      </c>
      <c r="M3461">
        <v>84.924499999999995</v>
      </c>
    </row>
    <row r="3462" spans="1:13" x14ac:dyDescent="0.25">
      <c r="A3462">
        <v>24</v>
      </c>
      <c r="B3462">
        <v>109.864</v>
      </c>
      <c r="C3462">
        <v>122.767</v>
      </c>
      <c r="D3462">
        <v>190</v>
      </c>
      <c r="E3462">
        <v>7370.08</v>
      </c>
      <c r="F3462">
        <v>10800</v>
      </c>
      <c r="G3462">
        <v>19785.8</v>
      </c>
      <c r="H3462">
        <v>3.00787</v>
      </c>
      <c r="I3462">
        <v>20595</v>
      </c>
      <c r="J3462">
        <v>25.9528</v>
      </c>
      <c r="L3462">
        <v>20089.900000000001</v>
      </c>
      <c r="M3462">
        <v>33.581899999999997</v>
      </c>
    </row>
    <row r="3463" spans="1:13" x14ac:dyDescent="0.25">
      <c r="A3463">
        <v>24</v>
      </c>
      <c r="B3463">
        <v>110.1</v>
      </c>
      <c r="C3463">
        <v>119.625</v>
      </c>
      <c r="D3463">
        <v>189.06</v>
      </c>
      <c r="E3463">
        <v>8730.7099999999991</v>
      </c>
      <c r="F3463">
        <v>10800</v>
      </c>
      <c r="G3463">
        <v>19955.900000000001</v>
      </c>
      <c r="H3463">
        <v>1.5669299999999999</v>
      </c>
      <c r="I3463">
        <v>23517.8</v>
      </c>
      <c r="J3463">
        <v>18.171800000000001</v>
      </c>
      <c r="L3463">
        <v>20089.900000000001</v>
      </c>
      <c r="M3463">
        <v>33.581899999999997</v>
      </c>
    </row>
    <row r="3464" spans="1:13" x14ac:dyDescent="0.25">
      <c r="A3464">
        <v>24</v>
      </c>
      <c r="B3464">
        <v>108.446</v>
      </c>
      <c r="C3464">
        <v>118.369</v>
      </c>
      <c r="D3464">
        <v>190</v>
      </c>
      <c r="E3464">
        <v>10431.5</v>
      </c>
      <c r="F3464">
        <v>10800</v>
      </c>
      <c r="G3464">
        <v>18595.3</v>
      </c>
      <c r="H3464">
        <v>1.3070900000000001</v>
      </c>
      <c r="I3464">
        <v>25969.8</v>
      </c>
      <c r="J3464">
        <v>17.733799999999999</v>
      </c>
      <c r="L3464">
        <v>20089.900000000001</v>
      </c>
      <c r="M3464">
        <v>33.581899999999997</v>
      </c>
    </row>
    <row r="3465" spans="1:13" x14ac:dyDescent="0.25">
      <c r="A3465">
        <v>24</v>
      </c>
      <c r="B3465">
        <v>109.155</v>
      </c>
      <c r="C3465">
        <v>124.96599999999999</v>
      </c>
      <c r="D3465">
        <v>189.37299999999999</v>
      </c>
      <c r="E3465">
        <v>7370.08</v>
      </c>
      <c r="F3465">
        <v>10800</v>
      </c>
      <c r="G3465">
        <v>19955.900000000001</v>
      </c>
      <c r="H3465">
        <v>3.9527600000000001</v>
      </c>
      <c r="I3465">
        <v>20375.400000000001</v>
      </c>
      <c r="J3465">
        <v>31.865400000000001</v>
      </c>
      <c r="L3465">
        <v>20089.900000000001</v>
      </c>
      <c r="M3465">
        <v>33.581899999999997</v>
      </c>
    </row>
    <row r="3466" spans="1:13" x14ac:dyDescent="0.25">
      <c r="A3466">
        <v>24</v>
      </c>
      <c r="B3466">
        <v>110.1</v>
      </c>
      <c r="C3466">
        <v>119.625</v>
      </c>
      <c r="D3466">
        <v>189.06</v>
      </c>
      <c r="E3466">
        <v>8730.7099999999991</v>
      </c>
      <c r="F3466">
        <v>10800</v>
      </c>
      <c r="G3466">
        <v>19955.900000000001</v>
      </c>
      <c r="H3466">
        <v>1.5669299999999999</v>
      </c>
      <c r="I3466">
        <v>23517.8</v>
      </c>
      <c r="J3466">
        <v>18.171800000000001</v>
      </c>
      <c r="L3466">
        <v>20089.900000000001</v>
      </c>
      <c r="M3466">
        <v>33.581899999999997</v>
      </c>
    </row>
    <row r="3467" spans="1:13" x14ac:dyDescent="0.25">
      <c r="A3467">
        <v>24</v>
      </c>
      <c r="B3467">
        <v>110.1</v>
      </c>
      <c r="C3467">
        <v>123.395</v>
      </c>
      <c r="D3467">
        <v>189.68700000000001</v>
      </c>
      <c r="E3467">
        <v>7370.08</v>
      </c>
      <c r="F3467">
        <v>10800</v>
      </c>
      <c r="G3467">
        <v>19955.900000000001</v>
      </c>
      <c r="H3467">
        <v>3.10236</v>
      </c>
      <c r="I3467">
        <v>21051.4</v>
      </c>
      <c r="J3467">
        <v>24.819800000000001</v>
      </c>
      <c r="L3467">
        <v>20089.900000000001</v>
      </c>
      <c r="M3467">
        <v>33.581899999999997</v>
      </c>
    </row>
    <row r="3468" spans="1:13" x14ac:dyDescent="0.25">
      <c r="A3468">
        <v>24</v>
      </c>
      <c r="B3468">
        <v>110.1</v>
      </c>
      <c r="C3468">
        <v>119.625</v>
      </c>
      <c r="D3468">
        <v>189.06</v>
      </c>
      <c r="E3468">
        <v>8730.7099999999991</v>
      </c>
      <c r="F3468">
        <v>10800</v>
      </c>
      <c r="G3468">
        <v>19955.900000000001</v>
      </c>
      <c r="H3468">
        <v>1.5669299999999999</v>
      </c>
      <c r="I3468">
        <v>23517.8</v>
      </c>
      <c r="J3468">
        <v>18.171800000000001</v>
      </c>
      <c r="L3468">
        <v>20089.900000000001</v>
      </c>
      <c r="M3468">
        <v>33.581899999999997</v>
      </c>
    </row>
    <row r="3469" spans="1:13" x14ac:dyDescent="0.25">
      <c r="A3469">
        <v>24</v>
      </c>
      <c r="B3469">
        <v>109.155</v>
      </c>
      <c r="C3469">
        <v>124.96599999999999</v>
      </c>
      <c r="D3469">
        <v>189.68700000000001</v>
      </c>
      <c r="E3469">
        <v>7710.24</v>
      </c>
      <c r="F3469">
        <v>10800</v>
      </c>
      <c r="G3469">
        <v>19955.900000000001</v>
      </c>
      <c r="H3469">
        <v>2.4881899999999999</v>
      </c>
      <c r="I3469">
        <v>21364.7</v>
      </c>
      <c r="J3469">
        <v>21.589400000000001</v>
      </c>
      <c r="L3469">
        <v>20089.900000000001</v>
      </c>
      <c r="M3469">
        <v>33.581899999999997</v>
      </c>
    </row>
    <row r="3470" spans="1:13" x14ac:dyDescent="0.25">
      <c r="A3470">
        <v>24</v>
      </c>
      <c r="B3470">
        <v>110.1</v>
      </c>
      <c r="C3470">
        <v>123.395</v>
      </c>
      <c r="D3470">
        <v>189.68700000000001</v>
      </c>
      <c r="E3470">
        <v>7370.08</v>
      </c>
      <c r="F3470">
        <v>10800</v>
      </c>
      <c r="G3470">
        <v>18595.3</v>
      </c>
      <c r="H3470">
        <v>1.6377999999999999</v>
      </c>
      <c r="I3470">
        <v>21937</v>
      </c>
      <c r="J3470">
        <v>20.6646</v>
      </c>
      <c r="L3470">
        <v>20089.900000000001</v>
      </c>
      <c r="M3470">
        <v>33.581899999999997</v>
      </c>
    </row>
    <row r="3471" spans="1:13" x14ac:dyDescent="0.25">
      <c r="A3471">
        <v>24</v>
      </c>
      <c r="B3471">
        <v>109.39100000000001</v>
      </c>
      <c r="C3471">
        <v>124.652</v>
      </c>
      <c r="D3471">
        <v>189.06</v>
      </c>
      <c r="E3471">
        <v>7710.24</v>
      </c>
      <c r="F3471">
        <v>10800</v>
      </c>
      <c r="G3471">
        <v>18595.3</v>
      </c>
      <c r="H3471">
        <v>2.4881899999999999</v>
      </c>
      <c r="I3471">
        <v>21359.200000000001</v>
      </c>
      <c r="J3471">
        <v>21.663699999999999</v>
      </c>
      <c r="L3471">
        <v>20375.400000000001</v>
      </c>
      <c r="M3471">
        <v>31.865400000000001</v>
      </c>
    </row>
    <row r="3472" spans="1:13" x14ac:dyDescent="0.25">
      <c r="A3472">
        <v>24</v>
      </c>
      <c r="B3472">
        <v>110.1</v>
      </c>
      <c r="C3472">
        <v>123.709</v>
      </c>
      <c r="D3472">
        <v>189.37299999999999</v>
      </c>
      <c r="E3472">
        <v>7370.08</v>
      </c>
      <c r="F3472">
        <v>10800</v>
      </c>
      <c r="G3472">
        <v>19955.900000000001</v>
      </c>
      <c r="H3472">
        <v>4</v>
      </c>
      <c r="I3472">
        <v>20088.599999999999</v>
      </c>
      <c r="J3472">
        <v>84.924499999999995</v>
      </c>
      <c r="L3472">
        <v>20595</v>
      </c>
      <c r="M3472">
        <v>25.9528</v>
      </c>
    </row>
    <row r="3473" spans="1:13" x14ac:dyDescent="0.25">
      <c r="A3473">
        <v>24</v>
      </c>
      <c r="B3473">
        <v>102.777</v>
      </c>
      <c r="C3473">
        <v>123.081</v>
      </c>
      <c r="D3473">
        <v>182.47900000000001</v>
      </c>
      <c r="E3473">
        <v>7200</v>
      </c>
      <c r="F3473">
        <v>10800</v>
      </c>
      <c r="G3473">
        <v>19955.900000000001</v>
      </c>
      <c r="H3473">
        <v>3.7637800000000001</v>
      </c>
      <c r="I3473">
        <v>20089.900000000001</v>
      </c>
      <c r="J3473">
        <v>33.581899999999997</v>
      </c>
      <c r="L3473">
        <v>20595</v>
      </c>
      <c r="M3473">
        <v>25.9528</v>
      </c>
    </row>
    <row r="3474" spans="1:13" x14ac:dyDescent="0.25">
      <c r="A3474">
        <v>24</v>
      </c>
      <c r="B3474">
        <v>105.848</v>
      </c>
      <c r="C3474">
        <v>114.913</v>
      </c>
      <c r="D3474">
        <v>189.06</v>
      </c>
      <c r="E3474">
        <v>7710.24</v>
      </c>
      <c r="F3474">
        <v>14881.9</v>
      </c>
      <c r="G3474">
        <v>22677.200000000001</v>
      </c>
      <c r="H3474">
        <v>1.09449</v>
      </c>
      <c r="I3474">
        <v>28153.9</v>
      </c>
      <c r="J3474">
        <v>16.915900000000001</v>
      </c>
      <c r="L3474">
        <v>21028.799999999999</v>
      </c>
      <c r="M3474">
        <v>25.227799999999998</v>
      </c>
    </row>
    <row r="3475" spans="1:13" x14ac:dyDescent="0.25">
      <c r="A3475">
        <v>24</v>
      </c>
      <c r="B3475">
        <v>110.1</v>
      </c>
      <c r="C3475">
        <v>123.395</v>
      </c>
      <c r="D3475">
        <v>189.06</v>
      </c>
      <c r="E3475">
        <v>7710.24</v>
      </c>
      <c r="F3475">
        <v>10800</v>
      </c>
      <c r="G3475">
        <v>19955.900000000001</v>
      </c>
      <c r="H3475">
        <v>1.6377999999999999</v>
      </c>
      <c r="I3475">
        <v>22282.799999999999</v>
      </c>
      <c r="J3475">
        <v>20.198799999999999</v>
      </c>
      <c r="L3475">
        <v>21028.799999999999</v>
      </c>
      <c r="M3475">
        <v>25.227799999999998</v>
      </c>
    </row>
    <row r="3476" spans="1:13" x14ac:dyDescent="0.25">
      <c r="A3476">
        <v>24</v>
      </c>
      <c r="B3476">
        <v>102.777</v>
      </c>
      <c r="C3476">
        <v>123.081</v>
      </c>
      <c r="D3476">
        <v>182.47900000000001</v>
      </c>
      <c r="E3476">
        <v>7200</v>
      </c>
      <c r="F3476">
        <v>10800</v>
      </c>
      <c r="G3476">
        <v>19955.900000000001</v>
      </c>
      <c r="H3476">
        <v>3.7637800000000001</v>
      </c>
      <c r="I3476">
        <v>20089.900000000001</v>
      </c>
      <c r="J3476">
        <v>33.581899999999997</v>
      </c>
      <c r="L3476">
        <v>21051.4</v>
      </c>
      <c r="M3476">
        <v>24.819800000000001</v>
      </c>
    </row>
    <row r="3477" spans="1:13" x14ac:dyDescent="0.25">
      <c r="A3477">
        <v>24</v>
      </c>
      <c r="B3477">
        <v>102.777</v>
      </c>
      <c r="C3477">
        <v>123.081</v>
      </c>
      <c r="D3477">
        <v>182.47900000000001</v>
      </c>
      <c r="E3477">
        <v>7200</v>
      </c>
      <c r="F3477">
        <v>10800</v>
      </c>
      <c r="G3477">
        <v>19955.900000000001</v>
      </c>
      <c r="H3477">
        <v>3.7637800000000001</v>
      </c>
      <c r="I3477">
        <v>20089.900000000001</v>
      </c>
      <c r="J3477">
        <v>33.581899999999997</v>
      </c>
      <c r="L3477">
        <v>21359.200000000001</v>
      </c>
      <c r="M3477">
        <v>21.663699999999999</v>
      </c>
    </row>
    <row r="3478" spans="1:13" x14ac:dyDescent="0.25">
      <c r="A3478">
        <v>24</v>
      </c>
      <c r="B3478">
        <v>110.1</v>
      </c>
      <c r="C3478">
        <v>123.395</v>
      </c>
      <c r="D3478">
        <v>189.06</v>
      </c>
      <c r="E3478">
        <v>7710.24</v>
      </c>
      <c r="F3478">
        <v>10800</v>
      </c>
      <c r="G3478">
        <v>19955.900000000001</v>
      </c>
      <c r="H3478">
        <v>1.6377999999999999</v>
      </c>
      <c r="I3478">
        <v>22282.799999999999</v>
      </c>
      <c r="J3478">
        <v>20.198799999999999</v>
      </c>
      <c r="L3478">
        <v>21364.7</v>
      </c>
      <c r="M3478">
        <v>21.589400000000001</v>
      </c>
    </row>
    <row r="3479" spans="1:13" x14ac:dyDescent="0.25">
      <c r="A3479">
        <v>24</v>
      </c>
      <c r="B3479">
        <v>102.777</v>
      </c>
      <c r="C3479">
        <v>123.081</v>
      </c>
      <c r="D3479">
        <v>182.47900000000001</v>
      </c>
      <c r="E3479">
        <v>7200</v>
      </c>
      <c r="F3479">
        <v>10800</v>
      </c>
      <c r="G3479">
        <v>19955.900000000001</v>
      </c>
      <c r="H3479">
        <v>3.7637800000000001</v>
      </c>
      <c r="I3479">
        <v>20089.900000000001</v>
      </c>
      <c r="J3479">
        <v>33.581899999999997</v>
      </c>
      <c r="L3479">
        <v>21937</v>
      </c>
      <c r="M3479">
        <v>20.6646</v>
      </c>
    </row>
    <row r="3480" spans="1:13" x14ac:dyDescent="0.25">
      <c r="A3480">
        <v>24</v>
      </c>
      <c r="B3480">
        <v>102.777</v>
      </c>
      <c r="C3480">
        <v>123.081</v>
      </c>
      <c r="D3480">
        <v>182.47900000000001</v>
      </c>
      <c r="E3480">
        <v>7200</v>
      </c>
      <c r="F3480">
        <v>10800</v>
      </c>
      <c r="G3480">
        <v>19955.900000000001</v>
      </c>
      <c r="H3480">
        <v>3.7637800000000001</v>
      </c>
      <c r="I3480">
        <v>20089.900000000001</v>
      </c>
      <c r="J3480">
        <v>33.581899999999997</v>
      </c>
      <c r="L3480">
        <v>22282.799999999999</v>
      </c>
      <c r="M3480">
        <v>20.198799999999999</v>
      </c>
    </row>
    <row r="3481" spans="1:13" x14ac:dyDescent="0.25">
      <c r="A3481">
        <v>24</v>
      </c>
      <c r="B3481">
        <v>108.446</v>
      </c>
      <c r="C3481">
        <v>118.369</v>
      </c>
      <c r="D3481">
        <v>190</v>
      </c>
      <c r="E3481">
        <v>10431.5</v>
      </c>
      <c r="F3481">
        <v>10800</v>
      </c>
      <c r="G3481">
        <v>19955.900000000001</v>
      </c>
      <c r="H3481">
        <v>1.1181099999999999</v>
      </c>
      <c r="I3481">
        <v>26815.1</v>
      </c>
      <c r="J3481">
        <v>17.5837</v>
      </c>
      <c r="L3481">
        <v>22282.799999999999</v>
      </c>
      <c r="M3481">
        <v>20.198799999999999</v>
      </c>
    </row>
    <row r="3482" spans="1:13" x14ac:dyDescent="0.25">
      <c r="A3482">
        <v>24</v>
      </c>
      <c r="B3482">
        <v>108.919</v>
      </c>
      <c r="C3482">
        <v>118.369</v>
      </c>
      <c r="D3482">
        <v>190</v>
      </c>
      <c r="E3482">
        <v>10431.5</v>
      </c>
      <c r="F3482">
        <v>10800</v>
      </c>
      <c r="G3482">
        <v>19955.900000000001</v>
      </c>
      <c r="H3482">
        <v>1.4960599999999999</v>
      </c>
      <c r="I3482">
        <v>25563</v>
      </c>
      <c r="J3482">
        <v>18.1692</v>
      </c>
      <c r="L3482">
        <v>22282.799999999999</v>
      </c>
      <c r="M3482">
        <v>20.198799999999999</v>
      </c>
    </row>
    <row r="3483" spans="1:13" x14ac:dyDescent="0.25">
      <c r="A3483">
        <v>24</v>
      </c>
      <c r="B3483">
        <v>110.1</v>
      </c>
      <c r="C3483">
        <v>123.395</v>
      </c>
      <c r="D3483">
        <v>189.06</v>
      </c>
      <c r="E3483">
        <v>7370.08</v>
      </c>
      <c r="F3483">
        <v>10800</v>
      </c>
      <c r="G3483">
        <v>21316.5</v>
      </c>
      <c r="H3483">
        <v>3.0787399999999998</v>
      </c>
      <c r="I3483">
        <v>21028.799999999999</v>
      </c>
      <c r="J3483">
        <v>25.227799999999998</v>
      </c>
      <c r="L3483">
        <v>22282.799999999999</v>
      </c>
      <c r="M3483">
        <v>20.198799999999999</v>
      </c>
    </row>
    <row r="3484" spans="1:13" x14ac:dyDescent="0.25">
      <c r="A3484">
        <v>24</v>
      </c>
      <c r="B3484">
        <v>110.1</v>
      </c>
      <c r="C3484">
        <v>123.395</v>
      </c>
      <c r="D3484">
        <v>189.06</v>
      </c>
      <c r="E3484">
        <v>7710.24</v>
      </c>
      <c r="F3484">
        <v>10800</v>
      </c>
      <c r="G3484">
        <v>19955.900000000001</v>
      </c>
      <c r="H3484">
        <v>1.6377999999999999</v>
      </c>
      <c r="I3484">
        <v>22282.799999999999</v>
      </c>
      <c r="J3484">
        <v>20.198799999999999</v>
      </c>
      <c r="L3484">
        <v>22282.799999999999</v>
      </c>
      <c r="M3484">
        <v>20.198799999999999</v>
      </c>
    </row>
    <row r="3485" spans="1:13" x14ac:dyDescent="0.25">
      <c r="A3485">
        <v>24</v>
      </c>
      <c r="B3485" s="2">
        <v>106.79300000000001</v>
      </c>
      <c r="C3485" s="2">
        <v>124.024</v>
      </c>
      <c r="D3485" s="2">
        <v>184.04599999999999</v>
      </c>
      <c r="E3485" s="2">
        <v>10516.5</v>
      </c>
      <c r="F3485" s="2">
        <v>19984.3</v>
      </c>
      <c r="G3485" s="2">
        <v>20636.2</v>
      </c>
      <c r="H3485" s="2">
        <v>2.25197</v>
      </c>
      <c r="I3485" s="2">
        <v>36430.5</v>
      </c>
      <c r="J3485" s="2">
        <v>16.778199999999998</v>
      </c>
      <c r="L3485">
        <v>22282.799999999999</v>
      </c>
      <c r="M3485">
        <v>20.198799999999999</v>
      </c>
    </row>
    <row r="3486" spans="1:13" x14ac:dyDescent="0.25">
      <c r="A3486">
        <v>24</v>
      </c>
      <c r="B3486">
        <v>102.777</v>
      </c>
      <c r="C3486">
        <v>123.081</v>
      </c>
      <c r="D3486">
        <v>182.47900000000001</v>
      </c>
      <c r="E3486">
        <v>7200</v>
      </c>
      <c r="F3486">
        <v>10800</v>
      </c>
      <c r="G3486">
        <v>19955.900000000001</v>
      </c>
      <c r="H3486">
        <v>3.7637800000000001</v>
      </c>
      <c r="I3486">
        <v>20089.900000000001</v>
      </c>
      <c r="J3486">
        <v>33.581899999999997</v>
      </c>
      <c r="L3486">
        <v>22282.799999999999</v>
      </c>
      <c r="M3486">
        <v>20.198799999999999</v>
      </c>
    </row>
    <row r="3487" spans="1:13" x14ac:dyDescent="0.25">
      <c r="A3487">
        <v>24</v>
      </c>
      <c r="B3487">
        <v>110.1</v>
      </c>
      <c r="C3487">
        <v>123.395</v>
      </c>
      <c r="D3487">
        <v>189.06</v>
      </c>
      <c r="E3487">
        <v>7370.08</v>
      </c>
      <c r="F3487">
        <v>10800</v>
      </c>
      <c r="G3487">
        <v>21316.5</v>
      </c>
      <c r="H3487">
        <v>3.0787399999999998</v>
      </c>
      <c r="I3487">
        <v>21028.799999999999</v>
      </c>
      <c r="J3487">
        <v>25.227799999999998</v>
      </c>
      <c r="L3487">
        <v>23517.8</v>
      </c>
      <c r="M3487">
        <v>18.171800000000001</v>
      </c>
    </row>
    <row r="3488" spans="1:13" x14ac:dyDescent="0.25">
      <c r="A3488">
        <v>24</v>
      </c>
      <c r="B3488">
        <v>108.446</v>
      </c>
      <c r="C3488">
        <v>118.369</v>
      </c>
      <c r="D3488">
        <v>190</v>
      </c>
      <c r="E3488">
        <v>10431.5</v>
      </c>
      <c r="F3488">
        <v>10800</v>
      </c>
      <c r="G3488">
        <v>19955.900000000001</v>
      </c>
      <c r="H3488">
        <v>1.1181099999999999</v>
      </c>
      <c r="I3488">
        <v>26815.1</v>
      </c>
      <c r="J3488">
        <v>17.5837</v>
      </c>
      <c r="L3488">
        <v>23517.8</v>
      </c>
      <c r="M3488">
        <v>18.171800000000001</v>
      </c>
    </row>
    <row r="3489" spans="1:13" x14ac:dyDescent="0.25">
      <c r="A3489">
        <v>24</v>
      </c>
      <c r="B3489">
        <v>108.446</v>
      </c>
      <c r="C3489">
        <v>118.369</v>
      </c>
      <c r="D3489">
        <v>190</v>
      </c>
      <c r="E3489">
        <v>10431.5</v>
      </c>
      <c r="F3489">
        <v>10800</v>
      </c>
      <c r="G3489">
        <v>19955.900000000001</v>
      </c>
      <c r="H3489">
        <v>1.1181099999999999</v>
      </c>
      <c r="I3489">
        <v>26815.1</v>
      </c>
      <c r="J3489">
        <v>17.5837</v>
      </c>
      <c r="L3489">
        <v>23517.8</v>
      </c>
      <c r="M3489">
        <v>18.171800000000001</v>
      </c>
    </row>
    <row r="3490" spans="1:13" x14ac:dyDescent="0.25">
      <c r="A3490">
        <v>24</v>
      </c>
      <c r="B3490">
        <v>110.1</v>
      </c>
      <c r="C3490">
        <v>123.395</v>
      </c>
      <c r="D3490">
        <v>189.06</v>
      </c>
      <c r="E3490">
        <v>7710.24</v>
      </c>
      <c r="F3490">
        <v>10800</v>
      </c>
      <c r="G3490">
        <v>19955.900000000001</v>
      </c>
      <c r="H3490">
        <v>1.6377999999999999</v>
      </c>
      <c r="I3490">
        <v>22282.799999999999</v>
      </c>
      <c r="J3490">
        <v>20.198799999999999</v>
      </c>
      <c r="L3490">
        <v>23517.8</v>
      </c>
      <c r="M3490">
        <v>18.171800000000001</v>
      </c>
    </row>
    <row r="3491" spans="1:13" x14ac:dyDescent="0.25">
      <c r="A3491">
        <v>24</v>
      </c>
      <c r="B3491">
        <v>102.777</v>
      </c>
      <c r="C3491">
        <v>123.081</v>
      </c>
      <c r="D3491">
        <v>182.47900000000001</v>
      </c>
      <c r="E3491">
        <v>7200</v>
      </c>
      <c r="F3491">
        <v>10800</v>
      </c>
      <c r="G3491">
        <v>19955.900000000001</v>
      </c>
      <c r="H3491">
        <v>3.7637800000000001</v>
      </c>
      <c r="I3491">
        <v>20089.900000000001</v>
      </c>
      <c r="J3491">
        <v>33.581899999999997</v>
      </c>
      <c r="L3491">
        <v>23517.8</v>
      </c>
      <c r="M3491">
        <v>18.171800000000001</v>
      </c>
    </row>
    <row r="3492" spans="1:13" x14ac:dyDescent="0.25">
      <c r="A3492">
        <v>24</v>
      </c>
      <c r="B3492">
        <v>102.777</v>
      </c>
      <c r="C3492">
        <v>123.081</v>
      </c>
      <c r="D3492">
        <v>182.47900000000001</v>
      </c>
      <c r="E3492">
        <v>7200</v>
      </c>
      <c r="F3492">
        <v>10800</v>
      </c>
      <c r="G3492">
        <v>19955.900000000001</v>
      </c>
      <c r="H3492">
        <v>3.7637800000000001</v>
      </c>
      <c r="I3492">
        <v>20089.900000000001</v>
      </c>
      <c r="J3492">
        <v>33.581899999999997</v>
      </c>
      <c r="L3492" s="4">
        <v>23517.8</v>
      </c>
      <c r="M3492" s="4">
        <v>18.171800000000001</v>
      </c>
    </row>
    <row r="3493" spans="1:13" x14ac:dyDescent="0.25">
      <c r="A3493">
        <v>24</v>
      </c>
      <c r="B3493">
        <v>110.1</v>
      </c>
      <c r="C3493">
        <v>123.395</v>
      </c>
      <c r="D3493">
        <v>189.06</v>
      </c>
      <c r="E3493">
        <v>7710.24</v>
      </c>
      <c r="F3493">
        <v>10800</v>
      </c>
      <c r="G3493">
        <v>19955.900000000001</v>
      </c>
      <c r="H3493">
        <v>1.6377999999999999</v>
      </c>
      <c r="I3493">
        <v>22282.799999999999</v>
      </c>
      <c r="J3493">
        <v>20.198799999999999</v>
      </c>
      <c r="L3493">
        <v>25563</v>
      </c>
      <c r="M3493">
        <v>18.1692</v>
      </c>
    </row>
    <row r="3494" spans="1:13" x14ac:dyDescent="0.25">
      <c r="A3494">
        <v>24</v>
      </c>
      <c r="B3494">
        <v>110.1</v>
      </c>
      <c r="C3494">
        <v>119.625</v>
      </c>
      <c r="D3494">
        <v>189.06</v>
      </c>
      <c r="E3494">
        <v>8730.7099999999991</v>
      </c>
      <c r="F3494">
        <v>10800</v>
      </c>
      <c r="G3494">
        <v>19955.900000000001</v>
      </c>
      <c r="H3494">
        <v>1.5669299999999999</v>
      </c>
      <c r="I3494">
        <v>23517.8</v>
      </c>
      <c r="J3494">
        <v>18.171800000000001</v>
      </c>
      <c r="L3494">
        <v>25881.9</v>
      </c>
      <c r="M3494">
        <v>18.015799999999999</v>
      </c>
    </row>
    <row r="3495" spans="1:13" x14ac:dyDescent="0.25">
      <c r="A3495">
        <v>24</v>
      </c>
      <c r="B3495">
        <v>102.777</v>
      </c>
      <c r="C3495">
        <v>123.081</v>
      </c>
      <c r="D3495">
        <v>182.47900000000001</v>
      </c>
      <c r="E3495">
        <v>7200</v>
      </c>
      <c r="F3495">
        <v>10800</v>
      </c>
      <c r="G3495">
        <v>19955.900000000001</v>
      </c>
      <c r="H3495">
        <v>3.7637800000000001</v>
      </c>
      <c r="I3495">
        <v>20089.900000000001</v>
      </c>
      <c r="J3495">
        <v>33.581899999999997</v>
      </c>
      <c r="L3495">
        <v>25969.8</v>
      </c>
      <c r="M3495">
        <v>17.733799999999999</v>
      </c>
    </row>
    <row r="3496" spans="1:13" x14ac:dyDescent="0.25">
      <c r="A3496">
        <v>24</v>
      </c>
      <c r="B3496">
        <v>110.1</v>
      </c>
      <c r="C3496">
        <v>123.395</v>
      </c>
      <c r="D3496">
        <v>189.06</v>
      </c>
      <c r="E3496">
        <v>7710.24</v>
      </c>
      <c r="F3496">
        <v>10800</v>
      </c>
      <c r="G3496">
        <v>19955.900000000001</v>
      </c>
      <c r="H3496">
        <v>1.6377999999999999</v>
      </c>
      <c r="I3496">
        <v>22282.799999999999</v>
      </c>
      <c r="J3496">
        <v>20.198799999999999</v>
      </c>
      <c r="L3496">
        <v>26815.1</v>
      </c>
      <c r="M3496">
        <v>17.5837</v>
      </c>
    </row>
    <row r="3497" spans="1:13" x14ac:dyDescent="0.25">
      <c r="A3497">
        <v>24</v>
      </c>
      <c r="B3497">
        <v>110.1</v>
      </c>
      <c r="C3497">
        <v>123.395</v>
      </c>
      <c r="D3497">
        <v>189.06</v>
      </c>
      <c r="E3497">
        <v>7710.24</v>
      </c>
      <c r="F3497">
        <v>10800</v>
      </c>
      <c r="G3497">
        <v>19955.900000000001</v>
      </c>
      <c r="H3497">
        <v>1.6377999999999999</v>
      </c>
      <c r="I3497">
        <v>22282.799999999999</v>
      </c>
      <c r="J3497">
        <v>20.198799999999999</v>
      </c>
      <c r="L3497">
        <v>26815.1</v>
      </c>
      <c r="M3497">
        <v>17.5837</v>
      </c>
    </row>
    <row r="3498" spans="1:13" x14ac:dyDescent="0.25">
      <c r="A3498">
        <v>24</v>
      </c>
      <c r="B3498">
        <v>108.446</v>
      </c>
      <c r="C3498">
        <v>117.74</v>
      </c>
      <c r="D3498">
        <v>189.68700000000001</v>
      </c>
      <c r="E3498">
        <v>9921.26</v>
      </c>
      <c r="F3498">
        <v>10800</v>
      </c>
      <c r="G3498">
        <v>18595.3</v>
      </c>
      <c r="H3498">
        <v>1.1653500000000001</v>
      </c>
      <c r="I3498">
        <v>25881.9</v>
      </c>
      <c r="J3498">
        <v>18.015799999999999</v>
      </c>
      <c r="L3498">
        <v>26815.1</v>
      </c>
      <c r="M3498">
        <v>17.5837</v>
      </c>
    </row>
    <row r="3499" spans="1:13" x14ac:dyDescent="0.25">
      <c r="A3499">
        <v>24</v>
      </c>
      <c r="B3499">
        <v>109.864</v>
      </c>
      <c r="C3499">
        <v>122.767</v>
      </c>
      <c r="D3499">
        <v>190</v>
      </c>
      <c r="E3499">
        <v>7370.08</v>
      </c>
      <c r="F3499">
        <v>10800</v>
      </c>
      <c r="G3499">
        <v>19785.8</v>
      </c>
      <c r="H3499">
        <v>3.00787</v>
      </c>
      <c r="I3499">
        <v>20595</v>
      </c>
      <c r="J3499">
        <v>25.9528</v>
      </c>
      <c r="L3499">
        <v>28153.9</v>
      </c>
      <c r="M3499">
        <v>16.915900000000001</v>
      </c>
    </row>
    <row r="3500" spans="1:13" x14ac:dyDescent="0.25">
      <c r="A3500">
        <v>24</v>
      </c>
      <c r="B3500" s="4">
        <v>110.1</v>
      </c>
      <c r="C3500" s="4">
        <v>119.625</v>
      </c>
      <c r="D3500" s="4">
        <v>189.06</v>
      </c>
      <c r="E3500" s="4">
        <v>8730.7099999999991</v>
      </c>
      <c r="F3500" s="4">
        <v>10800</v>
      </c>
      <c r="G3500" s="4">
        <v>19955.900000000001</v>
      </c>
      <c r="H3500" s="4">
        <v>1.5669299999999999</v>
      </c>
      <c r="I3500" s="4">
        <v>23517.8</v>
      </c>
      <c r="J3500" s="4">
        <v>18.171800000000001</v>
      </c>
      <c r="L3500" s="2">
        <v>36430.5</v>
      </c>
      <c r="M3500" s="2">
        <v>16.778199999999998</v>
      </c>
    </row>
    <row r="3501" spans="1:13" x14ac:dyDescent="0.25">
      <c r="A3501">
        <v>25</v>
      </c>
      <c r="B3501">
        <v>110.1</v>
      </c>
      <c r="C3501">
        <v>119.625</v>
      </c>
      <c r="D3501">
        <v>189.06</v>
      </c>
      <c r="E3501">
        <v>8730.7099999999991</v>
      </c>
      <c r="F3501">
        <v>10800</v>
      </c>
      <c r="G3501">
        <v>19955.900000000001</v>
      </c>
      <c r="H3501">
        <v>1.5669299999999999</v>
      </c>
      <c r="I3501">
        <v>23517.8</v>
      </c>
      <c r="J3501">
        <v>18.171800000000001</v>
      </c>
    </row>
    <row r="3502" spans="1:13" x14ac:dyDescent="0.25">
      <c r="A3502">
        <v>25</v>
      </c>
      <c r="B3502">
        <v>110.1</v>
      </c>
      <c r="C3502">
        <v>123.709</v>
      </c>
      <c r="D3502">
        <v>189.37299999999999</v>
      </c>
      <c r="E3502">
        <v>7370.08</v>
      </c>
      <c r="F3502">
        <v>10800</v>
      </c>
      <c r="G3502">
        <v>19955.900000000001</v>
      </c>
      <c r="H3502">
        <v>4</v>
      </c>
      <c r="I3502">
        <v>20088.599999999999</v>
      </c>
      <c r="J3502">
        <v>84.924499999999995</v>
      </c>
    </row>
    <row r="3503" spans="1:13" x14ac:dyDescent="0.25">
      <c r="A3503">
        <v>25</v>
      </c>
      <c r="B3503">
        <v>109.864</v>
      </c>
      <c r="C3503">
        <v>122.767</v>
      </c>
      <c r="D3503">
        <v>190</v>
      </c>
      <c r="E3503">
        <v>7370.08</v>
      </c>
      <c r="F3503">
        <v>10800</v>
      </c>
      <c r="G3503">
        <v>19785.8</v>
      </c>
      <c r="H3503">
        <v>3.00787</v>
      </c>
      <c r="I3503">
        <v>20595</v>
      </c>
      <c r="J3503">
        <v>25.9528</v>
      </c>
    </row>
    <row r="3504" spans="1:13" x14ac:dyDescent="0.25">
      <c r="A3504">
        <v>25</v>
      </c>
      <c r="B3504">
        <v>109.864</v>
      </c>
      <c r="C3504">
        <v>123.395</v>
      </c>
      <c r="D3504">
        <v>190</v>
      </c>
      <c r="E3504">
        <v>7370.08</v>
      </c>
      <c r="F3504">
        <v>10800</v>
      </c>
      <c r="G3504">
        <v>19955.900000000001</v>
      </c>
      <c r="H3504">
        <v>3.9527600000000001</v>
      </c>
      <c r="I3504">
        <v>20120.3</v>
      </c>
      <c r="J3504">
        <v>73.890900000000002</v>
      </c>
    </row>
    <row r="3505" spans="1:10" x14ac:dyDescent="0.25">
      <c r="A3505">
        <v>25</v>
      </c>
      <c r="B3505">
        <v>110.1</v>
      </c>
      <c r="C3505">
        <v>123.395</v>
      </c>
      <c r="D3505">
        <v>189.68700000000001</v>
      </c>
      <c r="E3505">
        <v>7370.08</v>
      </c>
      <c r="F3505">
        <v>10800</v>
      </c>
      <c r="G3505">
        <v>18595.3</v>
      </c>
      <c r="H3505">
        <v>1.6377999999999999</v>
      </c>
      <c r="I3505">
        <v>21937</v>
      </c>
      <c r="J3505">
        <v>20.6646</v>
      </c>
    </row>
    <row r="3506" spans="1:10" x14ac:dyDescent="0.25">
      <c r="A3506">
        <v>25</v>
      </c>
      <c r="B3506">
        <v>109.39100000000001</v>
      </c>
      <c r="C3506">
        <v>124.96599999999999</v>
      </c>
      <c r="D3506">
        <v>189.06</v>
      </c>
      <c r="E3506">
        <v>7370.08</v>
      </c>
      <c r="F3506">
        <v>10800</v>
      </c>
      <c r="G3506">
        <v>18595.3</v>
      </c>
      <c r="H3506">
        <v>3.9291299999999998</v>
      </c>
      <c r="I3506">
        <v>20129.7</v>
      </c>
      <c r="J3506">
        <v>53.212400000000002</v>
      </c>
    </row>
    <row r="3507" spans="1:10" x14ac:dyDescent="0.25">
      <c r="A3507">
        <v>25</v>
      </c>
      <c r="B3507">
        <v>109.155</v>
      </c>
      <c r="C3507">
        <v>124.96599999999999</v>
      </c>
      <c r="D3507">
        <v>189.37299999999999</v>
      </c>
      <c r="E3507">
        <v>7370.08</v>
      </c>
      <c r="F3507">
        <v>10800</v>
      </c>
      <c r="G3507">
        <v>19955.900000000001</v>
      </c>
      <c r="H3507">
        <v>3.9527600000000001</v>
      </c>
      <c r="I3507">
        <v>20375.400000000001</v>
      </c>
      <c r="J3507">
        <v>31.865400000000001</v>
      </c>
    </row>
    <row r="3508" spans="1:10" x14ac:dyDescent="0.25">
      <c r="A3508">
        <v>25</v>
      </c>
      <c r="B3508">
        <v>109.39100000000001</v>
      </c>
      <c r="C3508">
        <v>124.652</v>
      </c>
      <c r="D3508">
        <v>189.06</v>
      </c>
      <c r="E3508">
        <v>7710.24</v>
      </c>
      <c r="F3508">
        <v>10800</v>
      </c>
      <c r="G3508">
        <v>18595.3</v>
      </c>
      <c r="H3508">
        <v>2.4881899999999999</v>
      </c>
      <c r="I3508">
        <v>21359.200000000001</v>
      </c>
      <c r="J3508">
        <v>21.663699999999999</v>
      </c>
    </row>
    <row r="3509" spans="1:10" x14ac:dyDescent="0.25">
      <c r="A3509">
        <v>25</v>
      </c>
      <c r="B3509">
        <v>110.1</v>
      </c>
      <c r="C3509">
        <v>122.767</v>
      </c>
      <c r="D3509">
        <v>189.06</v>
      </c>
      <c r="E3509">
        <v>7370.08</v>
      </c>
      <c r="F3509">
        <v>10800</v>
      </c>
      <c r="G3509">
        <v>19955.900000000001</v>
      </c>
      <c r="H3509">
        <v>3.8582700000000001</v>
      </c>
      <c r="I3509">
        <v>20236.5</v>
      </c>
      <c r="J3509">
        <v>78.339500000000001</v>
      </c>
    </row>
    <row r="3510" spans="1:10" x14ac:dyDescent="0.25">
      <c r="A3510">
        <v>25</v>
      </c>
      <c r="B3510">
        <v>109.864</v>
      </c>
      <c r="C3510">
        <v>119.93899999999999</v>
      </c>
      <c r="D3510">
        <v>189.68700000000001</v>
      </c>
      <c r="E3510">
        <v>7370.08</v>
      </c>
      <c r="F3510">
        <v>10800</v>
      </c>
      <c r="G3510">
        <v>19955.900000000001</v>
      </c>
      <c r="H3510">
        <v>3.9527600000000001</v>
      </c>
      <c r="I3510">
        <v>20286.5</v>
      </c>
      <c r="J3510">
        <v>49.840899999999998</v>
      </c>
    </row>
    <row r="3511" spans="1:10" x14ac:dyDescent="0.25">
      <c r="A3511">
        <v>25</v>
      </c>
      <c r="B3511">
        <v>109.39100000000001</v>
      </c>
      <c r="C3511">
        <v>129.99299999999999</v>
      </c>
      <c r="D3511">
        <v>190</v>
      </c>
      <c r="E3511">
        <v>10091.299999999999</v>
      </c>
      <c r="F3511">
        <v>10800</v>
      </c>
      <c r="G3511">
        <v>18595.3</v>
      </c>
      <c r="H3511">
        <v>1.87402</v>
      </c>
      <c r="I3511">
        <v>24887.3</v>
      </c>
      <c r="J3511">
        <v>109.93899999999999</v>
      </c>
    </row>
    <row r="3512" spans="1:10" x14ac:dyDescent="0.25">
      <c r="A3512">
        <v>25</v>
      </c>
      <c r="B3512">
        <v>109.155</v>
      </c>
      <c r="C3512">
        <v>124.652</v>
      </c>
      <c r="D3512">
        <v>189.68700000000001</v>
      </c>
      <c r="E3512">
        <v>7370.08</v>
      </c>
      <c r="F3512">
        <v>10800</v>
      </c>
      <c r="G3512">
        <v>19955.900000000001</v>
      </c>
      <c r="H3512">
        <v>3.8582700000000001</v>
      </c>
      <c r="I3512">
        <v>20426.900000000001</v>
      </c>
      <c r="J3512">
        <v>33.091799999999999</v>
      </c>
    </row>
    <row r="3513" spans="1:10" x14ac:dyDescent="0.25">
      <c r="A3513">
        <v>25</v>
      </c>
      <c r="B3513">
        <v>110.1</v>
      </c>
      <c r="C3513">
        <v>123.395</v>
      </c>
      <c r="D3513">
        <v>190</v>
      </c>
      <c r="E3513">
        <v>7370.08</v>
      </c>
      <c r="F3513">
        <v>10800</v>
      </c>
      <c r="G3513">
        <v>19955.900000000001</v>
      </c>
      <c r="H3513">
        <v>3.19685</v>
      </c>
      <c r="I3513">
        <v>20643.7</v>
      </c>
      <c r="J3513">
        <v>26.9558</v>
      </c>
    </row>
    <row r="3514" spans="1:10" x14ac:dyDescent="0.25">
      <c r="A3514">
        <v>25</v>
      </c>
      <c r="B3514">
        <v>108.919</v>
      </c>
      <c r="C3514">
        <v>124.024</v>
      </c>
      <c r="D3514">
        <v>187.18</v>
      </c>
      <c r="E3514">
        <v>7370.08</v>
      </c>
      <c r="F3514">
        <v>10800</v>
      </c>
      <c r="G3514">
        <v>19955.900000000001</v>
      </c>
      <c r="H3514">
        <v>3.19685</v>
      </c>
      <c r="I3514">
        <v>20712.099999999999</v>
      </c>
      <c r="J3514">
        <v>26.4251</v>
      </c>
    </row>
    <row r="3515" spans="1:10" x14ac:dyDescent="0.25">
      <c r="A3515">
        <v>25</v>
      </c>
      <c r="B3515">
        <v>108.919</v>
      </c>
      <c r="C3515">
        <v>129.679</v>
      </c>
      <c r="D3515">
        <v>189.68700000000001</v>
      </c>
      <c r="E3515">
        <v>7710.24</v>
      </c>
      <c r="F3515">
        <v>10800</v>
      </c>
      <c r="G3515">
        <v>25398.400000000001</v>
      </c>
      <c r="H3515">
        <v>2.20472</v>
      </c>
      <c r="I3515">
        <v>22277.4</v>
      </c>
      <c r="J3515">
        <v>108.59</v>
      </c>
    </row>
    <row r="3516" spans="1:10" x14ac:dyDescent="0.25">
      <c r="A3516">
        <v>25</v>
      </c>
      <c r="B3516">
        <v>109.864</v>
      </c>
      <c r="C3516">
        <v>129.679</v>
      </c>
      <c r="D3516">
        <v>189.37299999999999</v>
      </c>
      <c r="E3516">
        <v>10091.299999999999</v>
      </c>
      <c r="F3516">
        <v>11055.1</v>
      </c>
      <c r="G3516">
        <v>18595.3</v>
      </c>
      <c r="H3516">
        <v>2.20472</v>
      </c>
      <c r="I3516">
        <v>24791</v>
      </c>
      <c r="J3516">
        <v>120.348</v>
      </c>
    </row>
    <row r="3517" spans="1:10" x14ac:dyDescent="0.25">
      <c r="A3517">
        <v>25</v>
      </c>
      <c r="B3517">
        <v>94.037000000000006</v>
      </c>
      <c r="C3517">
        <v>118.68300000000001</v>
      </c>
      <c r="D3517">
        <v>189.68700000000001</v>
      </c>
      <c r="E3517">
        <v>7455.12</v>
      </c>
      <c r="F3517">
        <v>10800</v>
      </c>
      <c r="G3517">
        <v>19955.900000000001</v>
      </c>
      <c r="H3517">
        <v>4</v>
      </c>
      <c r="I3517">
        <v>20398.400000000001</v>
      </c>
      <c r="J3517">
        <v>65.663799999999995</v>
      </c>
    </row>
    <row r="3518" spans="1:10" x14ac:dyDescent="0.25">
      <c r="A3518">
        <v>25</v>
      </c>
      <c r="B3518">
        <v>109.864</v>
      </c>
      <c r="C3518">
        <v>123.395</v>
      </c>
      <c r="D3518">
        <v>190</v>
      </c>
      <c r="E3518">
        <v>7370.08</v>
      </c>
      <c r="F3518">
        <v>10800</v>
      </c>
      <c r="G3518">
        <v>19955.900000000001</v>
      </c>
      <c r="H3518">
        <v>3.9527600000000001</v>
      </c>
      <c r="I3518">
        <v>20120.3</v>
      </c>
      <c r="J3518">
        <v>73.890900000000002</v>
      </c>
    </row>
    <row r="3519" spans="1:10" x14ac:dyDescent="0.25">
      <c r="A3519">
        <v>25</v>
      </c>
      <c r="B3519">
        <v>109.628</v>
      </c>
      <c r="C3519">
        <v>118.369</v>
      </c>
      <c r="D3519">
        <v>189.06</v>
      </c>
      <c r="E3519">
        <v>8730.7099999999991</v>
      </c>
      <c r="F3519">
        <v>10800</v>
      </c>
      <c r="G3519">
        <v>21316.5</v>
      </c>
      <c r="H3519">
        <v>3.8346499999999999</v>
      </c>
      <c r="I3519">
        <v>21698</v>
      </c>
      <c r="J3519">
        <v>47.625399999999999</v>
      </c>
    </row>
    <row r="3520" spans="1:10" x14ac:dyDescent="0.25">
      <c r="A3520">
        <v>25</v>
      </c>
      <c r="B3520">
        <v>109.39100000000001</v>
      </c>
      <c r="C3520">
        <v>124.96599999999999</v>
      </c>
      <c r="D3520">
        <v>189.06</v>
      </c>
      <c r="E3520">
        <v>7710.24</v>
      </c>
      <c r="F3520">
        <v>10800</v>
      </c>
      <c r="G3520">
        <v>18595.3</v>
      </c>
      <c r="H3520">
        <v>3.9527600000000001</v>
      </c>
      <c r="I3520">
        <v>20861.2</v>
      </c>
      <c r="J3520">
        <v>105.94799999999999</v>
      </c>
    </row>
    <row r="3521" spans="1:10" x14ac:dyDescent="0.25">
      <c r="A3521">
        <v>25</v>
      </c>
      <c r="B3521">
        <v>108.68300000000001</v>
      </c>
      <c r="C3521">
        <v>114.598</v>
      </c>
      <c r="D3521">
        <v>189.06</v>
      </c>
      <c r="E3521">
        <v>7370.08</v>
      </c>
      <c r="F3521">
        <v>10800</v>
      </c>
      <c r="G3521">
        <v>28119.7</v>
      </c>
      <c r="H3521">
        <v>2.4881899999999999</v>
      </c>
      <c r="I3521">
        <v>21159.1</v>
      </c>
      <c r="J3521">
        <v>65.368300000000005</v>
      </c>
    </row>
    <row r="3522" spans="1:10" x14ac:dyDescent="0.25">
      <c r="A3522">
        <v>25</v>
      </c>
      <c r="B3522">
        <v>108.919</v>
      </c>
      <c r="C3522">
        <v>124.96599999999999</v>
      </c>
      <c r="D3522">
        <v>189.06</v>
      </c>
      <c r="E3522">
        <v>7370.08</v>
      </c>
      <c r="F3522">
        <v>10800</v>
      </c>
      <c r="G3522">
        <v>19955.900000000001</v>
      </c>
      <c r="H3522">
        <v>2.4645700000000001</v>
      </c>
      <c r="I3522">
        <v>21932.799999999999</v>
      </c>
      <c r="J3522">
        <v>109.223</v>
      </c>
    </row>
    <row r="3523" spans="1:10" x14ac:dyDescent="0.25">
      <c r="A3523">
        <v>25</v>
      </c>
      <c r="B3523">
        <v>110.1</v>
      </c>
      <c r="C3523">
        <v>119.625</v>
      </c>
      <c r="D3523">
        <v>189.68700000000001</v>
      </c>
      <c r="E3523">
        <v>10091.299999999999</v>
      </c>
      <c r="F3523">
        <v>10800</v>
      </c>
      <c r="G3523">
        <v>19955.900000000001</v>
      </c>
      <c r="H3523">
        <v>1.87402</v>
      </c>
      <c r="I3523">
        <v>24507.7</v>
      </c>
      <c r="J3523">
        <v>29.283100000000001</v>
      </c>
    </row>
    <row r="3524" spans="1:10" x14ac:dyDescent="0.25">
      <c r="A3524">
        <v>25</v>
      </c>
      <c r="B3524">
        <v>109.155</v>
      </c>
      <c r="C3524">
        <v>124.96599999999999</v>
      </c>
      <c r="D3524">
        <v>189.68700000000001</v>
      </c>
      <c r="E3524">
        <v>7370.08</v>
      </c>
      <c r="F3524">
        <v>10800</v>
      </c>
      <c r="G3524">
        <v>18595.3</v>
      </c>
      <c r="H3524">
        <v>3.9291299999999998</v>
      </c>
      <c r="I3524">
        <v>20390.2</v>
      </c>
      <c r="J3524">
        <v>32.0779</v>
      </c>
    </row>
    <row r="3525" spans="1:10" x14ac:dyDescent="0.25">
      <c r="A3525">
        <v>25</v>
      </c>
      <c r="B3525">
        <v>110.1</v>
      </c>
      <c r="C3525">
        <v>119.625</v>
      </c>
      <c r="D3525">
        <v>189.06</v>
      </c>
      <c r="E3525">
        <v>7370.08</v>
      </c>
      <c r="F3525">
        <v>10800</v>
      </c>
      <c r="G3525">
        <v>24037.8</v>
      </c>
      <c r="H3525">
        <v>2.4881899999999999</v>
      </c>
      <c r="I3525">
        <v>20996.799999999999</v>
      </c>
      <c r="J3525">
        <v>32.027999999999999</v>
      </c>
    </row>
    <row r="3526" spans="1:10" x14ac:dyDescent="0.25">
      <c r="A3526">
        <v>25</v>
      </c>
      <c r="B3526">
        <v>108.919</v>
      </c>
      <c r="C3526">
        <v>119.93899999999999</v>
      </c>
      <c r="D3526">
        <v>189.68700000000001</v>
      </c>
      <c r="E3526">
        <v>7370.08</v>
      </c>
      <c r="F3526">
        <v>10800</v>
      </c>
      <c r="G3526">
        <v>18595.3</v>
      </c>
      <c r="H3526">
        <v>3.7637800000000001</v>
      </c>
      <c r="I3526">
        <v>20257.599999999999</v>
      </c>
      <c r="J3526">
        <v>41.1419</v>
      </c>
    </row>
    <row r="3527" spans="1:10" x14ac:dyDescent="0.25">
      <c r="A3527">
        <v>25</v>
      </c>
      <c r="B3527">
        <v>110.1</v>
      </c>
      <c r="C3527">
        <v>129.99299999999999</v>
      </c>
      <c r="D3527">
        <v>189.68700000000001</v>
      </c>
      <c r="E3527">
        <v>7710.24</v>
      </c>
      <c r="F3527">
        <v>11820.5</v>
      </c>
      <c r="G3527">
        <v>18595.3</v>
      </c>
      <c r="H3527">
        <v>2.0157500000000002</v>
      </c>
      <c r="I3527">
        <v>23115.4</v>
      </c>
      <c r="J3527">
        <v>129.136</v>
      </c>
    </row>
    <row r="3528" spans="1:10" x14ac:dyDescent="0.25">
      <c r="A3528">
        <v>25</v>
      </c>
      <c r="B3528">
        <v>109.864</v>
      </c>
      <c r="C3528">
        <v>124.652</v>
      </c>
      <c r="D3528">
        <v>189.06</v>
      </c>
      <c r="E3528">
        <v>7370.08</v>
      </c>
      <c r="F3528">
        <v>10800</v>
      </c>
      <c r="G3528">
        <v>18595.3</v>
      </c>
      <c r="H3528">
        <v>4</v>
      </c>
      <c r="I3528">
        <v>20667.2</v>
      </c>
      <c r="J3528">
        <v>103.506</v>
      </c>
    </row>
    <row r="3529" spans="1:10" x14ac:dyDescent="0.25">
      <c r="A3529">
        <v>25</v>
      </c>
      <c r="B3529">
        <v>109.864</v>
      </c>
      <c r="C3529">
        <v>118.369</v>
      </c>
      <c r="D3529">
        <v>189.68700000000001</v>
      </c>
      <c r="E3529">
        <v>7710.24</v>
      </c>
      <c r="F3529">
        <v>10800</v>
      </c>
      <c r="G3529">
        <v>19955.900000000001</v>
      </c>
      <c r="H3529">
        <v>2.29921</v>
      </c>
      <c r="I3529">
        <v>21604.5</v>
      </c>
      <c r="J3529">
        <v>39.185499999999998</v>
      </c>
    </row>
    <row r="3530" spans="1:10" x14ac:dyDescent="0.25">
      <c r="A3530">
        <v>25</v>
      </c>
      <c r="B3530">
        <v>109.864</v>
      </c>
      <c r="C3530">
        <v>128.422</v>
      </c>
      <c r="D3530">
        <v>190</v>
      </c>
      <c r="E3530">
        <v>7370.08</v>
      </c>
      <c r="F3530">
        <v>10800</v>
      </c>
      <c r="G3530">
        <v>19785.8</v>
      </c>
      <c r="H3530">
        <v>3.00787</v>
      </c>
      <c r="I3530">
        <v>20865.7</v>
      </c>
      <c r="J3530">
        <v>120.53700000000001</v>
      </c>
    </row>
    <row r="3531" spans="1:10" x14ac:dyDescent="0.25">
      <c r="A3531">
        <v>25</v>
      </c>
      <c r="B3531">
        <v>110.1</v>
      </c>
      <c r="C3531">
        <v>124.652</v>
      </c>
      <c r="D3531">
        <v>189.37299999999999</v>
      </c>
      <c r="E3531">
        <v>7370.08</v>
      </c>
      <c r="F3531">
        <v>10800</v>
      </c>
      <c r="G3531">
        <v>25398.400000000001</v>
      </c>
      <c r="H3531">
        <v>3.8582700000000001</v>
      </c>
      <c r="I3531">
        <v>20958.2</v>
      </c>
      <c r="J3531">
        <v>105.968</v>
      </c>
    </row>
    <row r="3532" spans="1:10" x14ac:dyDescent="0.25">
      <c r="A3532">
        <v>25</v>
      </c>
      <c r="B3532">
        <v>109.39100000000001</v>
      </c>
      <c r="C3532">
        <v>123.395</v>
      </c>
      <c r="D3532">
        <v>189.06</v>
      </c>
      <c r="E3532">
        <v>7370.08</v>
      </c>
      <c r="F3532">
        <v>10800</v>
      </c>
      <c r="G3532">
        <v>18595.3</v>
      </c>
      <c r="H3532">
        <v>3.9527600000000001</v>
      </c>
      <c r="I3532">
        <v>20236</v>
      </c>
      <c r="J3532">
        <v>50.655900000000003</v>
      </c>
    </row>
    <row r="3533" spans="1:10" x14ac:dyDescent="0.25">
      <c r="A3533">
        <v>25</v>
      </c>
      <c r="B3533">
        <v>109.864</v>
      </c>
      <c r="C3533">
        <v>124.96599999999999</v>
      </c>
      <c r="D3533">
        <v>189.68700000000001</v>
      </c>
      <c r="E3533">
        <v>7710.24</v>
      </c>
      <c r="F3533">
        <v>11055.1</v>
      </c>
      <c r="G3533">
        <v>19955.900000000001</v>
      </c>
      <c r="H3533">
        <v>2.34646</v>
      </c>
      <c r="I3533">
        <v>23034.3</v>
      </c>
      <c r="J3533">
        <v>25.6068</v>
      </c>
    </row>
    <row r="3534" spans="1:10" x14ac:dyDescent="0.25">
      <c r="A3534">
        <v>25</v>
      </c>
      <c r="B3534">
        <v>109.155</v>
      </c>
      <c r="C3534">
        <v>124.96599999999999</v>
      </c>
      <c r="D3534">
        <v>189.68700000000001</v>
      </c>
      <c r="E3534">
        <v>7370.08</v>
      </c>
      <c r="F3534">
        <v>10800</v>
      </c>
      <c r="G3534">
        <v>19955.900000000001</v>
      </c>
      <c r="H3534">
        <v>2.4409399999999999</v>
      </c>
      <c r="I3534">
        <v>21182</v>
      </c>
      <c r="J3534">
        <v>92.316900000000004</v>
      </c>
    </row>
    <row r="3535" spans="1:10" x14ac:dyDescent="0.25">
      <c r="A3535">
        <v>25</v>
      </c>
      <c r="B3535">
        <v>108.919</v>
      </c>
      <c r="C3535">
        <v>119.625</v>
      </c>
      <c r="D3535">
        <v>189.06</v>
      </c>
      <c r="E3535">
        <v>7370.08</v>
      </c>
      <c r="F3535">
        <v>10800</v>
      </c>
      <c r="G3535">
        <v>19955.900000000001</v>
      </c>
      <c r="H3535">
        <v>2.4409399999999999</v>
      </c>
      <c r="I3535">
        <v>21101.5</v>
      </c>
      <c r="J3535">
        <v>36.716900000000003</v>
      </c>
    </row>
    <row r="3536" spans="1:10" x14ac:dyDescent="0.25">
      <c r="A3536">
        <v>25</v>
      </c>
      <c r="B3536">
        <v>109.628</v>
      </c>
      <c r="C3536">
        <v>124.652</v>
      </c>
      <c r="D3536">
        <v>188.12</v>
      </c>
      <c r="E3536">
        <v>7370.08</v>
      </c>
      <c r="F3536">
        <v>10800</v>
      </c>
      <c r="G3536">
        <v>25398.400000000001</v>
      </c>
      <c r="H3536">
        <v>3.9291299999999998</v>
      </c>
      <c r="I3536">
        <v>20565.8</v>
      </c>
      <c r="J3536">
        <v>95.451700000000002</v>
      </c>
    </row>
    <row r="3537" spans="1:10" x14ac:dyDescent="0.25">
      <c r="A3537">
        <v>25</v>
      </c>
      <c r="B3537">
        <v>108.446</v>
      </c>
      <c r="C3537">
        <v>124.652</v>
      </c>
      <c r="D3537">
        <v>189.06</v>
      </c>
      <c r="E3537">
        <v>7370.08</v>
      </c>
      <c r="F3537">
        <v>10800</v>
      </c>
      <c r="G3537">
        <v>25398.400000000001</v>
      </c>
      <c r="H3537">
        <v>3.9527600000000001</v>
      </c>
      <c r="I3537">
        <v>20444.7</v>
      </c>
      <c r="J3537">
        <v>103.791</v>
      </c>
    </row>
    <row r="3538" spans="1:10" x14ac:dyDescent="0.25">
      <c r="A3538">
        <v>25</v>
      </c>
      <c r="B3538">
        <v>110.1</v>
      </c>
      <c r="C3538">
        <v>124.96599999999999</v>
      </c>
      <c r="D3538">
        <v>190</v>
      </c>
      <c r="E3538">
        <v>7370.08</v>
      </c>
      <c r="F3538">
        <v>10800</v>
      </c>
      <c r="G3538">
        <v>19955.900000000001</v>
      </c>
      <c r="H3538">
        <v>2.4881899999999999</v>
      </c>
      <c r="I3538">
        <v>21443.8</v>
      </c>
      <c r="J3538">
        <v>108.57899999999999</v>
      </c>
    </row>
    <row r="3539" spans="1:10" x14ac:dyDescent="0.25">
      <c r="A3539">
        <v>25</v>
      </c>
      <c r="B3539">
        <v>109.39100000000001</v>
      </c>
      <c r="C3539">
        <v>113.342</v>
      </c>
      <c r="D3539">
        <v>190</v>
      </c>
      <c r="E3539">
        <v>8390.5499999999993</v>
      </c>
      <c r="F3539">
        <v>10800</v>
      </c>
      <c r="G3539">
        <v>21316.5</v>
      </c>
      <c r="H3539">
        <v>1.5905499999999999</v>
      </c>
      <c r="I3539">
        <v>23241.8</v>
      </c>
      <c r="J3539">
        <v>46.276299999999999</v>
      </c>
    </row>
    <row r="3540" spans="1:10" x14ac:dyDescent="0.25">
      <c r="A3540">
        <v>25</v>
      </c>
      <c r="B3540">
        <v>108.919</v>
      </c>
      <c r="C3540">
        <v>119.93899999999999</v>
      </c>
      <c r="D3540">
        <v>190</v>
      </c>
      <c r="E3540">
        <v>10431.5</v>
      </c>
      <c r="F3540">
        <v>10800</v>
      </c>
      <c r="G3540">
        <v>19955.900000000001</v>
      </c>
      <c r="H3540">
        <v>3.4803099999999998</v>
      </c>
      <c r="I3540">
        <v>23862.6</v>
      </c>
      <c r="J3540">
        <v>25.954999999999998</v>
      </c>
    </row>
    <row r="3541" spans="1:10" x14ac:dyDescent="0.25">
      <c r="A3541">
        <v>25</v>
      </c>
      <c r="B3541">
        <v>109.155</v>
      </c>
      <c r="C3541">
        <v>114.913</v>
      </c>
      <c r="D3541">
        <v>190</v>
      </c>
      <c r="E3541">
        <v>7370.08</v>
      </c>
      <c r="F3541">
        <v>10800</v>
      </c>
      <c r="G3541">
        <v>19955.900000000001</v>
      </c>
      <c r="H3541">
        <v>2.0629900000000001</v>
      </c>
      <c r="I3541">
        <v>21536.400000000001</v>
      </c>
      <c r="J3541">
        <v>49.0989</v>
      </c>
    </row>
    <row r="3542" spans="1:10" x14ac:dyDescent="0.25">
      <c r="A3542">
        <v>25</v>
      </c>
      <c r="B3542">
        <v>110.1</v>
      </c>
      <c r="C3542">
        <v>119.625</v>
      </c>
      <c r="D3542">
        <v>190</v>
      </c>
      <c r="E3542">
        <v>10431.5</v>
      </c>
      <c r="F3542">
        <v>10800</v>
      </c>
      <c r="G3542">
        <v>19955.900000000001</v>
      </c>
      <c r="H3542">
        <v>2.1338599999999999</v>
      </c>
      <c r="I3542">
        <v>25274</v>
      </c>
      <c r="J3542">
        <v>23.7654</v>
      </c>
    </row>
    <row r="3543" spans="1:10" x14ac:dyDescent="0.25">
      <c r="A3543">
        <v>25</v>
      </c>
      <c r="B3543">
        <v>110.1</v>
      </c>
      <c r="C3543">
        <v>113.97</v>
      </c>
      <c r="D3543">
        <v>190</v>
      </c>
      <c r="E3543">
        <v>7370.08</v>
      </c>
      <c r="F3543">
        <v>10800</v>
      </c>
      <c r="G3543">
        <v>19955.900000000001</v>
      </c>
      <c r="H3543">
        <v>3.19685</v>
      </c>
      <c r="I3543">
        <v>20675.3</v>
      </c>
      <c r="J3543">
        <v>60.514200000000002</v>
      </c>
    </row>
    <row r="3544" spans="1:10" x14ac:dyDescent="0.25">
      <c r="A3544">
        <v>25</v>
      </c>
      <c r="B3544">
        <v>109.864</v>
      </c>
      <c r="C3544">
        <v>129.679</v>
      </c>
      <c r="D3544">
        <v>190</v>
      </c>
      <c r="E3544">
        <v>7370.08</v>
      </c>
      <c r="F3544">
        <v>10800</v>
      </c>
      <c r="G3544">
        <v>22677.200000000001</v>
      </c>
      <c r="H3544">
        <v>4</v>
      </c>
      <c r="I3544">
        <v>20372.2</v>
      </c>
      <c r="J3544">
        <v>118.985</v>
      </c>
    </row>
    <row r="3545" spans="1:10" x14ac:dyDescent="0.25">
      <c r="A3545">
        <v>25</v>
      </c>
      <c r="B3545">
        <v>110.1</v>
      </c>
      <c r="C3545">
        <v>128.422</v>
      </c>
      <c r="D3545">
        <v>189.68700000000001</v>
      </c>
      <c r="E3545">
        <v>7370.08</v>
      </c>
      <c r="F3545">
        <v>10800</v>
      </c>
      <c r="G3545">
        <v>19955.900000000001</v>
      </c>
      <c r="H3545">
        <v>3.4803099999999998</v>
      </c>
      <c r="I3545">
        <v>20891.900000000001</v>
      </c>
      <c r="J3545">
        <v>113.30800000000001</v>
      </c>
    </row>
    <row r="3546" spans="1:10" x14ac:dyDescent="0.25">
      <c r="A3546">
        <v>25</v>
      </c>
      <c r="B3546">
        <v>109.155</v>
      </c>
      <c r="C3546">
        <v>119.625</v>
      </c>
      <c r="D3546">
        <v>189.06</v>
      </c>
      <c r="E3546">
        <v>7370.08</v>
      </c>
      <c r="F3546">
        <v>10800</v>
      </c>
      <c r="G3546">
        <v>19955.900000000001</v>
      </c>
      <c r="H3546">
        <v>3.0787399999999998</v>
      </c>
      <c r="I3546">
        <v>20583.400000000001</v>
      </c>
      <c r="J3546">
        <v>40.929099999999998</v>
      </c>
    </row>
    <row r="3547" spans="1:10" x14ac:dyDescent="0.25">
      <c r="A3547">
        <v>25</v>
      </c>
      <c r="B3547">
        <v>108.919</v>
      </c>
      <c r="C3547">
        <v>124.96599999999999</v>
      </c>
      <c r="D3547">
        <v>189.68700000000001</v>
      </c>
      <c r="E3547">
        <v>7370.08</v>
      </c>
      <c r="F3547">
        <v>10800</v>
      </c>
      <c r="G3547">
        <v>19955.900000000001</v>
      </c>
      <c r="H3547">
        <v>3.9527600000000001</v>
      </c>
      <c r="I3547">
        <v>20728.7</v>
      </c>
      <c r="J3547">
        <v>110.911</v>
      </c>
    </row>
    <row r="3548" spans="1:10" x14ac:dyDescent="0.25">
      <c r="A3548">
        <v>25</v>
      </c>
      <c r="B3548">
        <v>110.1</v>
      </c>
      <c r="C3548">
        <v>114.598</v>
      </c>
      <c r="D3548">
        <v>186.86600000000001</v>
      </c>
      <c r="E3548">
        <v>7370.08</v>
      </c>
      <c r="F3548">
        <v>10800</v>
      </c>
      <c r="G3548">
        <v>18595.3</v>
      </c>
      <c r="H3548">
        <v>2.4881899999999999</v>
      </c>
      <c r="I3548">
        <v>21143.7</v>
      </c>
      <c r="J3548">
        <v>57.549100000000003</v>
      </c>
    </row>
    <row r="3549" spans="1:10" x14ac:dyDescent="0.25">
      <c r="A3549">
        <v>25</v>
      </c>
      <c r="B3549">
        <v>109.155</v>
      </c>
      <c r="C3549">
        <v>114.598</v>
      </c>
      <c r="D3549">
        <v>189.37299999999999</v>
      </c>
      <c r="E3549">
        <v>7370.08</v>
      </c>
      <c r="F3549">
        <v>10800</v>
      </c>
      <c r="G3549">
        <v>18595.3</v>
      </c>
      <c r="H3549">
        <v>2.4881899999999999</v>
      </c>
      <c r="I3549">
        <v>21078.7</v>
      </c>
      <c r="J3549">
        <v>62.6691</v>
      </c>
    </row>
    <row r="3550" spans="1:10" x14ac:dyDescent="0.25">
      <c r="A3550">
        <v>25</v>
      </c>
      <c r="B3550">
        <v>110.1</v>
      </c>
      <c r="C3550">
        <v>123.395</v>
      </c>
      <c r="D3550">
        <v>190</v>
      </c>
      <c r="E3550">
        <v>7370.08</v>
      </c>
      <c r="F3550">
        <v>11055.1</v>
      </c>
      <c r="G3550">
        <v>19955.900000000001</v>
      </c>
      <c r="H3550">
        <v>1.40157</v>
      </c>
      <c r="I3550">
        <v>23322.3</v>
      </c>
      <c r="J3550">
        <v>83.8767</v>
      </c>
    </row>
    <row r="3551" spans="1:10" x14ac:dyDescent="0.25">
      <c r="A3551">
        <v>25</v>
      </c>
      <c r="B3551">
        <v>109.155</v>
      </c>
      <c r="C3551">
        <v>119.93899999999999</v>
      </c>
      <c r="D3551">
        <v>189.37299999999999</v>
      </c>
      <c r="E3551">
        <v>7370.08</v>
      </c>
      <c r="F3551">
        <v>10800</v>
      </c>
      <c r="G3551">
        <v>19615.7</v>
      </c>
      <c r="H3551">
        <v>3.9527600000000001</v>
      </c>
      <c r="I3551">
        <v>20161.099999999999</v>
      </c>
      <c r="J3551">
        <v>39.927700000000002</v>
      </c>
    </row>
    <row r="3552" spans="1:10" x14ac:dyDescent="0.25">
      <c r="A3552">
        <v>25</v>
      </c>
      <c r="B3552">
        <v>110.1</v>
      </c>
      <c r="C3552">
        <v>123.395</v>
      </c>
      <c r="D3552">
        <v>189.37299999999999</v>
      </c>
      <c r="E3552">
        <v>7370.08</v>
      </c>
      <c r="F3552">
        <v>10800</v>
      </c>
      <c r="G3552">
        <v>18595.3</v>
      </c>
      <c r="H3552">
        <v>3.10236</v>
      </c>
      <c r="I3552">
        <v>21051.9</v>
      </c>
      <c r="J3552">
        <v>24.819800000000001</v>
      </c>
    </row>
    <row r="3553" spans="1:10" x14ac:dyDescent="0.25">
      <c r="A3553">
        <v>25</v>
      </c>
      <c r="B3553">
        <v>110.1</v>
      </c>
      <c r="C3553">
        <v>124.652</v>
      </c>
      <c r="D3553">
        <v>189.68700000000001</v>
      </c>
      <c r="E3553">
        <v>7710.24</v>
      </c>
      <c r="F3553">
        <v>10800</v>
      </c>
      <c r="G3553">
        <v>19955.900000000001</v>
      </c>
      <c r="H3553">
        <v>2.9133900000000001</v>
      </c>
      <c r="I3553">
        <v>22592.3</v>
      </c>
      <c r="J3553">
        <v>29.136600000000001</v>
      </c>
    </row>
    <row r="3554" spans="1:10" x14ac:dyDescent="0.25">
      <c r="A3554">
        <v>25</v>
      </c>
      <c r="B3554">
        <v>109.155</v>
      </c>
      <c r="C3554">
        <v>118.68300000000001</v>
      </c>
      <c r="D3554">
        <v>190</v>
      </c>
      <c r="E3554">
        <v>7370.08</v>
      </c>
      <c r="F3554">
        <v>10800</v>
      </c>
      <c r="G3554">
        <v>18425.2</v>
      </c>
      <c r="H3554">
        <v>3.10236</v>
      </c>
      <c r="I3554">
        <v>20557.5</v>
      </c>
      <c r="J3554">
        <v>42.582799999999999</v>
      </c>
    </row>
    <row r="3555" spans="1:10" x14ac:dyDescent="0.25">
      <c r="A3555">
        <v>25</v>
      </c>
      <c r="B3555">
        <v>110.1</v>
      </c>
      <c r="C3555">
        <v>119.625</v>
      </c>
      <c r="D3555">
        <v>190</v>
      </c>
      <c r="E3555">
        <v>8730.7099999999991</v>
      </c>
      <c r="F3555">
        <v>10800</v>
      </c>
      <c r="G3555">
        <v>19955.900000000001</v>
      </c>
      <c r="H3555">
        <v>3.19685</v>
      </c>
      <c r="I3555">
        <v>21880.799999999999</v>
      </c>
      <c r="J3555">
        <v>52.905500000000004</v>
      </c>
    </row>
    <row r="3556" spans="1:10" x14ac:dyDescent="0.25">
      <c r="A3556">
        <v>25</v>
      </c>
      <c r="B3556">
        <v>109.155</v>
      </c>
      <c r="C3556">
        <v>123.709</v>
      </c>
      <c r="D3556">
        <v>189.68700000000001</v>
      </c>
      <c r="E3556">
        <v>7370.08</v>
      </c>
      <c r="F3556">
        <v>10800</v>
      </c>
      <c r="G3556">
        <v>18595.3</v>
      </c>
      <c r="H3556">
        <v>1.73228</v>
      </c>
      <c r="I3556">
        <v>22565.5</v>
      </c>
      <c r="J3556">
        <v>95.185699999999997</v>
      </c>
    </row>
    <row r="3557" spans="1:10" x14ac:dyDescent="0.25">
      <c r="A3557">
        <v>25</v>
      </c>
      <c r="B3557">
        <v>110.1</v>
      </c>
      <c r="C3557">
        <v>124.652</v>
      </c>
      <c r="D3557">
        <v>189.37299999999999</v>
      </c>
      <c r="E3557">
        <v>7370.08</v>
      </c>
      <c r="F3557">
        <v>10800</v>
      </c>
      <c r="G3557">
        <v>18595.3</v>
      </c>
      <c r="H3557">
        <v>3.9527600000000001</v>
      </c>
      <c r="I3557">
        <v>20783.7</v>
      </c>
      <c r="J3557">
        <v>105.809</v>
      </c>
    </row>
    <row r="3558" spans="1:10" x14ac:dyDescent="0.25">
      <c r="A3558">
        <v>25</v>
      </c>
      <c r="B3558">
        <v>110.1</v>
      </c>
      <c r="C3558">
        <v>113.342</v>
      </c>
      <c r="D3558">
        <v>189.68700000000001</v>
      </c>
      <c r="E3558">
        <v>7370.08</v>
      </c>
      <c r="F3558">
        <v>10800</v>
      </c>
      <c r="G3558">
        <v>19955.900000000001</v>
      </c>
      <c r="H3558">
        <v>2.4409399999999999</v>
      </c>
      <c r="I3558">
        <v>21214.9</v>
      </c>
      <c r="J3558">
        <v>63.859400000000001</v>
      </c>
    </row>
    <row r="3559" spans="1:10" x14ac:dyDescent="0.25">
      <c r="A3559">
        <v>25</v>
      </c>
      <c r="B3559">
        <v>109.628</v>
      </c>
      <c r="C3559">
        <v>124.96599999999999</v>
      </c>
      <c r="D3559">
        <v>189.06</v>
      </c>
      <c r="E3559">
        <v>7370.08</v>
      </c>
      <c r="F3559">
        <v>10800</v>
      </c>
      <c r="G3559">
        <v>19955.900000000001</v>
      </c>
      <c r="H3559">
        <v>3.9291299999999998</v>
      </c>
      <c r="I3559">
        <v>20707.7</v>
      </c>
      <c r="J3559">
        <v>113.06</v>
      </c>
    </row>
    <row r="3560" spans="1:10" x14ac:dyDescent="0.25">
      <c r="A3560">
        <v>25</v>
      </c>
      <c r="B3560">
        <v>109.155</v>
      </c>
      <c r="C3560">
        <v>123.709</v>
      </c>
      <c r="D3560">
        <v>190</v>
      </c>
      <c r="E3560">
        <v>7370.08</v>
      </c>
      <c r="F3560">
        <v>10800</v>
      </c>
      <c r="G3560">
        <v>19275.599999999999</v>
      </c>
      <c r="H3560">
        <v>1.5905499999999999</v>
      </c>
      <c r="I3560">
        <v>22362.1</v>
      </c>
      <c r="J3560">
        <v>22.311</v>
      </c>
    </row>
    <row r="3561" spans="1:10" x14ac:dyDescent="0.25">
      <c r="A3561">
        <v>25</v>
      </c>
      <c r="B3561">
        <v>110.1</v>
      </c>
      <c r="C3561">
        <v>123.395</v>
      </c>
      <c r="D3561">
        <v>189.37299999999999</v>
      </c>
      <c r="E3561">
        <v>7370.08</v>
      </c>
      <c r="F3561">
        <v>10800</v>
      </c>
      <c r="G3561">
        <v>19955.900000000001</v>
      </c>
      <c r="H3561">
        <v>3.9527600000000001</v>
      </c>
      <c r="I3561">
        <v>20127</v>
      </c>
      <c r="J3561">
        <v>83.638400000000004</v>
      </c>
    </row>
    <row r="3562" spans="1:10" x14ac:dyDescent="0.25">
      <c r="A3562">
        <v>25</v>
      </c>
      <c r="B3562">
        <v>109.39100000000001</v>
      </c>
      <c r="C3562">
        <v>124.652</v>
      </c>
      <c r="D3562">
        <v>190</v>
      </c>
      <c r="E3562">
        <v>7370.08</v>
      </c>
      <c r="F3562">
        <v>10800</v>
      </c>
      <c r="G3562">
        <v>18595.3</v>
      </c>
      <c r="H3562">
        <v>2.4409399999999999</v>
      </c>
      <c r="I3562">
        <v>21377.4</v>
      </c>
      <c r="J3562">
        <v>88.204800000000006</v>
      </c>
    </row>
    <row r="3563" spans="1:10" x14ac:dyDescent="0.25">
      <c r="A3563">
        <v>25</v>
      </c>
      <c r="B3563">
        <v>110.1</v>
      </c>
      <c r="C3563">
        <v>124.652</v>
      </c>
      <c r="D3563">
        <v>190</v>
      </c>
      <c r="E3563">
        <v>7710.24</v>
      </c>
      <c r="F3563">
        <v>10800</v>
      </c>
      <c r="G3563">
        <v>19955.900000000001</v>
      </c>
      <c r="H3563">
        <v>3.9527600000000001</v>
      </c>
      <c r="I3563">
        <v>20936.099999999999</v>
      </c>
      <c r="J3563">
        <v>101.645</v>
      </c>
    </row>
    <row r="3564" spans="1:10" x14ac:dyDescent="0.25">
      <c r="A3564">
        <v>25</v>
      </c>
      <c r="B3564">
        <v>110.1</v>
      </c>
      <c r="C3564">
        <v>119.625</v>
      </c>
      <c r="D3564">
        <v>189.68700000000001</v>
      </c>
      <c r="E3564">
        <v>8730.7099999999991</v>
      </c>
      <c r="F3564">
        <v>10800</v>
      </c>
      <c r="G3564">
        <v>19955.900000000001</v>
      </c>
      <c r="H3564">
        <v>2.70079</v>
      </c>
      <c r="I3564">
        <v>22546.5</v>
      </c>
      <c r="J3564">
        <v>39.322699999999998</v>
      </c>
    </row>
    <row r="3565" spans="1:10" x14ac:dyDescent="0.25">
      <c r="A3565">
        <v>25</v>
      </c>
      <c r="B3565">
        <v>109.628</v>
      </c>
      <c r="C3565">
        <v>113.342</v>
      </c>
      <c r="D3565">
        <v>189.37299999999999</v>
      </c>
      <c r="E3565">
        <v>7370.08</v>
      </c>
      <c r="F3565">
        <v>10800</v>
      </c>
      <c r="G3565">
        <v>19955.900000000001</v>
      </c>
      <c r="H3565">
        <v>3.10236</v>
      </c>
      <c r="I3565">
        <v>20736.5</v>
      </c>
      <c r="J3565">
        <v>72.197400000000002</v>
      </c>
    </row>
    <row r="3566" spans="1:10" x14ac:dyDescent="0.25">
      <c r="A3566">
        <v>25</v>
      </c>
      <c r="B3566">
        <v>109.155</v>
      </c>
      <c r="C3566">
        <v>114.913</v>
      </c>
      <c r="D3566">
        <v>169.63</v>
      </c>
      <c r="E3566">
        <v>7370.08</v>
      </c>
      <c r="F3566">
        <v>10800</v>
      </c>
      <c r="G3566">
        <v>19615.7</v>
      </c>
      <c r="H3566">
        <v>3.9527600000000001</v>
      </c>
      <c r="I3566">
        <v>21598.799999999999</v>
      </c>
      <c r="J3566">
        <v>75.329700000000003</v>
      </c>
    </row>
    <row r="3567" spans="1:10" x14ac:dyDescent="0.25">
      <c r="A3567">
        <v>25</v>
      </c>
      <c r="B3567">
        <v>109.39100000000001</v>
      </c>
      <c r="C3567">
        <v>124.96599999999999</v>
      </c>
      <c r="D3567">
        <v>189.06</v>
      </c>
      <c r="E3567">
        <v>7370.08</v>
      </c>
      <c r="F3567">
        <v>10800</v>
      </c>
      <c r="G3567">
        <v>18595.3</v>
      </c>
      <c r="H3567">
        <v>3.2204700000000002</v>
      </c>
      <c r="I3567">
        <v>20643.900000000001</v>
      </c>
      <c r="J3567">
        <v>34.046999999999997</v>
      </c>
    </row>
    <row r="3568" spans="1:10" x14ac:dyDescent="0.25">
      <c r="A3568">
        <v>25</v>
      </c>
      <c r="B3568">
        <v>109.155</v>
      </c>
      <c r="C3568">
        <v>114.913</v>
      </c>
      <c r="D3568">
        <v>189.37299999999999</v>
      </c>
      <c r="E3568">
        <v>7370.08</v>
      </c>
      <c r="F3568">
        <v>10800</v>
      </c>
      <c r="G3568">
        <v>19785.8</v>
      </c>
      <c r="H3568">
        <v>4</v>
      </c>
      <c r="I3568">
        <v>20307.7</v>
      </c>
      <c r="J3568">
        <v>66.251300000000001</v>
      </c>
    </row>
    <row r="3569" spans="1:10" x14ac:dyDescent="0.25">
      <c r="A3569">
        <v>25</v>
      </c>
      <c r="B3569">
        <v>110.1</v>
      </c>
      <c r="C3569">
        <v>119.625</v>
      </c>
      <c r="D3569">
        <v>190</v>
      </c>
      <c r="E3569">
        <v>7370.08</v>
      </c>
      <c r="F3569">
        <v>10800</v>
      </c>
      <c r="G3569">
        <v>24037.8</v>
      </c>
      <c r="H3569">
        <v>3.9527600000000001</v>
      </c>
      <c r="I3569">
        <v>20283.5</v>
      </c>
      <c r="J3569">
        <v>49.219200000000001</v>
      </c>
    </row>
    <row r="3570" spans="1:10" x14ac:dyDescent="0.25">
      <c r="A3570">
        <v>25</v>
      </c>
      <c r="B3570">
        <v>109.864</v>
      </c>
      <c r="C3570">
        <v>123.709</v>
      </c>
      <c r="D3570">
        <v>189.37299999999999</v>
      </c>
      <c r="E3570">
        <v>7370.08</v>
      </c>
      <c r="F3570">
        <v>10800</v>
      </c>
      <c r="G3570">
        <v>18595.3</v>
      </c>
      <c r="H3570">
        <v>4</v>
      </c>
      <c r="I3570">
        <v>20501.599999999999</v>
      </c>
      <c r="J3570">
        <v>81.930599999999998</v>
      </c>
    </row>
    <row r="3571" spans="1:10" x14ac:dyDescent="0.25">
      <c r="A3571">
        <v>25</v>
      </c>
      <c r="B3571">
        <v>108.919</v>
      </c>
      <c r="C3571">
        <v>124.96599999999999</v>
      </c>
      <c r="D3571">
        <v>189.37299999999999</v>
      </c>
      <c r="E3571">
        <v>10091.299999999999</v>
      </c>
      <c r="F3571">
        <v>11055.1</v>
      </c>
      <c r="G3571">
        <v>18595.3</v>
      </c>
      <c r="H3571">
        <v>2.4409399999999999</v>
      </c>
      <c r="I3571">
        <v>24789</v>
      </c>
      <c r="J3571">
        <v>95.690700000000007</v>
      </c>
    </row>
    <row r="3572" spans="1:10" x14ac:dyDescent="0.25">
      <c r="A3572">
        <v>25</v>
      </c>
      <c r="B3572">
        <v>109.628</v>
      </c>
      <c r="C3572">
        <v>129.679</v>
      </c>
      <c r="D3572">
        <v>189.06</v>
      </c>
      <c r="E3572">
        <v>7370.08</v>
      </c>
      <c r="F3572">
        <v>10800</v>
      </c>
      <c r="G3572">
        <v>19955.900000000001</v>
      </c>
      <c r="H3572">
        <v>2.4173200000000001</v>
      </c>
      <c r="I3572">
        <v>21585.3</v>
      </c>
      <c r="J3572">
        <v>116.5</v>
      </c>
    </row>
    <row r="3573" spans="1:10" x14ac:dyDescent="0.25">
      <c r="A3573">
        <v>25</v>
      </c>
      <c r="B3573">
        <v>108.919</v>
      </c>
      <c r="C3573">
        <v>119.625</v>
      </c>
      <c r="D3573">
        <v>190</v>
      </c>
      <c r="E3573">
        <v>10431.5</v>
      </c>
      <c r="F3573">
        <v>10800</v>
      </c>
      <c r="G3573">
        <v>19955.900000000001</v>
      </c>
      <c r="H3573">
        <v>1.7795300000000001</v>
      </c>
      <c r="I3573">
        <v>24777.5</v>
      </c>
      <c r="J3573">
        <v>20.3733</v>
      </c>
    </row>
    <row r="3574" spans="1:10" x14ac:dyDescent="0.25">
      <c r="A3574">
        <v>25</v>
      </c>
      <c r="B3574">
        <v>109.864</v>
      </c>
      <c r="C3574">
        <v>114.913</v>
      </c>
      <c r="D3574">
        <v>189.68700000000001</v>
      </c>
      <c r="E3574">
        <v>7370.08</v>
      </c>
      <c r="F3574">
        <v>27382.7</v>
      </c>
      <c r="G3574">
        <v>18595.3</v>
      </c>
      <c r="H3574">
        <v>2.34646</v>
      </c>
      <c r="I3574">
        <v>40182.400000000001</v>
      </c>
      <c r="J3574">
        <v>36.227800000000002</v>
      </c>
    </row>
    <row r="3575" spans="1:10" x14ac:dyDescent="0.25">
      <c r="A3575">
        <v>25</v>
      </c>
      <c r="B3575">
        <v>109.39100000000001</v>
      </c>
      <c r="C3575">
        <v>124.652</v>
      </c>
      <c r="D3575">
        <v>189.37299999999999</v>
      </c>
      <c r="E3575">
        <v>7370.08</v>
      </c>
      <c r="F3575">
        <v>10800</v>
      </c>
      <c r="G3575">
        <v>18595.3</v>
      </c>
      <c r="H3575">
        <v>2.4645700000000001</v>
      </c>
      <c r="I3575">
        <v>21833.599999999999</v>
      </c>
      <c r="J3575">
        <v>93.747699999999995</v>
      </c>
    </row>
    <row r="3576" spans="1:10" x14ac:dyDescent="0.25">
      <c r="A3576">
        <v>25</v>
      </c>
      <c r="B3576">
        <v>109.864</v>
      </c>
      <c r="C3576">
        <v>124.652</v>
      </c>
      <c r="D3576">
        <v>189.68700000000001</v>
      </c>
      <c r="E3576">
        <v>7370.08</v>
      </c>
      <c r="F3576">
        <v>11055.1</v>
      </c>
      <c r="G3576">
        <v>19955.900000000001</v>
      </c>
      <c r="H3576">
        <v>1.54331</v>
      </c>
      <c r="I3576">
        <v>22899.200000000001</v>
      </c>
      <c r="J3576">
        <v>102.78700000000001</v>
      </c>
    </row>
    <row r="3577" spans="1:10" x14ac:dyDescent="0.25">
      <c r="A3577">
        <v>25</v>
      </c>
      <c r="B3577">
        <v>108.68300000000001</v>
      </c>
      <c r="C3577">
        <v>124.652</v>
      </c>
      <c r="D3577">
        <v>190</v>
      </c>
      <c r="E3577">
        <v>7370.08</v>
      </c>
      <c r="F3577">
        <v>10800</v>
      </c>
      <c r="G3577">
        <v>19955.900000000001</v>
      </c>
      <c r="H3577">
        <v>3.9527600000000001</v>
      </c>
      <c r="I3577">
        <v>20694.900000000001</v>
      </c>
      <c r="J3577">
        <v>109.077</v>
      </c>
    </row>
    <row r="3578" spans="1:10" x14ac:dyDescent="0.25">
      <c r="A3578">
        <v>25</v>
      </c>
      <c r="B3578">
        <v>109.39100000000001</v>
      </c>
      <c r="C3578">
        <v>123.395</v>
      </c>
      <c r="D3578">
        <v>189.37299999999999</v>
      </c>
      <c r="E3578">
        <v>7370.08</v>
      </c>
      <c r="F3578">
        <v>10800</v>
      </c>
      <c r="G3578">
        <v>19955.900000000001</v>
      </c>
      <c r="H3578">
        <v>3.9291299999999998</v>
      </c>
      <c r="I3578">
        <v>20191.400000000001</v>
      </c>
      <c r="J3578">
        <v>50.651400000000002</v>
      </c>
    </row>
    <row r="3579" spans="1:10" x14ac:dyDescent="0.25">
      <c r="A3579">
        <v>25</v>
      </c>
      <c r="B3579">
        <v>110.1</v>
      </c>
      <c r="C3579">
        <v>123.395</v>
      </c>
      <c r="D3579">
        <v>189.37299999999999</v>
      </c>
      <c r="E3579">
        <v>7370.08</v>
      </c>
      <c r="F3579">
        <v>10800</v>
      </c>
      <c r="G3579">
        <v>19955.900000000001</v>
      </c>
      <c r="H3579">
        <v>3.9527600000000001</v>
      </c>
      <c r="I3579">
        <v>20127</v>
      </c>
      <c r="J3579">
        <v>83.638400000000004</v>
      </c>
    </row>
    <row r="3580" spans="1:10" x14ac:dyDescent="0.25">
      <c r="A3580">
        <v>25</v>
      </c>
      <c r="B3580">
        <v>110.1</v>
      </c>
      <c r="C3580">
        <v>145.07300000000001</v>
      </c>
      <c r="D3580">
        <v>189.06</v>
      </c>
      <c r="E3580">
        <v>7370.08</v>
      </c>
      <c r="F3580">
        <v>10800</v>
      </c>
      <c r="G3580">
        <v>19955.900000000001</v>
      </c>
      <c r="H3580">
        <v>3.9291299999999998</v>
      </c>
      <c r="I3580">
        <v>20309.400000000001</v>
      </c>
      <c r="J3580">
        <v>153.61699999999999</v>
      </c>
    </row>
    <row r="3581" spans="1:10" x14ac:dyDescent="0.25">
      <c r="A3581">
        <v>25</v>
      </c>
      <c r="B3581">
        <v>110.1</v>
      </c>
      <c r="C3581">
        <v>114.598</v>
      </c>
      <c r="D3581">
        <v>190</v>
      </c>
      <c r="E3581">
        <v>7370.08</v>
      </c>
      <c r="F3581">
        <v>10800</v>
      </c>
      <c r="G3581">
        <v>19955.900000000001</v>
      </c>
      <c r="H3581">
        <v>3.10236</v>
      </c>
      <c r="I3581">
        <v>20679</v>
      </c>
      <c r="J3581">
        <v>58.133600000000001</v>
      </c>
    </row>
    <row r="3582" spans="1:10" x14ac:dyDescent="0.25">
      <c r="A3582">
        <v>25</v>
      </c>
      <c r="B3582">
        <v>109.628</v>
      </c>
      <c r="C3582">
        <v>124.96599999999999</v>
      </c>
      <c r="D3582">
        <v>189.68700000000001</v>
      </c>
      <c r="E3582">
        <v>7370.08</v>
      </c>
      <c r="F3582">
        <v>10800</v>
      </c>
      <c r="G3582">
        <v>18595.3</v>
      </c>
      <c r="H3582">
        <v>2.4409399999999999</v>
      </c>
      <c r="I3582">
        <v>21428.1</v>
      </c>
      <c r="J3582">
        <v>88.057000000000002</v>
      </c>
    </row>
    <row r="3583" spans="1:10" x14ac:dyDescent="0.25">
      <c r="A3583">
        <v>25</v>
      </c>
      <c r="B3583">
        <v>109.39100000000001</v>
      </c>
      <c r="C3583">
        <v>129.679</v>
      </c>
      <c r="D3583">
        <v>190</v>
      </c>
      <c r="E3583">
        <v>7370.08</v>
      </c>
      <c r="F3583">
        <v>10800</v>
      </c>
      <c r="G3583">
        <v>25398.400000000001</v>
      </c>
      <c r="H3583">
        <v>3.8582700000000001</v>
      </c>
      <c r="I3583">
        <v>20417.7</v>
      </c>
      <c r="J3583">
        <v>132.381</v>
      </c>
    </row>
    <row r="3584" spans="1:10" x14ac:dyDescent="0.25">
      <c r="A3584">
        <v>25</v>
      </c>
      <c r="B3584">
        <v>109.864</v>
      </c>
      <c r="C3584">
        <v>122.767</v>
      </c>
      <c r="D3584">
        <v>190</v>
      </c>
      <c r="E3584">
        <v>7370.08</v>
      </c>
      <c r="F3584">
        <v>10800</v>
      </c>
      <c r="G3584">
        <v>19785.8</v>
      </c>
      <c r="H3584">
        <v>3.7637800000000001</v>
      </c>
      <c r="I3584">
        <v>20223.099999999999</v>
      </c>
      <c r="J3584">
        <v>71.917500000000004</v>
      </c>
    </row>
    <row r="3585" spans="1:10" x14ac:dyDescent="0.25">
      <c r="A3585">
        <v>25</v>
      </c>
      <c r="B3585">
        <v>109.155</v>
      </c>
      <c r="C3585">
        <v>119.93899999999999</v>
      </c>
      <c r="D3585">
        <v>189.68700000000001</v>
      </c>
      <c r="E3585">
        <v>7370.08</v>
      </c>
      <c r="F3585">
        <v>10800</v>
      </c>
      <c r="G3585">
        <v>19955.900000000001</v>
      </c>
      <c r="H3585">
        <v>3.5748000000000002</v>
      </c>
      <c r="I3585">
        <v>20332</v>
      </c>
      <c r="J3585">
        <v>39.012599999999999</v>
      </c>
    </row>
    <row r="3586" spans="1:10" x14ac:dyDescent="0.25">
      <c r="A3586">
        <v>25</v>
      </c>
      <c r="B3586">
        <v>108.919</v>
      </c>
      <c r="C3586">
        <v>124.96599999999999</v>
      </c>
      <c r="D3586">
        <v>189.37299999999999</v>
      </c>
      <c r="E3586">
        <v>7370.08</v>
      </c>
      <c r="F3586">
        <v>10800</v>
      </c>
      <c r="G3586">
        <v>19615.7</v>
      </c>
      <c r="H3586">
        <v>3.9527600000000001</v>
      </c>
      <c r="I3586">
        <v>20728.7</v>
      </c>
      <c r="J3586">
        <v>110.911</v>
      </c>
    </row>
    <row r="3587" spans="1:10" x14ac:dyDescent="0.25">
      <c r="A3587">
        <v>25</v>
      </c>
      <c r="B3587">
        <v>109.864</v>
      </c>
      <c r="C3587">
        <v>124.96599999999999</v>
      </c>
      <c r="D3587">
        <v>189.06</v>
      </c>
      <c r="E3587">
        <v>7370.08</v>
      </c>
      <c r="F3587">
        <v>10800</v>
      </c>
      <c r="G3587">
        <v>19955.900000000001</v>
      </c>
      <c r="H3587">
        <v>3.9527600000000001</v>
      </c>
      <c r="I3587">
        <v>20748.400000000001</v>
      </c>
      <c r="J3587">
        <v>108.85599999999999</v>
      </c>
    </row>
    <row r="3588" spans="1:10" x14ac:dyDescent="0.25">
      <c r="A3588">
        <v>25</v>
      </c>
      <c r="B3588">
        <v>109.864</v>
      </c>
      <c r="C3588">
        <v>123.395</v>
      </c>
      <c r="D3588">
        <v>190</v>
      </c>
      <c r="E3588">
        <v>7370.08</v>
      </c>
      <c r="F3588">
        <v>10800</v>
      </c>
      <c r="G3588">
        <v>19955.900000000001</v>
      </c>
      <c r="H3588">
        <v>3.9527600000000001</v>
      </c>
      <c r="I3588">
        <v>20120.3</v>
      </c>
      <c r="J3588">
        <v>73.890900000000002</v>
      </c>
    </row>
    <row r="3589" spans="1:10" x14ac:dyDescent="0.25">
      <c r="A3589">
        <v>25</v>
      </c>
      <c r="B3589">
        <v>109.628</v>
      </c>
      <c r="C3589">
        <v>113.342</v>
      </c>
      <c r="D3589">
        <v>189.68700000000001</v>
      </c>
      <c r="E3589">
        <v>7370.08</v>
      </c>
      <c r="F3589">
        <v>10800</v>
      </c>
      <c r="G3589">
        <v>22677.200000000001</v>
      </c>
      <c r="H3589">
        <v>3.10236</v>
      </c>
      <c r="I3589">
        <v>20735.8</v>
      </c>
      <c r="J3589">
        <v>71.907799999999995</v>
      </c>
    </row>
    <row r="3590" spans="1:10" x14ac:dyDescent="0.25">
      <c r="A3590">
        <v>25</v>
      </c>
      <c r="B3590">
        <v>110.1</v>
      </c>
      <c r="C3590">
        <v>119.625</v>
      </c>
      <c r="D3590">
        <v>189.06</v>
      </c>
      <c r="E3590">
        <v>8730.7099999999991</v>
      </c>
      <c r="F3590">
        <v>10800</v>
      </c>
      <c r="G3590">
        <v>19955.900000000001</v>
      </c>
      <c r="H3590">
        <v>1.6614199999999999</v>
      </c>
      <c r="I3590">
        <v>23447.1</v>
      </c>
      <c r="J3590">
        <v>42.408200000000001</v>
      </c>
    </row>
    <row r="3591" spans="1:10" x14ac:dyDescent="0.25">
      <c r="A3591">
        <v>25</v>
      </c>
      <c r="B3591">
        <v>109.864</v>
      </c>
      <c r="C3591">
        <v>123.395</v>
      </c>
      <c r="D3591">
        <v>189.68700000000001</v>
      </c>
      <c r="E3591">
        <v>7370.08</v>
      </c>
      <c r="F3591">
        <v>10800</v>
      </c>
      <c r="G3591">
        <v>19955.900000000001</v>
      </c>
      <c r="H3591">
        <v>1.5905499999999999</v>
      </c>
      <c r="I3591">
        <v>22489.9</v>
      </c>
      <c r="J3591">
        <v>86.617599999999996</v>
      </c>
    </row>
    <row r="3592" spans="1:10" x14ac:dyDescent="0.25">
      <c r="A3592">
        <v>25</v>
      </c>
      <c r="B3592">
        <v>94.509399999999999</v>
      </c>
      <c r="C3592">
        <v>123.709</v>
      </c>
      <c r="D3592">
        <v>189.37299999999999</v>
      </c>
      <c r="E3592">
        <v>7370.08</v>
      </c>
      <c r="F3592">
        <v>10800</v>
      </c>
      <c r="G3592">
        <v>19955.900000000001</v>
      </c>
      <c r="H3592">
        <v>3.59843</v>
      </c>
      <c r="I3592">
        <v>20452.599999999999</v>
      </c>
      <c r="J3592">
        <v>108.30200000000001</v>
      </c>
    </row>
    <row r="3593" spans="1:10" x14ac:dyDescent="0.25">
      <c r="A3593">
        <v>25</v>
      </c>
      <c r="B3593">
        <v>109.864</v>
      </c>
      <c r="C3593">
        <v>118.369</v>
      </c>
      <c r="D3593">
        <v>190</v>
      </c>
      <c r="E3593">
        <v>10091.299999999999</v>
      </c>
      <c r="F3593">
        <v>10800</v>
      </c>
      <c r="G3593">
        <v>19955.900000000001</v>
      </c>
      <c r="H3593">
        <v>2.0629900000000001</v>
      </c>
      <c r="I3593">
        <v>24295.7</v>
      </c>
      <c r="J3593">
        <v>31.9605</v>
      </c>
    </row>
    <row r="3594" spans="1:10" x14ac:dyDescent="0.25">
      <c r="A3594">
        <v>25</v>
      </c>
      <c r="B3594">
        <v>109.155</v>
      </c>
      <c r="C3594">
        <v>124.96599999999999</v>
      </c>
      <c r="D3594">
        <v>189.68700000000001</v>
      </c>
      <c r="E3594">
        <v>10091.299999999999</v>
      </c>
      <c r="F3594">
        <v>10800</v>
      </c>
      <c r="G3594">
        <v>19955.900000000001</v>
      </c>
      <c r="H3594">
        <v>3.90551</v>
      </c>
      <c r="I3594">
        <v>24619</v>
      </c>
      <c r="J3594">
        <v>30.234200000000001</v>
      </c>
    </row>
    <row r="3595" spans="1:10" x14ac:dyDescent="0.25">
      <c r="A3595">
        <v>25</v>
      </c>
      <c r="B3595">
        <v>108.68300000000001</v>
      </c>
      <c r="C3595">
        <v>124.652</v>
      </c>
      <c r="D3595">
        <v>189.68700000000001</v>
      </c>
      <c r="E3595">
        <v>7370.08</v>
      </c>
      <c r="F3595">
        <v>10800</v>
      </c>
      <c r="G3595">
        <v>22677.200000000001</v>
      </c>
      <c r="H3595">
        <v>3.9527600000000001</v>
      </c>
      <c r="I3595">
        <v>20694.900000000001</v>
      </c>
      <c r="J3595">
        <v>109.077</v>
      </c>
    </row>
    <row r="3596" spans="1:10" x14ac:dyDescent="0.25">
      <c r="A3596">
        <v>25</v>
      </c>
      <c r="B3596">
        <v>109.155</v>
      </c>
      <c r="C3596">
        <v>128.73599999999999</v>
      </c>
      <c r="D3596">
        <v>190</v>
      </c>
      <c r="E3596">
        <v>7285.04</v>
      </c>
      <c r="F3596">
        <v>10800</v>
      </c>
      <c r="G3596">
        <v>19955.900000000001</v>
      </c>
      <c r="H3596">
        <v>4</v>
      </c>
      <c r="I3596">
        <v>20486.599999999999</v>
      </c>
      <c r="J3596">
        <v>124.735</v>
      </c>
    </row>
    <row r="3597" spans="1:10" x14ac:dyDescent="0.25">
      <c r="A3597">
        <v>25</v>
      </c>
      <c r="B3597">
        <v>108.919</v>
      </c>
      <c r="C3597">
        <v>119.625</v>
      </c>
      <c r="D3597">
        <v>189.37299999999999</v>
      </c>
      <c r="E3597">
        <v>7370.08</v>
      </c>
      <c r="F3597">
        <v>10800</v>
      </c>
      <c r="G3597">
        <v>20976.400000000001</v>
      </c>
      <c r="H3597">
        <v>3.9527600000000001</v>
      </c>
      <c r="I3597">
        <v>20192.7</v>
      </c>
      <c r="J3597">
        <v>44.0426</v>
      </c>
    </row>
    <row r="3598" spans="1:10" x14ac:dyDescent="0.25">
      <c r="A3598">
        <v>25</v>
      </c>
      <c r="B3598">
        <v>94.981899999999996</v>
      </c>
      <c r="C3598">
        <v>128.108</v>
      </c>
      <c r="D3598">
        <v>189.06</v>
      </c>
      <c r="E3598">
        <v>7370.08</v>
      </c>
      <c r="F3598">
        <v>10800</v>
      </c>
      <c r="G3598">
        <v>19955.900000000001</v>
      </c>
      <c r="H3598">
        <v>2.4409399999999999</v>
      </c>
      <c r="I3598">
        <v>21258.5</v>
      </c>
      <c r="J3598">
        <v>117.134</v>
      </c>
    </row>
    <row r="3599" spans="1:10" x14ac:dyDescent="0.25">
      <c r="A3599">
        <v>25</v>
      </c>
      <c r="B3599">
        <v>110.1</v>
      </c>
      <c r="C3599">
        <v>122.767</v>
      </c>
      <c r="D3599">
        <v>189.68700000000001</v>
      </c>
      <c r="E3599">
        <v>7370.08</v>
      </c>
      <c r="F3599">
        <v>11055.1</v>
      </c>
      <c r="G3599">
        <v>19785.8</v>
      </c>
      <c r="H3599">
        <v>1.4960599999999999</v>
      </c>
      <c r="I3599">
        <v>22794.3</v>
      </c>
      <c r="J3599">
        <v>81.721100000000007</v>
      </c>
    </row>
    <row r="3600" spans="1:10" x14ac:dyDescent="0.25">
      <c r="A3600">
        <v>25</v>
      </c>
      <c r="B3600">
        <v>109.864</v>
      </c>
      <c r="C3600">
        <v>122.767</v>
      </c>
      <c r="D3600">
        <v>189.37299999999999</v>
      </c>
      <c r="E3600">
        <v>7370.08</v>
      </c>
      <c r="F3600">
        <v>12840.9</v>
      </c>
      <c r="G3600">
        <v>19955.900000000001</v>
      </c>
      <c r="H3600">
        <v>3.10236</v>
      </c>
      <c r="I3600">
        <v>23591.200000000001</v>
      </c>
      <c r="J3600">
        <v>28.354199999999999</v>
      </c>
    </row>
    <row r="3601" spans="1:10" x14ac:dyDescent="0.25">
      <c r="A3601">
        <v>25</v>
      </c>
      <c r="B3601">
        <v>110.1</v>
      </c>
      <c r="C3601">
        <v>123.395</v>
      </c>
      <c r="D3601">
        <v>189.37299999999999</v>
      </c>
      <c r="E3601">
        <v>7370.08</v>
      </c>
      <c r="F3601">
        <v>10800</v>
      </c>
      <c r="G3601">
        <v>18595.3</v>
      </c>
      <c r="H3601">
        <v>3.10236</v>
      </c>
      <c r="I3601">
        <v>21051.9</v>
      </c>
      <c r="J3601">
        <v>24.819800000000001</v>
      </c>
    </row>
    <row r="3602" spans="1:10" x14ac:dyDescent="0.25">
      <c r="A3602">
        <v>25</v>
      </c>
      <c r="B3602">
        <v>109.864</v>
      </c>
      <c r="C3602">
        <v>122.767</v>
      </c>
      <c r="D3602">
        <v>190</v>
      </c>
      <c r="E3602">
        <v>7370.08</v>
      </c>
      <c r="F3602">
        <v>10800</v>
      </c>
      <c r="G3602">
        <v>19785.8</v>
      </c>
      <c r="H3602">
        <v>3.00787</v>
      </c>
      <c r="I3602">
        <v>20595</v>
      </c>
      <c r="J3602">
        <v>25.9528</v>
      </c>
    </row>
    <row r="3603" spans="1:10" x14ac:dyDescent="0.25">
      <c r="A3603">
        <v>25</v>
      </c>
      <c r="B3603">
        <v>110.1</v>
      </c>
      <c r="C3603">
        <v>119.625</v>
      </c>
      <c r="D3603">
        <v>189.06</v>
      </c>
      <c r="E3603">
        <v>8730.7099999999991</v>
      </c>
      <c r="F3603">
        <v>10800</v>
      </c>
      <c r="G3603">
        <v>19955.900000000001</v>
      </c>
      <c r="H3603">
        <v>1.5669299999999999</v>
      </c>
      <c r="I3603">
        <v>23517.8</v>
      </c>
      <c r="J3603">
        <v>18.171800000000001</v>
      </c>
    </row>
    <row r="3604" spans="1:10" x14ac:dyDescent="0.25">
      <c r="A3604">
        <v>25</v>
      </c>
      <c r="B3604">
        <v>108.446</v>
      </c>
      <c r="C3604">
        <v>118.369</v>
      </c>
      <c r="D3604">
        <v>190</v>
      </c>
      <c r="E3604">
        <v>10431.5</v>
      </c>
      <c r="F3604">
        <v>10800</v>
      </c>
      <c r="G3604">
        <v>18595.3</v>
      </c>
      <c r="H3604">
        <v>1.3070900000000001</v>
      </c>
      <c r="I3604">
        <v>25969.8</v>
      </c>
      <c r="J3604">
        <v>17.733799999999999</v>
      </c>
    </row>
    <row r="3605" spans="1:10" x14ac:dyDescent="0.25">
      <c r="A3605">
        <v>25</v>
      </c>
      <c r="B3605">
        <v>109.155</v>
      </c>
      <c r="C3605">
        <v>124.96599999999999</v>
      </c>
      <c r="D3605">
        <v>189.37299999999999</v>
      </c>
      <c r="E3605">
        <v>7370.08</v>
      </c>
      <c r="F3605">
        <v>10800</v>
      </c>
      <c r="G3605">
        <v>19955.900000000001</v>
      </c>
      <c r="H3605">
        <v>3.9527600000000001</v>
      </c>
      <c r="I3605">
        <v>20375.400000000001</v>
      </c>
      <c r="J3605">
        <v>31.865400000000001</v>
      </c>
    </row>
    <row r="3606" spans="1:10" x14ac:dyDescent="0.25">
      <c r="A3606">
        <v>25</v>
      </c>
      <c r="B3606">
        <v>110.1</v>
      </c>
      <c r="C3606">
        <v>119.625</v>
      </c>
      <c r="D3606">
        <v>189.06</v>
      </c>
      <c r="E3606">
        <v>8730.7099999999991</v>
      </c>
      <c r="F3606">
        <v>10800</v>
      </c>
      <c r="G3606">
        <v>19955.900000000001</v>
      </c>
      <c r="H3606">
        <v>1.5669299999999999</v>
      </c>
      <c r="I3606">
        <v>23517.8</v>
      </c>
      <c r="J3606">
        <v>18.171800000000001</v>
      </c>
    </row>
    <row r="3607" spans="1:10" x14ac:dyDescent="0.25">
      <c r="A3607">
        <v>25</v>
      </c>
      <c r="B3607">
        <v>110.1</v>
      </c>
      <c r="C3607">
        <v>123.395</v>
      </c>
      <c r="D3607">
        <v>189.68700000000001</v>
      </c>
      <c r="E3607">
        <v>7370.08</v>
      </c>
      <c r="F3607">
        <v>10800</v>
      </c>
      <c r="G3607">
        <v>19955.900000000001</v>
      </c>
      <c r="H3607">
        <v>3.10236</v>
      </c>
      <c r="I3607">
        <v>21051.4</v>
      </c>
      <c r="J3607">
        <v>24.819800000000001</v>
      </c>
    </row>
    <row r="3608" spans="1:10" x14ac:dyDescent="0.25">
      <c r="A3608">
        <v>25</v>
      </c>
      <c r="B3608">
        <v>110.1</v>
      </c>
      <c r="C3608">
        <v>119.625</v>
      </c>
      <c r="D3608">
        <v>189.06</v>
      </c>
      <c r="E3608">
        <v>8730.7099999999991</v>
      </c>
      <c r="F3608">
        <v>10800</v>
      </c>
      <c r="G3608">
        <v>19955.900000000001</v>
      </c>
      <c r="H3608">
        <v>1.5669299999999999</v>
      </c>
      <c r="I3608">
        <v>23517.8</v>
      </c>
      <c r="J3608">
        <v>18.171800000000001</v>
      </c>
    </row>
    <row r="3609" spans="1:10" x14ac:dyDescent="0.25">
      <c r="A3609">
        <v>25</v>
      </c>
      <c r="B3609">
        <v>109.155</v>
      </c>
      <c r="C3609">
        <v>124.96599999999999</v>
      </c>
      <c r="D3609">
        <v>189.68700000000001</v>
      </c>
      <c r="E3609">
        <v>7710.24</v>
      </c>
      <c r="F3609">
        <v>10800</v>
      </c>
      <c r="G3609">
        <v>19955.900000000001</v>
      </c>
      <c r="H3609">
        <v>2.4881899999999999</v>
      </c>
      <c r="I3609">
        <v>21364.7</v>
      </c>
      <c r="J3609">
        <v>21.589400000000001</v>
      </c>
    </row>
    <row r="3610" spans="1:10" x14ac:dyDescent="0.25">
      <c r="A3610">
        <v>25</v>
      </c>
      <c r="B3610">
        <v>110.1</v>
      </c>
      <c r="C3610">
        <v>123.395</v>
      </c>
      <c r="D3610">
        <v>189.68700000000001</v>
      </c>
      <c r="E3610">
        <v>7370.08</v>
      </c>
      <c r="F3610">
        <v>10800</v>
      </c>
      <c r="G3610">
        <v>18595.3</v>
      </c>
      <c r="H3610">
        <v>1.6377999999999999</v>
      </c>
      <c r="I3610">
        <v>21937</v>
      </c>
      <c r="J3610">
        <v>20.6646</v>
      </c>
    </row>
    <row r="3611" spans="1:10" x14ac:dyDescent="0.25">
      <c r="A3611">
        <v>25</v>
      </c>
      <c r="B3611">
        <v>109.39100000000001</v>
      </c>
      <c r="C3611">
        <v>124.652</v>
      </c>
      <c r="D3611">
        <v>189.06</v>
      </c>
      <c r="E3611">
        <v>7710.24</v>
      </c>
      <c r="F3611">
        <v>10800</v>
      </c>
      <c r="G3611">
        <v>18595.3</v>
      </c>
      <c r="H3611">
        <v>2.4881899999999999</v>
      </c>
      <c r="I3611">
        <v>21359.200000000001</v>
      </c>
      <c r="J3611">
        <v>21.663699999999999</v>
      </c>
    </row>
    <row r="3612" spans="1:10" x14ac:dyDescent="0.25">
      <c r="A3612">
        <v>25</v>
      </c>
      <c r="B3612">
        <v>110.1</v>
      </c>
      <c r="C3612">
        <v>123.709</v>
      </c>
      <c r="D3612">
        <v>189.37299999999999</v>
      </c>
      <c r="E3612">
        <v>7370.08</v>
      </c>
      <c r="F3612">
        <v>10800</v>
      </c>
      <c r="G3612">
        <v>19955.900000000001</v>
      </c>
      <c r="H3612">
        <v>4</v>
      </c>
      <c r="I3612">
        <v>20088.599999999999</v>
      </c>
      <c r="J3612">
        <v>84.924499999999995</v>
      </c>
    </row>
    <row r="3613" spans="1:10" x14ac:dyDescent="0.25">
      <c r="A3613">
        <v>25</v>
      </c>
      <c r="B3613">
        <v>102.777</v>
      </c>
      <c r="C3613">
        <v>123.081</v>
      </c>
      <c r="D3613">
        <v>182.47900000000001</v>
      </c>
      <c r="E3613">
        <v>7200</v>
      </c>
      <c r="F3613">
        <v>10800</v>
      </c>
      <c r="G3613">
        <v>19955.900000000001</v>
      </c>
      <c r="H3613">
        <v>3.7637800000000001</v>
      </c>
      <c r="I3613">
        <v>20089.900000000001</v>
      </c>
      <c r="J3613">
        <v>33.581899999999997</v>
      </c>
    </row>
    <row r="3614" spans="1:10" x14ac:dyDescent="0.25">
      <c r="A3614">
        <v>25</v>
      </c>
      <c r="B3614">
        <v>105.848</v>
      </c>
      <c r="C3614">
        <v>114.913</v>
      </c>
      <c r="D3614">
        <v>189.06</v>
      </c>
      <c r="E3614">
        <v>7710.24</v>
      </c>
      <c r="F3614">
        <v>14881.9</v>
      </c>
      <c r="G3614">
        <v>22677.200000000001</v>
      </c>
      <c r="H3614">
        <v>1.09449</v>
      </c>
      <c r="I3614">
        <v>28153.9</v>
      </c>
      <c r="J3614">
        <v>16.915900000000001</v>
      </c>
    </row>
    <row r="3615" spans="1:10" x14ac:dyDescent="0.25">
      <c r="A3615">
        <v>25</v>
      </c>
      <c r="B3615">
        <v>110.1</v>
      </c>
      <c r="C3615">
        <v>123.395</v>
      </c>
      <c r="D3615">
        <v>189.06</v>
      </c>
      <c r="E3615">
        <v>7710.24</v>
      </c>
      <c r="F3615">
        <v>10800</v>
      </c>
      <c r="G3615">
        <v>19955.900000000001</v>
      </c>
      <c r="H3615">
        <v>1.6377999999999999</v>
      </c>
      <c r="I3615">
        <v>22282.799999999999</v>
      </c>
      <c r="J3615">
        <v>20.198799999999999</v>
      </c>
    </row>
    <row r="3616" spans="1:10" x14ac:dyDescent="0.25">
      <c r="A3616">
        <v>25</v>
      </c>
      <c r="B3616">
        <v>102.777</v>
      </c>
      <c r="C3616">
        <v>123.081</v>
      </c>
      <c r="D3616">
        <v>182.47900000000001</v>
      </c>
      <c r="E3616">
        <v>7200</v>
      </c>
      <c r="F3616">
        <v>10800</v>
      </c>
      <c r="G3616">
        <v>19955.900000000001</v>
      </c>
      <c r="H3616">
        <v>3.7637800000000001</v>
      </c>
      <c r="I3616">
        <v>20089.900000000001</v>
      </c>
      <c r="J3616">
        <v>33.581899999999997</v>
      </c>
    </row>
    <row r="3617" spans="1:10" x14ac:dyDescent="0.25">
      <c r="A3617">
        <v>25</v>
      </c>
      <c r="B3617">
        <v>102.777</v>
      </c>
      <c r="C3617">
        <v>123.081</v>
      </c>
      <c r="D3617">
        <v>182.47900000000001</v>
      </c>
      <c r="E3617">
        <v>7200</v>
      </c>
      <c r="F3617">
        <v>10800</v>
      </c>
      <c r="G3617">
        <v>19955.900000000001</v>
      </c>
      <c r="H3617">
        <v>3.7637800000000001</v>
      </c>
      <c r="I3617">
        <v>20089.900000000001</v>
      </c>
      <c r="J3617">
        <v>33.581899999999997</v>
      </c>
    </row>
    <row r="3618" spans="1:10" x14ac:dyDescent="0.25">
      <c r="A3618">
        <v>25</v>
      </c>
      <c r="B3618">
        <v>110.1</v>
      </c>
      <c r="C3618">
        <v>123.395</v>
      </c>
      <c r="D3618">
        <v>189.06</v>
      </c>
      <c r="E3618">
        <v>7710.24</v>
      </c>
      <c r="F3618">
        <v>10800</v>
      </c>
      <c r="G3618">
        <v>19955.900000000001</v>
      </c>
      <c r="H3618">
        <v>1.6377999999999999</v>
      </c>
      <c r="I3618">
        <v>22282.799999999999</v>
      </c>
      <c r="J3618">
        <v>20.198799999999999</v>
      </c>
    </row>
    <row r="3619" spans="1:10" x14ac:dyDescent="0.25">
      <c r="A3619">
        <v>25</v>
      </c>
      <c r="B3619">
        <v>102.777</v>
      </c>
      <c r="C3619">
        <v>123.081</v>
      </c>
      <c r="D3619">
        <v>182.47900000000001</v>
      </c>
      <c r="E3619">
        <v>7200</v>
      </c>
      <c r="F3619">
        <v>10800</v>
      </c>
      <c r="G3619">
        <v>19955.900000000001</v>
      </c>
      <c r="H3619">
        <v>3.7637800000000001</v>
      </c>
      <c r="I3619">
        <v>20089.900000000001</v>
      </c>
      <c r="J3619">
        <v>33.581899999999997</v>
      </c>
    </row>
    <row r="3620" spans="1:10" x14ac:dyDescent="0.25">
      <c r="A3620">
        <v>25</v>
      </c>
      <c r="B3620">
        <v>102.777</v>
      </c>
      <c r="C3620">
        <v>123.081</v>
      </c>
      <c r="D3620">
        <v>182.47900000000001</v>
      </c>
      <c r="E3620">
        <v>7200</v>
      </c>
      <c r="F3620">
        <v>10800</v>
      </c>
      <c r="G3620">
        <v>19955.900000000001</v>
      </c>
      <c r="H3620">
        <v>3.7637800000000001</v>
      </c>
      <c r="I3620">
        <v>20089.900000000001</v>
      </c>
      <c r="J3620">
        <v>33.581899999999997</v>
      </c>
    </row>
    <row r="3621" spans="1:10" x14ac:dyDescent="0.25">
      <c r="A3621">
        <v>25</v>
      </c>
      <c r="B3621">
        <v>108.446</v>
      </c>
      <c r="C3621">
        <v>118.369</v>
      </c>
      <c r="D3621">
        <v>190</v>
      </c>
      <c r="E3621">
        <v>10431.5</v>
      </c>
      <c r="F3621">
        <v>10800</v>
      </c>
      <c r="G3621">
        <v>19955.900000000001</v>
      </c>
      <c r="H3621">
        <v>1.1181099999999999</v>
      </c>
      <c r="I3621">
        <v>26815.1</v>
      </c>
      <c r="J3621">
        <v>17.5837</v>
      </c>
    </row>
    <row r="3622" spans="1:10" x14ac:dyDescent="0.25">
      <c r="A3622">
        <v>25</v>
      </c>
      <c r="B3622">
        <v>108.919</v>
      </c>
      <c r="C3622">
        <v>118.369</v>
      </c>
      <c r="D3622">
        <v>190</v>
      </c>
      <c r="E3622">
        <v>10431.5</v>
      </c>
      <c r="F3622">
        <v>10800</v>
      </c>
      <c r="G3622">
        <v>19955.900000000001</v>
      </c>
      <c r="H3622">
        <v>1.4960599999999999</v>
      </c>
      <c r="I3622">
        <v>25563</v>
      </c>
      <c r="J3622">
        <v>18.1692</v>
      </c>
    </row>
    <row r="3623" spans="1:10" x14ac:dyDescent="0.25">
      <c r="A3623">
        <v>25</v>
      </c>
      <c r="B3623">
        <v>110.1</v>
      </c>
      <c r="C3623">
        <v>123.395</v>
      </c>
      <c r="D3623">
        <v>189.06</v>
      </c>
      <c r="E3623">
        <v>7370.08</v>
      </c>
      <c r="F3623">
        <v>10800</v>
      </c>
      <c r="G3623">
        <v>21316.5</v>
      </c>
      <c r="H3623">
        <v>3.0787399999999998</v>
      </c>
      <c r="I3623">
        <v>21028.799999999999</v>
      </c>
      <c r="J3623">
        <v>25.227799999999998</v>
      </c>
    </row>
    <row r="3624" spans="1:10" x14ac:dyDescent="0.25">
      <c r="A3624">
        <v>25</v>
      </c>
      <c r="B3624">
        <v>110.1</v>
      </c>
      <c r="C3624">
        <v>123.395</v>
      </c>
      <c r="D3624">
        <v>189.06</v>
      </c>
      <c r="E3624">
        <v>7710.24</v>
      </c>
      <c r="F3624">
        <v>10800</v>
      </c>
      <c r="G3624">
        <v>19955.900000000001</v>
      </c>
      <c r="H3624">
        <v>1.6377999999999999</v>
      </c>
      <c r="I3624">
        <v>22282.799999999999</v>
      </c>
      <c r="J3624">
        <v>20.198799999999999</v>
      </c>
    </row>
    <row r="3625" spans="1:10" x14ac:dyDescent="0.25">
      <c r="A3625">
        <v>25</v>
      </c>
      <c r="B3625">
        <v>106.79300000000001</v>
      </c>
      <c r="C3625">
        <v>124.024</v>
      </c>
      <c r="D3625">
        <v>184.04599999999999</v>
      </c>
      <c r="E3625">
        <v>10516.5</v>
      </c>
      <c r="F3625">
        <v>19984.3</v>
      </c>
      <c r="G3625">
        <v>20636.2</v>
      </c>
      <c r="H3625">
        <v>2.25197</v>
      </c>
      <c r="I3625">
        <v>36430.5</v>
      </c>
      <c r="J3625">
        <v>16.778199999999998</v>
      </c>
    </row>
    <row r="3626" spans="1:10" x14ac:dyDescent="0.25">
      <c r="A3626">
        <v>25</v>
      </c>
      <c r="B3626">
        <v>102.777</v>
      </c>
      <c r="C3626">
        <v>123.081</v>
      </c>
      <c r="D3626">
        <v>182.47900000000001</v>
      </c>
      <c r="E3626">
        <v>7200</v>
      </c>
      <c r="F3626">
        <v>10800</v>
      </c>
      <c r="G3626">
        <v>19955.900000000001</v>
      </c>
      <c r="H3626">
        <v>3.7637800000000001</v>
      </c>
      <c r="I3626">
        <v>20089.900000000001</v>
      </c>
      <c r="J3626">
        <v>33.581899999999997</v>
      </c>
    </row>
    <row r="3627" spans="1:10" x14ac:dyDescent="0.25">
      <c r="A3627">
        <v>25</v>
      </c>
      <c r="B3627">
        <v>110.1</v>
      </c>
      <c r="C3627">
        <v>123.395</v>
      </c>
      <c r="D3627">
        <v>189.06</v>
      </c>
      <c r="E3627">
        <v>7370.08</v>
      </c>
      <c r="F3627">
        <v>10800</v>
      </c>
      <c r="G3627">
        <v>21316.5</v>
      </c>
      <c r="H3627">
        <v>3.0787399999999998</v>
      </c>
      <c r="I3627">
        <v>21028.799999999999</v>
      </c>
      <c r="J3627">
        <v>25.227799999999998</v>
      </c>
    </row>
    <row r="3628" spans="1:10" x14ac:dyDescent="0.25">
      <c r="A3628">
        <v>25</v>
      </c>
      <c r="B3628">
        <v>108.446</v>
      </c>
      <c r="C3628">
        <v>118.369</v>
      </c>
      <c r="D3628">
        <v>190</v>
      </c>
      <c r="E3628">
        <v>10431.5</v>
      </c>
      <c r="F3628">
        <v>10800</v>
      </c>
      <c r="G3628">
        <v>19955.900000000001</v>
      </c>
      <c r="H3628">
        <v>1.1181099999999999</v>
      </c>
      <c r="I3628">
        <v>26815.1</v>
      </c>
      <c r="J3628">
        <v>17.5837</v>
      </c>
    </row>
    <row r="3629" spans="1:10" x14ac:dyDescent="0.25">
      <c r="A3629">
        <v>25</v>
      </c>
      <c r="B3629">
        <v>108.446</v>
      </c>
      <c r="C3629">
        <v>118.369</v>
      </c>
      <c r="D3629">
        <v>190</v>
      </c>
      <c r="E3629">
        <v>10431.5</v>
      </c>
      <c r="F3629">
        <v>10800</v>
      </c>
      <c r="G3629">
        <v>19955.900000000001</v>
      </c>
      <c r="H3629">
        <v>1.1181099999999999</v>
      </c>
      <c r="I3629">
        <v>26815.1</v>
      </c>
      <c r="J3629">
        <v>17.5837</v>
      </c>
    </row>
    <row r="3630" spans="1:10" x14ac:dyDescent="0.25">
      <c r="A3630">
        <v>25</v>
      </c>
      <c r="B3630">
        <v>110.1</v>
      </c>
      <c r="C3630">
        <v>123.395</v>
      </c>
      <c r="D3630">
        <v>189.06</v>
      </c>
      <c r="E3630">
        <v>7710.24</v>
      </c>
      <c r="F3630">
        <v>10800</v>
      </c>
      <c r="G3630">
        <v>19955.900000000001</v>
      </c>
      <c r="H3630">
        <v>1.6377999999999999</v>
      </c>
      <c r="I3630">
        <v>22282.799999999999</v>
      </c>
      <c r="J3630">
        <v>20.198799999999999</v>
      </c>
    </row>
    <row r="3631" spans="1:10" x14ac:dyDescent="0.25">
      <c r="A3631">
        <v>25</v>
      </c>
      <c r="B3631">
        <v>102.777</v>
      </c>
      <c r="C3631">
        <v>123.081</v>
      </c>
      <c r="D3631">
        <v>182.47900000000001</v>
      </c>
      <c r="E3631">
        <v>7200</v>
      </c>
      <c r="F3631">
        <v>10800</v>
      </c>
      <c r="G3631">
        <v>19955.900000000001</v>
      </c>
      <c r="H3631">
        <v>3.7637800000000001</v>
      </c>
      <c r="I3631">
        <v>20089.900000000001</v>
      </c>
      <c r="J3631">
        <v>33.581899999999997</v>
      </c>
    </row>
    <row r="3632" spans="1:10" x14ac:dyDescent="0.25">
      <c r="A3632">
        <v>25</v>
      </c>
      <c r="B3632">
        <v>102.777</v>
      </c>
      <c r="C3632">
        <v>123.081</v>
      </c>
      <c r="D3632">
        <v>182.47900000000001</v>
      </c>
      <c r="E3632">
        <v>7200</v>
      </c>
      <c r="F3632">
        <v>10800</v>
      </c>
      <c r="G3632">
        <v>19955.900000000001</v>
      </c>
      <c r="H3632">
        <v>3.7637800000000001</v>
      </c>
      <c r="I3632">
        <v>20089.900000000001</v>
      </c>
      <c r="J3632">
        <v>33.581899999999997</v>
      </c>
    </row>
    <row r="3633" spans="1:10" x14ac:dyDescent="0.25">
      <c r="A3633">
        <v>25</v>
      </c>
      <c r="B3633">
        <v>110.1</v>
      </c>
      <c r="C3633">
        <v>123.395</v>
      </c>
      <c r="D3633">
        <v>189.06</v>
      </c>
      <c r="E3633">
        <v>7710.24</v>
      </c>
      <c r="F3633">
        <v>10800</v>
      </c>
      <c r="G3633">
        <v>19955.900000000001</v>
      </c>
      <c r="H3633">
        <v>1.6377999999999999</v>
      </c>
      <c r="I3633">
        <v>22282.799999999999</v>
      </c>
      <c r="J3633">
        <v>20.198799999999999</v>
      </c>
    </row>
    <row r="3634" spans="1:10" x14ac:dyDescent="0.25">
      <c r="A3634">
        <v>25</v>
      </c>
      <c r="B3634">
        <v>110.1</v>
      </c>
      <c r="C3634">
        <v>119.625</v>
      </c>
      <c r="D3634">
        <v>189.06</v>
      </c>
      <c r="E3634">
        <v>8730.7099999999991</v>
      </c>
      <c r="F3634">
        <v>10800</v>
      </c>
      <c r="G3634">
        <v>19955.900000000001</v>
      </c>
      <c r="H3634">
        <v>1.5669299999999999</v>
      </c>
      <c r="I3634">
        <v>23517.8</v>
      </c>
      <c r="J3634">
        <v>18.171800000000001</v>
      </c>
    </row>
    <row r="3635" spans="1:10" x14ac:dyDescent="0.25">
      <c r="A3635">
        <v>25</v>
      </c>
      <c r="B3635">
        <v>102.777</v>
      </c>
      <c r="C3635">
        <v>123.081</v>
      </c>
      <c r="D3635">
        <v>182.47900000000001</v>
      </c>
      <c r="E3635">
        <v>7200</v>
      </c>
      <c r="F3635">
        <v>10800</v>
      </c>
      <c r="G3635">
        <v>19955.900000000001</v>
      </c>
      <c r="H3635">
        <v>3.7637800000000001</v>
      </c>
      <c r="I3635">
        <v>20089.900000000001</v>
      </c>
      <c r="J3635">
        <v>33.581899999999997</v>
      </c>
    </row>
    <row r="3636" spans="1:10" x14ac:dyDescent="0.25">
      <c r="A3636">
        <v>25</v>
      </c>
      <c r="B3636">
        <v>110.1</v>
      </c>
      <c r="C3636">
        <v>123.395</v>
      </c>
      <c r="D3636">
        <v>189.06</v>
      </c>
      <c r="E3636">
        <v>7710.24</v>
      </c>
      <c r="F3636">
        <v>10800</v>
      </c>
      <c r="G3636">
        <v>19955.900000000001</v>
      </c>
      <c r="H3636">
        <v>1.6377999999999999</v>
      </c>
      <c r="I3636">
        <v>22282.799999999999</v>
      </c>
      <c r="J3636">
        <v>20.198799999999999</v>
      </c>
    </row>
    <row r="3637" spans="1:10" x14ac:dyDescent="0.25">
      <c r="A3637">
        <v>25</v>
      </c>
      <c r="B3637">
        <v>110.1</v>
      </c>
      <c r="C3637">
        <v>123.395</v>
      </c>
      <c r="D3637">
        <v>189.06</v>
      </c>
      <c r="E3637">
        <v>7710.24</v>
      </c>
      <c r="F3637">
        <v>10800</v>
      </c>
      <c r="G3637">
        <v>19955.900000000001</v>
      </c>
      <c r="H3637">
        <v>1.6377999999999999</v>
      </c>
      <c r="I3637">
        <v>22282.799999999999</v>
      </c>
      <c r="J3637">
        <v>20.198799999999999</v>
      </c>
    </row>
    <row r="3638" spans="1:10" x14ac:dyDescent="0.25">
      <c r="A3638">
        <v>25</v>
      </c>
      <c r="B3638">
        <v>108.446</v>
      </c>
      <c r="C3638">
        <v>117.74</v>
      </c>
      <c r="D3638">
        <v>189.68700000000001</v>
      </c>
      <c r="E3638">
        <v>9921.26</v>
      </c>
      <c r="F3638">
        <v>10800</v>
      </c>
      <c r="G3638">
        <v>18595.3</v>
      </c>
      <c r="H3638">
        <v>1.1653500000000001</v>
      </c>
      <c r="I3638">
        <v>25881.9</v>
      </c>
      <c r="J3638">
        <v>18.015799999999999</v>
      </c>
    </row>
    <row r="3639" spans="1:10" x14ac:dyDescent="0.25">
      <c r="A3639">
        <v>25</v>
      </c>
      <c r="B3639">
        <v>109.864</v>
      </c>
      <c r="C3639">
        <v>122.767</v>
      </c>
      <c r="D3639">
        <v>190</v>
      </c>
      <c r="E3639">
        <v>7370.08</v>
      </c>
      <c r="F3639">
        <v>10800</v>
      </c>
      <c r="G3639">
        <v>19785.8</v>
      </c>
      <c r="H3639">
        <v>3.00787</v>
      </c>
      <c r="I3639">
        <v>20595</v>
      </c>
      <c r="J3639">
        <v>25.9528</v>
      </c>
    </row>
    <row r="3640" spans="1:10" x14ac:dyDescent="0.25">
      <c r="A3640">
        <v>25</v>
      </c>
      <c r="B3640">
        <v>110.1</v>
      </c>
      <c r="C3640">
        <v>119.625</v>
      </c>
      <c r="D3640">
        <v>189.06</v>
      </c>
      <c r="E3640">
        <v>8730.7099999999991</v>
      </c>
      <c r="F3640">
        <v>10800</v>
      </c>
      <c r="G3640">
        <v>19955.900000000001</v>
      </c>
      <c r="H3640">
        <v>1.5669299999999999</v>
      </c>
      <c r="I3640">
        <v>23517.8</v>
      </c>
      <c r="J3640">
        <v>18.171800000000001</v>
      </c>
    </row>
    <row r="3641" spans="1:10" x14ac:dyDescent="0.25">
      <c r="A3641">
        <v>26</v>
      </c>
      <c r="B3641">
        <v>110.1</v>
      </c>
      <c r="C3641">
        <v>119.625</v>
      </c>
      <c r="D3641">
        <v>189.06</v>
      </c>
      <c r="E3641">
        <v>8730.7099999999991</v>
      </c>
      <c r="F3641">
        <v>10800</v>
      </c>
      <c r="G3641">
        <v>19955.900000000001</v>
      </c>
      <c r="H3641">
        <v>1.5669299999999999</v>
      </c>
      <c r="I3641">
        <v>23517.8</v>
      </c>
      <c r="J3641">
        <v>18.171800000000001</v>
      </c>
    </row>
    <row r="3642" spans="1:10" x14ac:dyDescent="0.25">
      <c r="A3642">
        <v>26</v>
      </c>
      <c r="B3642">
        <v>110.1</v>
      </c>
      <c r="C3642">
        <v>123.395</v>
      </c>
      <c r="D3642">
        <v>189.37299999999999</v>
      </c>
      <c r="E3642">
        <v>7370.08</v>
      </c>
      <c r="F3642">
        <v>10800</v>
      </c>
      <c r="G3642">
        <v>18595.3</v>
      </c>
      <c r="H3642">
        <v>3.10236</v>
      </c>
      <c r="I3642">
        <v>21051.9</v>
      </c>
      <c r="J3642">
        <v>24.819800000000001</v>
      </c>
    </row>
    <row r="3643" spans="1:10" x14ac:dyDescent="0.25">
      <c r="A3643">
        <v>26</v>
      </c>
      <c r="B3643">
        <v>108.919</v>
      </c>
      <c r="C3643">
        <v>119.625</v>
      </c>
      <c r="D3643">
        <v>190</v>
      </c>
      <c r="E3643">
        <v>10431.5</v>
      </c>
      <c r="F3643">
        <v>10800</v>
      </c>
      <c r="G3643">
        <v>19955.900000000001</v>
      </c>
      <c r="H3643">
        <v>1.7795300000000001</v>
      </c>
      <c r="I3643">
        <v>24777.5</v>
      </c>
      <c r="J3643">
        <v>20.3733</v>
      </c>
    </row>
    <row r="3644" spans="1:10" x14ac:dyDescent="0.25">
      <c r="A3644">
        <v>26</v>
      </c>
      <c r="B3644">
        <v>110.1</v>
      </c>
      <c r="C3644">
        <v>123.395</v>
      </c>
      <c r="D3644">
        <v>189.68700000000001</v>
      </c>
      <c r="E3644">
        <v>7370.08</v>
      </c>
      <c r="F3644">
        <v>10800</v>
      </c>
      <c r="G3644">
        <v>18595.3</v>
      </c>
      <c r="H3644">
        <v>1.6377999999999999</v>
      </c>
      <c r="I3644">
        <v>21937</v>
      </c>
      <c r="J3644">
        <v>20.6646</v>
      </c>
    </row>
    <row r="3645" spans="1:10" x14ac:dyDescent="0.25">
      <c r="A3645">
        <v>26</v>
      </c>
      <c r="B3645">
        <v>109.155</v>
      </c>
      <c r="C3645">
        <v>119.93899999999999</v>
      </c>
      <c r="D3645">
        <v>189.37299999999999</v>
      </c>
      <c r="E3645">
        <v>7370.08</v>
      </c>
      <c r="F3645">
        <v>10800</v>
      </c>
      <c r="G3645">
        <v>19615.7</v>
      </c>
      <c r="H3645">
        <v>3.9527600000000001</v>
      </c>
      <c r="I3645">
        <v>20161.099999999999</v>
      </c>
      <c r="J3645">
        <v>39.927700000000002</v>
      </c>
    </row>
    <row r="3646" spans="1:10" x14ac:dyDescent="0.25">
      <c r="A3646">
        <v>26</v>
      </c>
      <c r="B3646">
        <v>110.1</v>
      </c>
      <c r="C3646">
        <v>123.709</v>
      </c>
      <c r="D3646">
        <v>189.37299999999999</v>
      </c>
      <c r="E3646">
        <v>7370.08</v>
      </c>
      <c r="F3646">
        <v>10800</v>
      </c>
      <c r="G3646">
        <v>19955.900000000001</v>
      </c>
      <c r="H3646">
        <v>4</v>
      </c>
      <c r="I3646">
        <v>20088.599999999999</v>
      </c>
      <c r="J3646">
        <v>84.924499999999995</v>
      </c>
    </row>
    <row r="3647" spans="1:10" x14ac:dyDescent="0.25">
      <c r="A3647">
        <v>26</v>
      </c>
      <c r="B3647">
        <v>109.864</v>
      </c>
      <c r="C3647">
        <v>122.767</v>
      </c>
      <c r="D3647">
        <v>190</v>
      </c>
      <c r="E3647">
        <v>7370.08</v>
      </c>
      <c r="F3647">
        <v>10800</v>
      </c>
      <c r="G3647">
        <v>19785.8</v>
      </c>
      <c r="H3647">
        <v>3.00787</v>
      </c>
      <c r="I3647">
        <v>20595</v>
      </c>
      <c r="J3647">
        <v>25.9528</v>
      </c>
    </row>
    <row r="3648" spans="1:10" x14ac:dyDescent="0.25">
      <c r="A3648">
        <v>26</v>
      </c>
      <c r="B3648">
        <v>109.155</v>
      </c>
      <c r="C3648">
        <v>119.93899999999999</v>
      </c>
      <c r="D3648">
        <v>189.68700000000001</v>
      </c>
      <c r="E3648">
        <v>7370.08</v>
      </c>
      <c r="F3648">
        <v>10800</v>
      </c>
      <c r="G3648">
        <v>19955.900000000001</v>
      </c>
      <c r="H3648">
        <v>3.5748000000000002</v>
      </c>
      <c r="I3648">
        <v>20332</v>
      </c>
      <c r="J3648">
        <v>39.012599999999999</v>
      </c>
    </row>
    <row r="3649" spans="1:10" x14ac:dyDescent="0.25">
      <c r="A3649">
        <v>26</v>
      </c>
      <c r="B3649">
        <v>110.1</v>
      </c>
      <c r="C3649">
        <v>124.024</v>
      </c>
      <c r="D3649">
        <v>187.49299999999999</v>
      </c>
      <c r="E3649">
        <v>7370.08</v>
      </c>
      <c r="F3649">
        <v>10800</v>
      </c>
      <c r="G3649">
        <v>19955.900000000001</v>
      </c>
      <c r="H3649">
        <v>3.2440899999999999</v>
      </c>
      <c r="I3649">
        <v>20629.2</v>
      </c>
      <c r="J3649">
        <v>41.402299999999997</v>
      </c>
    </row>
    <row r="3650" spans="1:10" x14ac:dyDescent="0.25">
      <c r="A3650">
        <v>26</v>
      </c>
      <c r="B3650">
        <v>108.919</v>
      </c>
      <c r="C3650">
        <v>114.913</v>
      </c>
      <c r="D3650">
        <v>189.37299999999999</v>
      </c>
      <c r="E3650">
        <v>7710.24</v>
      </c>
      <c r="F3650">
        <v>11055.1</v>
      </c>
      <c r="G3650">
        <v>19785.8</v>
      </c>
      <c r="H3650">
        <v>2.3936999999999999</v>
      </c>
      <c r="I3650">
        <v>21836.400000000001</v>
      </c>
      <c r="J3650">
        <v>57.853700000000003</v>
      </c>
    </row>
    <row r="3651" spans="1:10" x14ac:dyDescent="0.25">
      <c r="A3651">
        <v>26</v>
      </c>
      <c r="B3651">
        <v>109.864</v>
      </c>
      <c r="C3651">
        <v>123.395</v>
      </c>
      <c r="D3651">
        <v>189.06</v>
      </c>
      <c r="E3651">
        <v>7370.08</v>
      </c>
      <c r="F3651">
        <v>11055.1</v>
      </c>
      <c r="G3651">
        <v>19955.900000000001</v>
      </c>
      <c r="H3651">
        <v>2.4409399999999999</v>
      </c>
      <c r="I3651">
        <v>22190.6</v>
      </c>
      <c r="J3651">
        <v>26.512899999999998</v>
      </c>
    </row>
    <row r="3652" spans="1:10" x14ac:dyDescent="0.25">
      <c r="A3652">
        <v>26</v>
      </c>
      <c r="B3652">
        <v>110.1</v>
      </c>
      <c r="C3652">
        <v>119.625</v>
      </c>
      <c r="D3652">
        <v>189.37299999999999</v>
      </c>
      <c r="E3652">
        <v>10431.5</v>
      </c>
      <c r="F3652">
        <v>10800</v>
      </c>
      <c r="G3652">
        <v>19955.900000000001</v>
      </c>
      <c r="H3652">
        <v>2.1338599999999999</v>
      </c>
      <c r="I3652">
        <v>25291.8</v>
      </c>
      <c r="J3652">
        <v>23.7654</v>
      </c>
    </row>
    <row r="3653" spans="1:10" x14ac:dyDescent="0.25">
      <c r="A3653">
        <v>26</v>
      </c>
      <c r="B3653">
        <v>108.919</v>
      </c>
      <c r="C3653">
        <v>119.625</v>
      </c>
      <c r="D3653">
        <v>189.37299999999999</v>
      </c>
      <c r="E3653">
        <v>7370.08</v>
      </c>
      <c r="F3653">
        <v>10800</v>
      </c>
      <c r="G3653">
        <v>19955.900000000001</v>
      </c>
      <c r="H3653">
        <v>3.3858299999999999</v>
      </c>
      <c r="I3653">
        <v>20394</v>
      </c>
      <c r="J3653">
        <v>40.435299999999998</v>
      </c>
    </row>
    <row r="3654" spans="1:10" x14ac:dyDescent="0.25">
      <c r="A3654">
        <v>26</v>
      </c>
      <c r="B3654">
        <v>109.864</v>
      </c>
      <c r="C3654">
        <v>124.652</v>
      </c>
      <c r="D3654">
        <v>189.68700000000001</v>
      </c>
      <c r="E3654">
        <v>10431.5</v>
      </c>
      <c r="F3654">
        <v>10800</v>
      </c>
      <c r="G3654">
        <v>18595.3</v>
      </c>
      <c r="H3654">
        <v>1.87402</v>
      </c>
      <c r="I3654">
        <v>25186.9</v>
      </c>
      <c r="J3654">
        <v>103.673</v>
      </c>
    </row>
    <row r="3655" spans="1:10" x14ac:dyDescent="0.25">
      <c r="A3655">
        <v>26</v>
      </c>
      <c r="B3655">
        <v>109.864</v>
      </c>
      <c r="C3655">
        <v>122.767</v>
      </c>
      <c r="D3655">
        <v>189.68700000000001</v>
      </c>
      <c r="E3655">
        <v>7370.08</v>
      </c>
      <c r="F3655">
        <v>10800</v>
      </c>
      <c r="G3655">
        <v>19955.900000000001</v>
      </c>
      <c r="H3655">
        <v>3.19685</v>
      </c>
      <c r="I3655">
        <v>20644.599999999999</v>
      </c>
      <c r="J3655">
        <v>28.685099999999998</v>
      </c>
    </row>
    <row r="3656" spans="1:10" x14ac:dyDescent="0.25">
      <c r="A3656">
        <v>26</v>
      </c>
      <c r="B3656">
        <v>109.155</v>
      </c>
      <c r="C3656">
        <v>124.652</v>
      </c>
      <c r="D3656">
        <v>189.68700000000001</v>
      </c>
      <c r="E3656">
        <v>7370.08</v>
      </c>
      <c r="F3656">
        <v>10800</v>
      </c>
      <c r="G3656">
        <v>18595.3</v>
      </c>
      <c r="H3656">
        <v>3.8582700000000001</v>
      </c>
      <c r="I3656">
        <v>20426.900000000001</v>
      </c>
      <c r="J3656">
        <v>33.091799999999999</v>
      </c>
    </row>
    <row r="3657" spans="1:10" x14ac:dyDescent="0.25">
      <c r="A3657">
        <v>26</v>
      </c>
      <c r="B3657">
        <v>110.1</v>
      </c>
      <c r="C3657">
        <v>118.369</v>
      </c>
      <c r="D3657">
        <v>189.37299999999999</v>
      </c>
      <c r="E3657">
        <v>7370.08</v>
      </c>
      <c r="F3657">
        <v>10800</v>
      </c>
      <c r="G3657">
        <v>20976.400000000001</v>
      </c>
      <c r="H3657">
        <v>3.8582700000000001</v>
      </c>
      <c r="I3657">
        <v>20293.8</v>
      </c>
      <c r="J3657">
        <v>42.5989</v>
      </c>
    </row>
    <row r="3658" spans="1:10" x14ac:dyDescent="0.25">
      <c r="A3658">
        <v>26</v>
      </c>
      <c r="B3658">
        <v>110.1</v>
      </c>
      <c r="C3658">
        <v>123.395</v>
      </c>
      <c r="D3658">
        <v>189.06</v>
      </c>
      <c r="E3658">
        <v>7370.08</v>
      </c>
      <c r="F3658">
        <v>10800</v>
      </c>
      <c r="G3658">
        <v>18595.3</v>
      </c>
      <c r="H3658">
        <v>3.10236</v>
      </c>
      <c r="I3658">
        <v>21052.400000000001</v>
      </c>
      <c r="J3658">
        <v>24.819800000000001</v>
      </c>
    </row>
    <row r="3659" spans="1:10" x14ac:dyDescent="0.25">
      <c r="A3659">
        <v>26</v>
      </c>
      <c r="B3659">
        <v>109.39100000000001</v>
      </c>
      <c r="C3659">
        <v>124.96599999999999</v>
      </c>
      <c r="D3659">
        <v>189.06</v>
      </c>
      <c r="E3659">
        <v>10431.5</v>
      </c>
      <c r="F3659">
        <v>11055.1</v>
      </c>
      <c r="G3659">
        <v>19955.900000000001</v>
      </c>
      <c r="H3659">
        <v>2.34646</v>
      </c>
      <c r="I3659">
        <v>24849.200000000001</v>
      </c>
      <c r="J3659">
        <v>108.822</v>
      </c>
    </row>
    <row r="3660" spans="1:10" x14ac:dyDescent="0.25">
      <c r="A3660">
        <v>26</v>
      </c>
      <c r="B3660">
        <v>110.1</v>
      </c>
      <c r="C3660">
        <v>129.99299999999999</v>
      </c>
      <c r="D3660">
        <v>189.06</v>
      </c>
      <c r="E3660">
        <v>7370.08</v>
      </c>
      <c r="F3660">
        <v>10800</v>
      </c>
      <c r="G3660">
        <v>18595.3</v>
      </c>
      <c r="H3660">
        <v>3.7637800000000001</v>
      </c>
      <c r="I3660">
        <v>20612</v>
      </c>
      <c r="J3660">
        <v>116.41800000000001</v>
      </c>
    </row>
    <row r="3661" spans="1:10" x14ac:dyDescent="0.25">
      <c r="A3661">
        <v>26</v>
      </c>
      <c r="B3661">
        <v>109.39100000000001</v>
      </c>
      <c r="C3661">
        <v>124.652</v>
      </c>
      <c r="D3661">
        <v>189.68700000000001</v>
      </c>
      <c r="E3661">
        <v>7710.24</v>
      </c>
      <c r="F3661">
        <v>10800</v>
      </c>
      <c r="G3661">
        <v>18595.3</v>
      </c>
      <c r="H3661">
        <v>2.3936999999999999</v>
      </c>
      <c r="I3661">
        <v>21832.1</v>
      </c>
      <c r="J3661">
        <v>105.887</v>
      </c>
    </row>
    <row r="3662" spans="1:10" x14ac:dyDescent="0.25">
      <c r="A3662">
        <v>26</v>
      </c>
      <c r="B3662">
        <v>110.1</v>
      </c>
      <c r="C3662">
        <v>123.395</v>
      </c>
      <c r="D3662">
        <v>189.06</v>
      </c>
      <c r="E3662">
        <v>7370.08</v>
      </c>
      <c r="F3662">
        <v>10800</v>
      </c>
      <c r="G3662">
        <v>18595.3</v>
      </c>
      <c r="H3662">
        <v>3.19685</v>
      </c>
      <c r="I3662">
        <v>20653.5</v>
      </c>
      <c r="J3662">
        <v>26.895900000000001</v>
      </c>
    </row>
    <row r="3663" spans="1:10" x14ac:dyDescent="0.25">
      <c r="A3663">
        <v>26</v>
      </c>
      <c r="B3663">
        <v>108.919</v>
      </c>
      <c r="C3663">
        <v>123.395</v>
      </c>
      <c r="D3663">
        <v>189.68700000000001</v>
      </c>
      <c r="E3663">
        <v>10431.5</v>
      </c>
      <c r="F3663">
        <v>10800</v>
      </c>
      <c r="G3663">
        <v>18595.3</v>
      </c>
      <c r="H3663">
        <v>2.20472</v>
      </c>
      <c r="I3663">
        <v>25221.200000000001</v>
      </c>
      <c r="J3663">
        <v>92.757800000000003</v>
      </c>
    </row>
    <row r="3664" spans="1:10" x14ac:dyDescent="0.25">
      <c r="A3664">
        <v>26</v>
      </c>
      <c r="B3664">
        <v>100.887</v>
      </c>
      <c r="C3664">
        <v>119.625</v>
      </c>
      <c r="D3664">
        <v>189.37299999999999</v>
      </c>
      <c r="E3664">
        <v>8730.7099999999991</v>
      </c>
      <c r="F3664">
        <v>10800</v>
      </c>
      <c r="G3664">
        <v>19955.900000000001</v>
      </c>
      <c r="H3664">
        <v>3.0787399999999998</v>
      </c>
      <c r="I3664">
        <v>22009</v>
      </c>
      <c r="J3664">
        <v>52.2179</v>
      </c>
    </row>
    <row r="3665" spans="1:10" x14ac:dyDescent="0.25">
      <c r="A3665">
        <v>26</v>
      </c>
      <c r="B3665">
        <v>109.155</v>
      </c>
      <c r="C3665">
        <v>122.767</v>
      </c>
      <c r="D3665">
        <v>190</v>
      </c>
      <c r="E3665">
        <v>7370.08</v>
      </c>
      <c r="F3665">
        <v>10800</v>
      </c>
      <c r="G3665">
        <v>18595.3</v>
      </c>
      <c r="H3665">
        <v>1.40157</v>
      </c>
      <c r="I3665">
        <v>22622</v>
      </c>
      <c r="J3665">
        <v>44.2532</v>
      </c>
    </row>
    <row r="3666" spans="1:10" x14ac:dyDescent="0.25">
      <c r="A3666">
        <v>26</v>
      </c>
      <c r="B3666">
        <v>110.1</v>
      </c>
      <c r="C3666">
        <v>113.65600000000001</v>
      </c>
      <c r="D3666">
        <v>190</v>
      </c>
      <c r="E3666">
        <v>7370.08</v>
      </c>
      <c r="F3666">
        <v>10800</v>
      </c>
      <c r="G3666">
        <v>18595.3</v>
      </c>
      <c r="H3666">
        <v>3.7637800000000001</v>
      </c>
      <c r="I3666">
        <v>20453</v>
      </c>
      <c r="J3666">
        <v>64.576400000000007</v>
      </c>
    </row>
    <row r="3667" spans="1:10" x14ac:dyDescent="0.25">
      <c r="A3667">
        <v>26</v>
      </c>
      <c r="B3667">
        <v>109.628</v>
      </c>
      <c r="C3667">
        <v>123.395</v>
      </c>
      <c r="D3667">
        <v>189.06</v>
      </c>
      <c r="E3667">
        <v>7710.24</v>
      </c>
      <c r="F3667">
        <v>10800</v>
      </c>
      <c r="G3667">
        <v>18595.3</v>
      </c>
      <c r="H3667">
        <v>1.73228</v>
      </c>
      <c r="I3667">
        <v>22312</v>
      </c>
      <c r="J3667">
        <v>54.517600000000002</v>
      </c>
    </row>
    <row r="3668" spans="1:10" x14ac:dyDescent="0.25">
      <c r="A3668">
        <v>26</v>
      </c>
      <c r="B3668">
        <v>109.864</v>
      </c>
      <c r="C3668">
        <v>129.05000000000001</v>
      </c>
      <c r="D3668">
        <v>189.68700000000001</v>
      </c>
      <c r="E3668">
        <v>10091.299999999999</v>
      </c>
      <c r="F3668">
        <v>10800</v>
      </c>
      <c r="G3668">
        <v>19785.8</v>
      </c>
      <c r="H3668">
        <v>3.7637800000000001</v>
      </c>
      <c r="I3668">
        <v>23401.7</v>
      </c>
      <c r="J3668">
        <v>118.858</v>
      </c>
    </row>
    <row r="3669" spans="1:10" x14ac:dyDescent="0.25">
      <c r="A3669">
        <v>26</v>
      </c>
      <c r="B3669">
        <v>108.919</v>
      </c>
      <c r="C3669">
        <v>119.625</v>
      </c>
      <c r="D3669">
        <v>189.37299999999999</v>
      </c>
      <c r="E3669">
        <v>7370.08</v>
      </c>
      <c r="F3669">
        <v>10800</v>
      </c>
      <c r="G3669">
        <v>20976.400000000001</v>
      </c>
      <c r="H3669">
        <v>3.9527600000000001</v>
      </c>
      <c r="I3669">
        <v>20192.7</v>
      </c>
      <c r="J3669">
        <v>44.0426</v>
      </c>
    </row>
    <row r="3670" spans="1:10" x14ac:dyDescent="0.25">
      <c r="A3670">
        <v>26</v>
      </c>
      <c r="B3670">
        <v>108.919</v>
      </c>
      <c r="C3670">
        <v>118.369</v>
      </c>
      <c r="D3670">
        <v>190</v>
      </c>
      <c r="E3670">
        <v>7370.08</v>
      </c>
      <c r="F3670">
        <v>10800</v>
      </c>
      <c r="G3670">
        <v>19955.900000000001</v>
      </c>
      <c r="H3670">
        <v>3.9527600000000001</v>
      </c>
      <c r="I3670">
        <v>20230.3</v>
      </c>
      <c r="J3670">
        <v>47.629600000000003</v>
      </c>
    </row>
    <row r="3671" spans="1:10" x14ac:dyDescent="0.25">
      <c r="A3671">
        <v>26</v>
      </c>
      <c r="B3671">
        <v>108.919</v>
      </c>
      <c r="C3671">
        <v>117.74</v>
      </c>
      <c r="D3671">
        <v>190</v>
      </c>
      <c r="E3671">
        <v>7370.08</v>
      </c>
      <c r="F3671">
        <v>10800</v>
      </c>
      <c r="G3671">
        <v>19785.8</v>
      </c>
      <c r="H3671">
        <v>3.7637800000000001</v>
      </c>
      <c r="I3671">
        <v>20350.599999999999</v>
      </c>
      <c r="J3671">
        <v>50.38</v>
      </c>
    </row>
    <row r="3672" spans="1:10" x14ac:dyDescent="0.25">
      <c r="A3672">
        <v>26</v>
      </c>
      <c r="B3672">
        <v>109.864</v>
      </c>
      <c r="C3672">
        <v>124.96599999999999</v>
      </c>
      <c r="D3672">
        <v>189.37299999999999</v>
      </c>
      <c r="E3672">
        <v>7370.08</v>
      </c>
      <c r="F3672">
        <v>10800</v>
      </c>
      <c r="G3672">
        <v>19955.900000000001</v>
      </c>
      <c r="H3672">
        <v>3.9291299999999998</v>
      </c>
      <c r="I3672">
        <v>20906.599999999999</v>
      </c>
      <c r="J3672">
        <v>106.971</v>
      </c>
    </row>
    <row r="3673" spans="1:10" x14ac:dyDescent="0.25">
      <c r="A3673">
        <v>26</v>
      </c>
      <c r="B3673">
        <v>110.1</v>
      </c>
      <c r="C3673">
        <v>114.598</v>
      </c>
      <c r="D3673">
        <v>190</v>
      </c>
      <c r="E3673">
        <v>7370.08</v>
      </c>
      <c r="F3673">
        <v>10800</v>
      </c>
      <c r="G3673">
        <v>20976.400000000001</v>
      </c>
      <c r="H3673">
        <v>1.6850400000000001</v>
      </c>
      <c r="I3673">
        <v>22039.4</v>
      </c>
      <c r="J3673">
        <v>46.6128</v>
      </c>
    </row>
    <row r="3674" spans="1:10" x14ac:dyDescent="0.25">
      <c r="A3674">
        <v>26</v>
      </c>
      <c r="B3674">
        <v>109.628</v>
      </c>
      <c r="C3674">
        <v>119.625</v>
      </c>
      <c r="D3674">
        <v>189.06</v>
      </c>
      <c r="E3674">
        <v>10091.299999999999</v>
      </c>
      <c r="F3674">
        <v>10800</v>
      </c>
      <c r="G3674">
        <v>19955.900000000001</v>
      </c>
      <c r="H3674">
        <v>1.85039</v>
      </c>
      <c r="I3674">
        <v>24498</v>
      </c>
      <c r="J3674">
        <v>28.9757</v>
      </c>
    </row>
    <row r="3675" spans="1:10" x14ac:dyDescent="0.25">
      <c r="A3675">
        <v>26</v>
      </c>
      <c r="B3675">
        <v>110.1</v>
      </c>
      <c r="C3675">
        <v>114.913</v>
      </c>
      <c r="D3675">
        <v>189.06</v>
      </c>
      <c r="E3675">
        <v>7370.08</v>
      </c>
      <c r="F3675">
        <v>10800</v>
      </c>
      <c r="G3675">
        <v>19955.900000000001</v>
      </c>
      <c r="H3675">
        <v>3.1732300000000002</v>
      </c>
      <c r="I3675">
        <v>20684.099999999999</v>
      </c>
      <c r="J3675">
        <v>56.014499999999998</v>
      </c>
    </row>
    <row r="3676" spans="1:10" x14ac:dyDescent="0.25">
      <c r="A3676">
        <v>26</v>
      </c>
      <c r="B3676">
        <v>109.864</v>
      </c>
      <c r="C3676">
        <v>123.395</v>
      </c>
      <c r="D3676">
        <v>189.37299999999999</v>
      </c>
      <c r="E3676">
        <v>7370.08</v>
      </c>
      <c r="F3676">
        <v>10800</v>
      </c>
      <c r="G3676">
        <v>19955.900000000001</v>
      </c>
      <c r="H3676">
        <v>3.8582700000000001</v>
      </c>
      <c r="I3676">
        <v>20162.599999999999</v>
      </c>
      <c r="J3676">
        <v>74.277000000000001</v>
      </c>
    </row>
    <row r="3677" spans="1:10" x14ac:dyDescent="0.25">
      <c r="A3677">
        <v>26</v>
      </c>
      <c r="B3677">
        <v>108.919</v>
      </c>
      <c r="C3677">
        <v>119.93899999999999</v>
      </c>
      <c r="D3677">
        <v>189.68700000000001</v>
      </c>
      <c r="E3677">
        <v>7710.24</v>
      </c>
      <c r="F3677">
        <v>10800</v>
      </c>
      <c r="G3677">
        <v>18595.3</v>
      </c>
      <c r="H3677">
        <v>3.9527600000000001</v>
      </c>
      <c r="I3677">
        <v>20561.3</v>
      </c>
      <c r="J3677">
        <v>49.341299999999997</v>
      </c>
    </row>
    <row r="3678" spans="1:10" x14ac:dyDescent="0.25">
      <c r="A3678">
        <v>26</v>
      </c>
      <c r="B3678">
        <v>109.155</v>
      </c>
      <c r="C3678">
        <v>124.96599999999999</v>
      </c>
      <c r="D3678">
        <v>190</v>
      </c>
      <c r="E3678">
        <v>7370.08</v>
      </c>
      <c r="F3678">
        <v>10800</v>
      </c>
      <c r="G3678">
        <v>18595.3</v>
      </c>
      <c r="H3678">
        <v>3.8346499999999999</v>
      </c>
      <c r="I3678">
        <v>20388.400000000001</v>
      </c>
      <c r="J3678">
        <v>32.620399999999997</v>
      </c>
    </row>
    <row r="3679" spans="1:10" x14ac:dyDescent="0.25">
      <c r="A3679">
        <v>26</v>
      </c>
      <c r="B3679">
        <v>110.1</v>
      </c>
      <c r="C3679">
        <v>118.369</v>
      </c>
      <c r="D3679">
        <v>189.06</v>
      </c>
      <c r="E3679">
        <v>7370.08</v>
      </c>
      <c r="F3679">
        <v>10800</v>
      </c>
      <c r="G3679">
        <v>19955.900000000001</v>
      </c>
      <c r="H3679">
        <v>1.5905499999999999</v>
      </c>
      <c r="I3679">
        <v>22142.2</v>
      </c>
      <c r="J3679">
        <v>33.627200000000002</v>
      </c>
    </row>
    <row r="3680" spans="1:10" x14ac:dyDescent="0.25">
      <c r="A3680">
        <v>26</v>
      </c>
      <c r="B3680">
        <v>106.084</v>
      </c>
      <c r="C3680">
        <v>123.709</v>
      </c>
      <c r="D3680">
        <v>189.68700000000001</v>
      </c>
      <c r="E3680">
        <v>7370.08</v>
      </c>
      <c r="F3680">
        <v>11055.1</v>
      </c>
      <c r="G3680">
        <v>19785.8</v>
      </c>
      <c r="H3680">
        <v>1.4960599999999999</v>
      </c>
      <c r="I3680">
        <v>23474.5</v>
      </c>
      <c r="J3680">
        <v>86.973799999999997</v>
      </c>
    </row>
    <row r="3681" spans="1:10" x14ac:dyDescent="0.25">
      <c r="A3681">
        <v>26</v>
      </c>
      <c r="B3681">
        <v>109.155</v>
      </c>
      <c r="C3681">
        <v>124.652</v>
      </c>
      <c r="D3681">
        <v>189.68700000000001</v>
      </c>
      <c r="E3681">
        <v>7370.08</v>
      </c>
      <c r="F3681">
        <v>10800</v>
      </c>
      <c r="G3681">
        <v>18595.3</v>
      </c>
      <c r="H3681">
        <v>3.6220500000000002</v>
      </c>
      <c r="I3681">
        <v>20409.8</v>
      </c>
      <c r="J3681">
        <v>34.638300000000001</v>
      </c>
    </row>
    <row r="3682" spans="1:10" x14ac:dyDescent="0.25">
      <c r="A3682">
        <v>26</v>
      </c>
      <c r="B3682">
        <v>109.155</v>
      </c>
      <c r="C3682">
        <v>119.625</v>
      </c>
      <c r="D3682">
        <v>190</v>
      </c>
      <c r="E3682">
        <v>7370.08</v>
      </c>
      <c r="F3682">
        <v>10800</v>
      </c>
      <c r="G3682">
        <v>19955.900000000001</v>
      </c>
      <c r="H3682">
        <v>3.3858299999999999</v>
      </c>
      <c r="I3682">
        <v>20417.099999999999</v>
      </c>
      <c r="J3682">
        <v>38.221299999999999</v>
      </c>
    </row>
    <row r="3683" spans="1:10" x14ac:dyDescent="0.25">
      <c r="A3683">
        <v>26</v>
      </c>
      <c r="B3683">
        <v>109.864</v>
      </c>
      <c r="C3683">
        <v>123.395</v>
      </c>
      <c r="D3683">
        <v>190</v>
      </c>
      <c r="E3683">
        <v>7370.08</v>
      </c>
      <c r="F3683">
        <v>10800</v>
      </c>
      <c r="G3683">
        <v>19955.900000000001</v>
      </c>
      <c r="H3683">
        <v>3.9527600000000001</v>
      </c>
      <c r="I3683">
        <v>20120.3</v>
      </c>
      <c r="J3683">
        <v>73.890900000000002</v>
      </c>
    </row>
    <row r="3684" spans="1:10" x14ac:dyDescent="0.25">
      <c r="A3684">
        <v>26</v>
      </c>
      <c r="B3684">
        <v>109.864</v>
      </c>
      <c r="C3684">
        <v>124.024</v>
      </c>
      <c r="D3684">
        <v>189.37299999999999</v>
      </c>
      <c r="E3684">
        <v>7370.08</v>
      </c>
      <c r="F3684">
        <v>10800</v>
      </c>
      <c r="G3684">
        <v>18085</v>
      </c>
      <c r="H3684">
        <v>3.9527600000000001</v>
      </c>
      <c r="I3684">
        <v>20718.2</v>
      </c>
      <c r="J3684">
        <v>103.44799999999999</v>
      </c>
    </row>
    <row r="3685" spans="1:10" x14ac:dyDescent="0.25">
      <c r="A3685">
        <v>26</v>
      </c>
      <c r="B3685">
        <v>110.1</v>
      </c>
      <c r="C3685">
        <v>128.422</v>
      </c>
      <c r="D3685">
        <v>189.68700000000001</v>
      </c>
      <c r="E3685">
        <v>7370.08</v>
      </c>
      <c r="F3685">
        <v>10800</v>
      </c>
      <c r="G3685">
        <v>24037.8</v>
      </c>
      <c r="H3685">
        <v>2.4881899999999999</v>
      </c>
      <c r="I3685">
        <v>21441</v>
      </c>
      <c r="J3685">
        <v>112.48099999999999</v>
      </c>
    </row>
    <row r="3686" spans="1:10" x14ac:dyDescent="0.25">
      <c r="A3686">
        <v>26</v>
      </c>
      <c r="B3686">
        <v>109.155</v>
      </c>
      <c r="C3686">
        <v>114.913</v>
      </c>
      <c r="D3686">
        <v>189.68700000000001</v>
      </c>
      <c r="E3686">
        <v>7370.08</v>
      </c>
      <c r="F3686">
        <v>10800</v>
      </c>
      <c r="G3686">
        <v>18595.3</v>
      </c>
      <c r="H3686">
        <v>3.9527600000000001</v>
      </c>
      <c r="I3686">
        <v>20323.599999999999</v>
      </c>
      <c r="J3686">
        <v>65.561099999999996</v>
      </c>
    </row>
    <row r="3687" spans="1:10" x14ac:dyDescent="0.25">
      <c r="A3687">
        <v>26</v>
      </c>
      <c r="B3687">
        <v>110.1</v>
      </c>
      <c r="C3687">
        <v>129.679</v>
      </c>
      <c r="D3687">
        <v>189.68700000000001</v>
      </c>
      <c r="E3687">
        <v>7370.08</v>
      </c>
      <c r="F3687">
        <v>10800</v>
      </c>
      <c r="G3687">
        <v>19955.900000000001</v>
      </c>
      <c r="H3687">
        <v>3.8582700000000001</v>
      </c>
      <c r="I3687">
        <v>20578.3</v>
      </c>
      <c r="J3687">
        <v>126.575</v>
      </c>
    </row>
    <row r="3688" spans="1:10" x14ac:dyDescent="0.25">
      <c r="A3688">
        <v>26</v>
      </c>
      <c r="B3688">
        <v>110.1</v>
      </c>
      <c r="C3688">
        <v>124.652</v>
      </c>
      <c r="D3688">
        <v>189.06</v>
      </c>
      <c r="E3688">
        <v>8730.7099999999991</v>
      </c>
      <c r="F3688">
        <v>10800</v>
      </c>
      <c r="G3688">
        <v>19955.900000000001</v>
      </c>
      <c r="H3688">
        <v>2.34646</v>
      </c>
      <c r="I3688">
        <v>23240.1</v>
      </c>
      <c r="J3688">
        <v>106.494</v>
      </c>
    </row>
    <row r="3689" spans="1:10" x14ac:dyDescent="0.25">
      <c r="A3689">
        <v>26</v>
      </c>
      <c r="B3689">
        <v>109.864</v>
      </c>
      <c r="C3689">
        <v>123.395</v>
      </c>
      <c r="D3689">
        <v>189.37299999999999</v>
      </c>
      <c r="E3689">
        <v>7370.08</v>
      </c>
      <c r="F3689">
        <v>10800</v>
      </c>
      <c r="G3689">
        <v>22337</v>
      </c>
      <c r="H3689">
        <v>3.9527600000000001</v>
      </c>
      <c r="I3689">
        <v>20130.7</v>
      </c>
      <c r="J3689">
        <v>73.130399999999995</v>
      </c>
    </row>
    <row r="3690" spans="1:10" x14ac:dyDescent="0.25">
      <c r="A3690">
        <v>26</v>
      </c>
      <c r="B3690">
        <v>108.919</v>
      </c>
      <c r="C3690">
        <v>119.625</v>
      </c>
      <c r="D3690">
        <v>189.06</v>
      </c>
      <c r="E3690">
        <v>10091.299999999999</v>
      </c>
      <c r="F3690">
        <v>10800</v>
      </c>
      <c r="G3690">
        <v>19955.900000000001</v>
      </c>
      <c r="H3690">
        <v>2.3228300000000002</v>
      </c>
      <c r="I3690">
        <v>23844.799999999999</v>
      </c>
      <c r="J3690">
        <v>34.309699999999999</v>
      </c>
    </row>
    <row r="3691" spans="1:10" x14ac:dyDescent="0.25">
      <c r="A3691">
        <v>26</v>
      </c>
      <c r="B3691">
        <v>109.864</v>
      </c>
      <c r="C3691">
        <v>124.96599999999999</v>
      </c>
      <c r="D3691">
        <v>189.68700000000001</v>
      </c>
      <c r="E3691">
        <v>7710.24</v>
      </c>
      <c r="F3691">
        <v>11055.1</v>
      </c>
      <c r="G3691">
        <v>19955.900000000001</v>
      </c>
      <c r="H3691">
        <v>3.8346499999999999</v>
      </c>
      <c r="I3691">
        <v>21447.1</v>
      </c>
      <c r="J3691">
        <v>91.974000000000004</v>
      </c>
    </row>
    <row r="3692" spans="1:10" x14ac:dyDescent="0.25">
      <c r="A3692">
        <v>26</v>
      </c>
      <c r="B3692">
        <v>110.1</v>
      </c>
      <c r="C3692">
        <v>123.395</v>
      </c>
      <c r="D3692">
        <v>189.37299999999999</v>
      </c>
      <c r="E3692">
        <v>7370.08</v>
      </c>
      <c r="F3692">
        <v>10800</v>
      </c>
      <c r="G3692">
        <v>19955.900000000001</v>
      </c>
      <c r="H3692">
        <v>3.9527600000000001</v>
      </c>
      <c r="I3692">
        <v>20127</v>
      </c>
      <c r="J3692">
        <v>83.638400000000004</v>
      </c>
    </row>
    <row r="3693" spans="1:10" x14ac:dyDescent="0.25">
      <c r="A3693">
        <v>26</v>
      </c>
      <c r="B3693">
        <v>109.864</v>
      </c>
      <c r="C3693">
        <v>118.369</v>
      </c>
      <c r="D3693">
        <v>189.06</v>
      </c>
      <c r="E3693">
        <v>7370.08</v>
      </c>
      <c r="F3693">
        <v>10800</v>
      </c>
      <c r="G3693">
        <v>18595.3</v>
      </c>
      <c r="H3693">
        <v>2.4409399999999999</v>
      </c>
      <c r="I3693">
        <v>21084.1</v>
      </c>
      <c r="J3693">
        <v>38.9878</v>
      </c>
    </row>
    <row r="3694" spans="1:10" x14ac:dyDescent="0.25">
      <c r="A3694">
        <v>26</v>
      </c>
      <c r="B3694">
        <v>109.39100000000001</v>
      </c>
      <c r="C3694">
        <v>123.395</v>
      </c>
      <c r="D3694">
        <v>189.37299999999999</v>
      </c>
      <c r="E3694">
        <v>7370.08</v>
      </c>
      <c r="F3694">
        <v>14881.9</v>
      </c>
      <c r="G3694">
        <v>18595.3</v>
      </c>
      <c r="H3694">
        <v>3.9291299999999998</v>
      </c>
      <c r="I3694">
        <v>25311.5</v>
      </c>
      <c r="J3694">
        <v>78.896600000000007</v>
      </c>
    </row>
    <row r="3695" spans="1:10" x14ac:dyDescent="0.25">
      <c r="A3695">
        <v>26</v>
      </c>
      <c r="B3695">
        <v>109.864</v>
      </c>
      <c r="C3695">
        <v>119.93899999999999</v>
      </c>
      <c r="D3695">
        <v>189.37299999999999</v>
      </c>
      <c r="E3695">
        <v>7370.08</v>
      </c>
      <c r="F3695">
        <v>10800</v>
      </c>
      <c r="G3695">
        <v>21996.9</v>
      </c>
      <c r="H3695">
        <v>3.9527600000000001</v>
      </c>
      <c r="I3695">
        <v>20294.5</v>
      </c>
      <c r="J3695">
        <v>49.613300000000002</v>
      </c>
    </row>
    <row r="3696" spans="1:10" x14ac:dyDescent="0.25">
      <c r="A3696">
        <v>26</v>
      </c>
      <c r="B3696">
        <v>108.919</v>
      </c>
      <c r="C3696">
        <v>123.395</v>
      </c>
      <c r="D3696">
        <v>190</v>
      </c>
      <c r="E3696">
        <v>7370.08</v>
      </c>
      <c r="F3696">
        <v>10800</v>
      </c>
      <c r="G3696">
        <v>18595.3</v>
      </c>
      <c r="H3696">
        <v>3.7401599999999999</v>
      </c>
      <c r="I3696">
        <v>20656.2</v>
      </c>
      <c r="J3696">
        <v>105.483</v>
      </c>
    </row>
    <row r="3697" spans="1:10" x14ac:dyDescent="0.25">
      <c r="A3697">
        <v>26</v>
      </c>
      <c r="B3697">
        <v>109.39100000000001</v>
      </c>
      <c r="C3697">
        <v>124.652</v>
      </c>
      <c r="D3697">
        <v>189.06</v>
      </c>
      <c r="E3697">
        <v>7370.08</v>
      </c>
      <c r="F3697">
        <v>10800</v>
      </c>
      <c r="G3697">
        <v>24037.8</v>
      </c>
      <c r="H3697">
        <v>3.5748000000000002</v>
      </c>
      <c r="I3697">
        <v>20424</v>
      </c>
      <c r="J3697">
        <v>53.612099999999998</v>
      </c>
    </row>
    <row r="3698" spans="1:10" x14ac:dyDescent="0.25">
      <c r="A3698">
        <v>26</v>
      </c>
      <c r="B3698">
        <v>110.1</v>
      </c>
      <c r="C3698">
        <v>119.625</v>
      </c>
      <c r="D3698">
        <v>189.37299999999999</v>
      </c>
      <c r="E3698">
        <v>7370.08</v>
      </c>
      <c r="F3698">
        <v>10800</v>
      </c>
      <c r="G3698">
        <v>18595.3</v>
      </c>
      <c r="H3698">
        <v>3.9527600000000001</v>
      </c>
      <c r="I3698">
        <v>20300.400000000001</v>
      </c>
      <c r="J3698">
        <v>48.254199999999997</v>
      </c>
    </row>
    <row r="3699" spans="1:10" x14ac:dyDescent="0.25">
      <c r="A3699">
        <v>26</v>
      </c>
      <c r="B3699">
        <v>109.628</v>
      </c>
      <c r="C3699">
        <v>123.395</v>
      </c>
      <c r="D3699">
        <v>189.06</v>
      </c>
      <c r="E3699">
        <v>7370.08</v>
      </c>
      <c r="F3699">
        <v>10800</v>
      </c>
      <c r="G3699">
        <v>18595.3</v>
      </c>
      <c r="H3699">
        <v>3.10236</v>
      </c>
      <c r="I3699">
        <v>21048.6</v>
      </c>
      <c r="J3699">
        <v>24.0701</v>
      </c>
    </row>
    <row r="3700" spans="1:10" x14ac:dyDescent="0.25">
      <c r="A3700">
        <v>26</v>
      </c>
      <c r="B3700">
        <v>109.155</v>
      </c>
      <c r="C3700">
        <v>124.652</v>
      </c>
      <c r="D3700">
        <v>189.68700000000001</v>
      </c>
      <c r="E3700">
        <v>7710.24</v>
      </c>
      <c r="F3700">
        <v>18963.8</v>
      </c>
      <c r="G3700">
        <v>18595.3</v>
      </c>
      <c r="H3700">
        <v>3.9527600000000001</v>
      </c>
      <c r="I3700">
        <v>29364.6</v>
      </c>
      <c r="J3700">
        <v>99.817400000000006</v>
      </c>
    </row>
    <row r="3701" spans="1:10" x14ac:dyDescent="0.25">
      <c r="A3701">
        <v>26</v>
      </c>
      <c r="B3701">
        <v>108.919</v>
      </c>
      <c r="C3701">
        <v>119.625</v>
      </c>
      <c r="D3701">
        <v>190</v>
      </c>
      <c r="E3701">
        <v>7710.24</v>
      </c>
      <c r="F3701">
        <v>10800</v>
      </c>
      <c r="G3701">
        <v>25398.400000000001</v>
      </c>
      <c r="H3701">
        <v>3.2913399999999999</v>
      </c>
      <c r="I3701">
        <v>20910.400000000001</v>
      </c>
      <c r="J3701">
        <v>41.377899999999997</v>
      </c>
    </row>
    <row r="3702" spans="1:10" x14ac:dyDescent="0.25">
      <c r="A3702">
        <v>26</v>
      </c>
      <c r="B3702">
        <v>110.1</v>
      </c>
      <c r="C3702">
        <v>114.598</v>
      </c>
      <c r="D3702">
        <v>189.06</v>
      </c>
      <c r="E3702">
        <v>9070.8700000000008</v>
      </c>
      <c r="F3702">
        <v>10800</v>
      </c>
      <c r="G3702">
        <v>18595.3</v>
      </c>
      <c r="H3702">
        <v>1.6850400000000001</v>
      </c>
      <c r="I3702">
        <v>23663.7</v>
      </c>
      <c r="J3702">
        <v>25.6876</v>
      </c>
    </row>
    <row r="3703" spans="1:10" x14ac:dyDescent="0.25">
      <c r="A3703">
        <v>26</v>
      </c>
      <c r="B3703">
        <v>109.864</v>
      </c>
      <c r="C3703">
        <v>122.767</v>
      </c>
      <c r="D3703">
        <v>189.37299999999999</v>
      </c>
      <c r="E3703">
        <v>7710.24</v>
      </c>
      <c r="F3703">
        <v>10800</v>
      </c>
      <c r="G3703">
        <v>18595.3</v>
      </c>
      <c r="H3703">
        <v>2.25197</v>
      </c>
      <c r="I3703">
        <v>21695.9</v>
      </c>
      <c r="J3703">
        <v>51.716500000000003</v>
      </c>
    </row>
    <row r="3704" spans="1:10" x14ac:dyDescent="0.25">
      <c r="A3704">
        <v>26</v>
      </c>
      <c r="B3704">
        <v>108.919</v>
      </c>
      <c r="C3704">
        <v>123.395</v>
      </c>
      <c r="D3704">
        <v>190</v>
      </c>
      <c r="E3704">
        <v>10091.299999999999</v>
      </c>
      <c r="F3704">
        <v>10800</v>
      </c>
      <c r="G3704">
        <v>19955.900000000001</v>
      </c>
      <c r="H3704">
        <v>2.4409399999999999</v>
      </c>
      <c r="I3704">
        <v>24531.3</v>
      </c>
      <c r="J3704">
        <v>90.920900000000003</v>
      </c>
    </row>
    <row r="3705" spans="1:10" x14ac:dyDescent="0.25">
      <c r="A3705">
        <v>26</v>
      </c>
      <c r="B3705">
        <v>109.155</v>
      </c>
      <c r="C3705">
        <v>119.93899999999999</v>
      </c>
      <c r="D3705">
        <v>189.68700000000001</v>
      </c>
      <c r="E3705">
        <v>7370.08</v>
      </c>
      <c r="F3705">
        <v>10800</v>
      </c>
      <c r="G3705">
        <v>19955.900000000001</v>
      </c>
      <c r="H3705">
        <v>3.5748000000000002</v>
      </c>
      <c r="I3705">
        <v>20332</v>
      </c>
      <c r="J3705">
        <v>39.012599999999999</v>
      </c>
    </row>
    <row r="3706" spans="1:10" x14ac:dyDescent="0.25">
      <c r="A3706">
        <v>26</v>
      </c>
      <c r="B3706">
        <v>109.155</v>
      </c>
      <c r="C3706">
        <v>119.93899999999999</v>
      </c>
      <c r="D3706">
        <v>189.37299999999999</v>
      </c>
      <c r="E3706">
        <v>7370.08</v>
      </c>
      <c r="F3706">
        <v>10800</v>
      </c>
      <c r="G3706">
        <v>22337</v>
      </c>
      <c r="H3706">
        <v>3.9527600000000001</v>
      </c>
      <c r="I3706">
        <v>20161.099999999999</v>
      </c>
      <c r="J3706">
        <v>39.927700000000002</v>
      </c>
    </row>
    <row r="3707" spans="1:10" x14ac:dyDescent="0.25">
      <c r="A3707">
        <v>26</v>
      </c>
      <c r="B3707">
        <v>109.864</v>
      </c>
      <c r="C3707">
        <v>119.625</v>
      </c>
      <c r="D3707">
        <v>190</v>
      </c>
      <c r="E3707">
        <v>7370.08</v>
      </c>
      <c r="F3707">
        <v>10800</v>
      </c>
      <c r="G3707">
        <v>19955.900000000001</v>
      </c>
      <c r="H3707">
        <v>3.8582700000000001</v>
      </c>
      <c r="I3707">
        <v>20309.3</v>
      </c>
      <c r="J3707">
        <v>49.951500000000003</v>
      </c>
    </row>
    <row r="3708" spans="1:10" x14ac:dyDescent="0.25">
      <c r="A3708">
        <v>26</v>
      </c>
      <c r="B3708">
        <v>108.919</v>
      </c>
      <c r="C3708">
        <v>113.97</v>
      </c>
      <c r="D3708">
        <v>190</v>
      </c>
      <c r="E3708">
        <v>10431.5</v>
      </c>
      <c r="F3708">
        <v>10800</v>
      </c>
      <c r="G3708">
        <v>19955.900000000001</v>
      </c>
      <c r="H3708">
        <v>2.6299199999999998</v>
      </c>
      <c r="I3708">
        <v>23956.1</v>
      </c>
      <c r="J3708">
        <v>44.4236</v>
      </c>
    </row>
    <row r="3709" spans="1:10" x14ac:dyDescent="0.25">
      <c r="A3709">
        <v>26</v>
      </c>
      <c r="B3709">
        <v>109.864</v>
      </c>
      <c r="C3709">
        <v>122.767</v>
      </c>
      <c r="D3709">
        <v>190</v>
      </c>
      <c r="E3709">
        <v>7370.08</v>
      </c>
      <c r="F3709">
        <v>10800</v>
      </c>
      <c r="G3709">
        <v>19955.900000000001</v>
      </c>
      <c r="H3709">
        <v>3.9527600000000001</v>
      </c>
      <c r="I3709">
        <v>20157.2</v>
      </c>
      <c r="J3709">
        <v>69.564499999999995</v>
      </c>
    </row>
    <row r="3710" spans="1:10" x14ac:dyDescent="0.25">
      <c r="A3710">
        <v>26</v>
      </c>
      <c r="B3710">
        <v>110.1</v>
      </c>
      <c r="C3710">
        <v>124.652</v>
      </c>
      <c r="D3710">
        <v>190</v>
      </c>
      <c r="E3710">
        <v>7370.08</v>
      </c>
      <c r="F3710">
        <v>10800</v>
      </c>
      <c r="G3710">
        <v>19955.900000000001</v>
      </c>
      <c r="H3710">
        <v>3.9291299999999998</v>
      </c>
      <c r="I3710">
        <v>20800.2</v>
      </c>
      <c r="J3710">
        <v>105.85</v>
      </c>
    </row>
    <row r="3711" spans="1:10" x14ac:dyDescent="0.25">
      <c r="A3711">
        <v>26</v>
      </c>
      <c r="B3711">
        <v>110.1</v>
      </c>
      <c r="C3711">
        <v>124.96599999999999</v>
      </c>
      <c r="D3711">
        <v>189.68700000000001</v>
      </c>
      <c r="E3711">
        <v>7370.08</v>
      </c>
      <c r="F3711">
        <v>11055.1</v>
      </c>
      <c r="G3711">
        <v>20636.2</v>
      </c>
      <c r="H3711">
        <v>3.9527600000000001</v>
      </c>
      <c r="I3711">
        <v>21045</v>
      </c>
      <c r="J3711">
        <v>90.714200000000005</v>
      </c>
    </row>
    <row r="3712" spans="1:10" x14ac:dyDescent="0.25">
      <c r="A3712">
        <v>26</v>
      </c>
      <c r="B3712">
        <v>109.155</v>
      </c>
      <c r="C3712">
        <v>114.598</v>
      </c>
      <c r="D3712">
        <v>189.37299999999999</v>
      </c>
      <c r="E3712">
        <v>7370.08</v>
      </c>
      <c r="F3712">
        <v>10800</v>
      </c>
      <c r="G3712">
        <v>20976.400000000001</v>
      </c>
      <c r="H3712">
        <v>3.9527600000000001</v>
      </c>
      <c r="I3712">
        <v>20317.900000000001</v>
      </c>
      <c r="J3712">
        <v>68.0411</v>
      </c>
    </row>
    <row r="3713" spans="1:10" x14ac:dyDescent="0.25">
      <c r="A3713">
        <v>26</v>
      </c>
      <c r="B3713">
        <v>110.1</v>
      </c>
      <c r="C3713">
        <v>129.679</v>
      </c>
      <c r="D3713">
        <v>190</v>
      </c>
      <c r="E3713">
        <v>7710.24</v>
      </c>
      <c r="F3713">
        <v>10800</v>
      </c>
      <c r="G3713">
        <v>19785.8</v>
      </c>
      <c r="H3713">
        <v>3.6692900000000002</v>
      </c>
      <c r="I3713">
        <v>21053.200000000001</v>
      </c>
      <c r="J3713">
        <v>93.746399999999994</v>
      </c>
    </row>
    <row r="3714" spans="1:10" x14ac:dyDescent="0.25">
      <c r="A3714">
        <v>26</v>
      </c>
      <c r="B3714">
        <v>110.1</v>
      </c>
      <c r="C3714">
        <v>119.625</v>
      </c>
      <c r="D3714">
        <v>189.68700000000001</v>
      </c>
      <c r="E3714">
        <v>7370.08</v>
      </c>
      <c r="F3714">
        <v>10800</v>
      </c>
      <c r="G3714">
        <v>19955.900000000001</v>
      </c>
      <c r="H3714">
        <v>1.2125999999999999</v>
      </c>
      <c r="I3714">
        <v>23013.4</v>
      </c>
      <c r="J3714">
        <v>39.871699999999997</v>
      </c>
    </row>
    <row r="3715" spans="1:10" x14ac:dyDescent="0.25">
      <c r="A3715">
        <v>26</v>
      </c>
      <c r="B3715">
        <v>109.864</v>
      </c>
      <c r="C3715">
        <v>114.598</v>
      </c>
      <c r="D3715">
        <v>189.06</v>
      </c>
      <c r="E3715">
        <v>8730.7099999999991</v>
      </c>
      <c r="F3715">
        <v>10800</v>
      </c>
      <c r="G3715">
        <v>19955.900000000001</v>
      </c>
      <c r="H3715">
        <v>1.6614199999999999</v>
      </c>
      <c r="I3715">
        <v>23614.6</v>
      </c>
      <c r="J3715">
        <v>27.398499999999999</v>
      </c>
    </row>
    <row r="3716" spans="1:10" x14ac:dyDescent="0.25">
      <c r="A3716">
        <v>26</v>
      </c>
      <c r="B3716">
        <v>109.864</v>
      </c>
      <c r="C3716">
        <v>122.767</v>
      </c>
      <c r="D3716">
        <v>190</v>
      </c>
      <c r="E3716">
        <v>7370.08</v>
      </c>
      <c r="F3716">
        <v>10800</v>
      </c>
      <c r="G3716">
        <v>19955.900000000001</v>
      </c>
      <c r="H3716">
        <v>3.9527600000000001</v>
      </c>
      <c r="I3716">
        <v>20157.2</v>
      </c>
      <c r="J3716">
        <v>69.564499999999995</v>
      </c>
    </row>
    <row r="3717" spans="1:10" x14ac:dyDescent="0.25">
      <c r="A3717">
        <v>26</v>
      </c>
      <c r="B3717">
        <v>109.155</v>
      </c>
      <c r="C3717">
        <v>124.96599999999999</v>
      </c>
      <c r="D3717">
        <v>189.06</v>
      </c>
      <c r="E3717">
        <v>7370.08</v>
      </c>
      <c r="F3717">
        <v>10800</v>
      </c>
      <c r="G3717">
        <v>18595.3</v>
      </c>
      <c r="H3717">
        <v>3.0787399999999998</v>
      </c>
      <c r="I3717">
        <v>20849.2</v>
      </c>
      <c r="J3717">
        <v>109.32899999999999</v>
      </c>
    </row>
    <row r="3718" spans="1:10" x14ac:dyDescent="0.25">
      <c r="A3718">
        <v>26</v>
      </c>
      <c r="B3718">
        <v>109.155</v>
      </c>
      <c r="C3718">
        <v>129.99299999999999</v>
      </c>
      <c r="D3718">
        <v>189.68700000000001</v>
      </c>
      <c r="E3718">
        <v>10431.5</v>
      </c>
      <c r="F3718">
        <v>10800</v>
      </c>
      <c r="G3718">
        <v>18595.3</v>
      </c>
      <c r="H3718">
        <v>2.1338599999999999</v>
      </c>
      <c r="I3718">
        <v>24995.200000000001</v>
      </c>
      <c r="J3718">
        <v>113.315</v>
      </c>
    </row>
    <row r="3719" spans="1:10" x14ac:dyDescent="0.25">
      <c r="A3719">
        <v>26</v>
      </c>
      <c r="B3719">
        <v>110.1</v>
      </c>
      <c r="C3719">
        <v>123.395</v>
      </c>
      <c r="D3719">
        <v>189.37299999999999</v>
      </c>
      <c r="E3719">
        <v>7200</v>
      </c>
      <c r="F3719">
        <v>10800</v>
      </c>
      <c r="G3719">
        <v>19955.900000000001</v>
      </c>
      <c r="H3719">
        <v>3.10236</v>
      </c>
      <c r="I3719">
        <v>20831.8</v>
      </c>
      <c r="J3719">
        <v>24.819800000000001</v>
      </c>
    </row>
    <row r="3720" spans="1:10" x14ac:dyDescent="0.25">
      <c r="A3720">
        <v>26</v>
      </c>
      <c r="B3720">
        <v>108.919</v>
      </c>
      <c r="C3720">
        <v>119.625</v>
      </c>
      <c r="D3720">
        <v>189.37299999999999</v>
      </c>
      <c r="E3720">
        <v>7710.24</v>
      </c>
      <c r="F3720">
        <v>11055.1</v>
      </c>
      <c r="G3720">
        <v>19955.900000000001</v>
      </c>
      <c r="H3720">
        <v>3.6220500000000002</v>
      </c>
      <c r="I3720">
        <v>20948.7</v>
      </c>
      <c r="J3720">
        <v>39.466500000000003</v>
      </c>
    </row>
    <row r="3721" spans="1:10" x14ac:dyDescent="0.25">
      <c r="A3721">
        <v>26</v>
      </c>
      <c r="B3721">
        <v>110.1</v>
      </c>
      <c r="C3721">
        <v>119.625</v>
      </c>
      <c r="D3721">
        <v>189.06</v>
      </c>
      <c r="E3721">
        <v>8730.7099999999991</v>
      </c>
      <c r="F3721">
        <v>10800</v>
      </c>
      <c r="G3721">
        <v>19955.900000000001</v>
      </c>
      <c r="H3721">
        <v>1.5669299999999999</v>
      </c>
      <c r="I3721">
        <v>23517.8</v>
      </c>
      <c r="J3721">
        <v>18.171800000000001</v>
      </c>
    </row>
    <row r="3722" spans="1:10" x14ac:dyDescent="0.25">
      <c r="A3722">
        <v>26</v>
      </c>
      <c r="B3722">
        <v>109.155</v>
      </c>
      <c r="C3722">
        <v>123.395</v>
      </c>
      <c r="D3722">
        <v>190</v>
      </c>
      <c r="E3722">
        <v>7370.08</v>
      </c>
      <c r="F3722">
        <v>10800</v>
      </c>
      <c r="G3722">
        <v>18595.3</v>
      </c>
      <c r="H3722">
        <v>1.6377999999999999</v>
      </c>
      <c r="I3722">
        <v>22306.3</v>
      </c>
      <c r="J3722">
        <v>20.3596</v>
      </c>
    </row>
    <row r="3723" spans="1:10" x14ac:dyDescent="0.25">
      <c r="A3723">
        <v>26</v>
      </c>
      <c r="B3723">
        <v>108.919</v>
      </c>
      <c r="C3723">
        <v>122.767</v>
      </c>
      <c r="D3723">
        <v>187.49299999999999</v>
      </c>
      <c r="E3723">
        <v>7370.08</v>
      </c>
      <c r="F3723">
        <v>10800</v>
      </c>
      <c r="G3723">
        <v>19955.900000000001</v>
      </c>
      <c r="H3723">
        <v>3.9527600000000001</v>
      </c>
      <c r="I3723">
        <v>20132.599999999999</v>
      </c>
      <c r="J3723">
        <v>88.1708</v>
      </c>
    </row>
    <row r="3724" spans="1:10" x14ac:dyDescent="0.25">
      <c r="A3724">
        <v>26</v>
      </c>
      <c r="B3724">
        <v>108.919</v>
      </c>
      <c r="C3724">
        <v>119.93899999999999</v>
      </c>
      <c r="D3724">
        <v>189.06</v>
      </c>
      <c r="E3724">
        <v>7370.08</v>
      </c>
      <c r="F3724">
        <v>10800</v>
      </c>
      <c r="G3724">
        <v>18595.3</v>
      </c>
      <c r="H3724">
        <v>2.29921</v>
      </c>
      <c r="I3724">
        <v>21109.599999999999</v>
      </c>
      <c r="J3724">
        <v>46.311500000000002</v>
      </c>
    </row>
    <row r="3725" spans="1:10" x14ac:dyDescent="0.25">
      <c r="A3725">
        <v>26</v>
      </c>
      <c r="B3725">
        <v>110.1</v>
      </c>
      <c r="C3725">
        <v>124.652</v>
      </c>
      <c r="D3725">
        <v>189.06</v>
      </c>
      <c r="E3725">
        <v>7710.24</v>
      </c>
      <c r="F3725">
        <v>10800</v>
      </c>
      <c r="G3725">
        <v>18595.3</v>
      </c>
      <c r="H3725">
        <v>1.6377999999999999</v>
      </c>
      <c r="I3725">
        <v>24787.599999999999</v>
      </c>
      <c r="J3725">
        <v>32.598500000000001</v>
      </c>
    </row>
    <row r="3726" spans="1:10" x14ac:dyDescent="0.25">
      <c r="A3726">
        <v>26</v>
      </c>
      <c r="B3726">
        <v>110.1</v>
      </c>
      <c r="C3726">
        <v>119.625</v>
      </c>
      <c r="D3726">
        <v>189.06</v>
      </c>
      <c r="E3726">
        <v>7370.08</v>
      </c>
      <c r="F3726">
        <v>10800</v>
      </c>
      <c r="G3726">
        <v>18595.3</v>
      </c>
      <c r="H3726">
        <v>2.79528</v>
      </c>
      <c r="I3726">
        <v>20795.900000000001</v>
      </c>
      <c r="J3726">
        <v>46.4176</v>
      </c>
    </row>
    <row r="3727" spans="1:10" x14ac:dyDescent="0.25">
      <c r="A3727">
        <v>26</v>
      </c>
      <c r="B3727">
        <v>109.155</v>
      </c>
      <c r="C3727">
        <v>129.99299999999999</v>
      </c>
      <c r="D3727">
        <v>190</v>
      </c>
      <c r="E3727">
        <v>7370.08</v>
      </c>
      <c r="F3727">
        <v>10800</v>
      </c>
      <c r="G3727">
        <v>18595.3</v>
      </c>
      <c r="H3727">
        <v>3.9527600000000001</v>
      </c>
      <c r="I3727">
        <v>20277.599999999999</v>
      </c>
      <c r="J3727">
        <v>119.392</v>
      </c>
    </row>
    <row r="3728" spans="1:10" x14ac:dyDescent="0.25">
      <c r="A3728">
        <v>26</v>
      </c>
      <c r="B3728">
        <v>110.1</v>
      </c>
      <c r="C3728">
        <v>128.422</v>
      </c>
      <c r="D3728">
        <v>190</v>
      </c>
      <c r="E3728">
        <v>10091.299999999999</v>
      </c>
      <c r="F3728">
        <v>10800</v>
      </c>
      <c r="G3728">
        <v>19955.900000000001</v>
      </c>
      <c r="H3728">
        <v>2.0629900000000001</v>
      </c>
      <c r="I3728">
        <v>24799.3</v>
      </c>
      <c r="J3728">
        <v>114.81</v>
      </c>
    </row>
    <row r="3729" spans="1:10" x14ac:dyDescent="0.25">
      <c r="A3729">
        <v>26</v>
      </c>
      <c r="B3729">
        <v>110.1</v>
      </c>
      <c r="C3729">
        <v>123.395</v>
      </c>
      <c r="D3729">
        <v>179.345</v>
      </c>
      <c r="E3729">
        <v>7370.08</v>
      </c>
      <c r="F3729">
        <v>10800</v>
      </c>
      <c r="G3729">
        <v>18595.3</v>
      </c>
      <c r="H3729">
        <v>3.19685</v>
      </c>
      <c r="I3729">
        <v>20909.7</v>
      </c>
      <c r="J3729">
        <v>25.874400000000001</v>
      </c>
    </row>
    <row r="3730" spans="1:10" x14ac:dyDescent="0.25">
      <c r="A3730">
        <v>26</v>
      </c>
      <c r="B3730">
        <v>109.864</v>
      </c>
      <c r="C3730">
        <v>123.395</v>
      </c>
      <c r="D3730">
        <v>189.37299999999999</v>
      </c>
      <c r="E3730">
        <v>7370.08</v>
      </c>
      <c r="F3730">
        <v>10800</v>
      </c>
      <c r="G3730">
        <v>18595.3</v>
      </c>
      <c r="H3730">
        <v>3.9527600000000001</v>
      </c>
      <c r="I3730">
        <v>20130.7</v>
      </c>
      <c r="J3730">
        <v>73.130399999999995</v>
      </c>
    </row>
    <row r="3731" spans="1:10" x14ac:dyDescent="0.25">
      <c r="A3731">
        <v>26</v>
      </c>
      <c r="B3731">
        <v>108.919</v>
      </c>
      <c r="C3731">
        <v>119.93899999999999</v>
      </c>
      <c r="D3731">
        <v>189.37299999999999</v>
      </c>
      <c r="E3731">
        <v>7370.08</v>
      </c>
      <c r="F3731">
        <v>11310.2</v>
      </c>
      <c r="G3731">
        <v>19615.7</v>
      </c>
      <c r="H3731">
        <v>3.8582700000000001</v>
      </c>
      <c r="I3731">
        <v>20783.7</v>
      </c>
      <c r="J3731">
        <v>43.834000000000003</v>
      </c>
    </row>
    <row r="3732" spans="1:10" x14ac:dyDescent="0.25">
      <c r="A3732">
        <v>26</v>
      </c>
      <c r="B3732">
        <v>108.919</v>
      </c>
      <c r="C3732">
        <v>119.625</v>
      </c>
      <c r="D3732">
        <v>189.37299999999999</v>
      </c>
      <c r="E3732">
        <v>7370.08</v>
      </c>
      <c r="F3732">
        <v>10800</v>
      </c>
      <c r="G3732">
        <v>19955.900000000001</v>
      </c>
      <c r="H3732">
        <v>2.1102400000000001</v>
      </c>
      <c r="I3732">
        <v>21365.200000000001</v>
      </c>
      <c r="J3732">
        <v>34.894500000000001</v>
      </c>
    </row>
    <row r="3733" spans="1:10" x14ac:dyDescent="0.25">
      <c r="A3733">
        <v>26</v>
      </c>
      <c r="B3733">
        <v>109.155</v>
      </c>
      <c r="C3733">
        <v>124.96599999999999</v>
      </c>
      <c r="D3733">
        <v>189.37299999999999</v>
      </c>
      <c r="E3733">
        <v>8730.7099999999991</v>
      </c>
      <c r="F3733">
        <v>10800</v>
      </c>
      <c r="G3733">
        <v>19955.900000000001</v>
      </c>
      <c r="H3733">
        <v>3.1732300000000002</v>
      </c>
      <c r="I3733">
        <v>22274.400000000001</v>
      </c>
      <c r="J3733">
        <v>97.72</v>
      </c>
    </row>
    <row r="3734" spans="1:10" x14ac:dyDescent="0.25">
      <c r="A3734">
        <v>26</v>
      </c>
      <c r="B3734">
        <v>109.864</v>
      </c>
      <c r="C3734">
        <v>129.679</v>
      </c>
      <c r="D3734">
        <v>189.06</v>
      </c>
      <c r="E3734">
        <v>10091.299999999999</v>
      </c>
      <c r="F3734">
        <v>10800</v>
      </c>
      <c r="G3734">
        <v>18595.3</v>
      </c>
      <c r="H3734">
        <v>2.4409399999999999</v>
      </c>
      <c r="I3734">
        <v>24238.400000000001</v>
      </c>
      <c r="J3734">
        <v>112.039</v>
      </c>
    </row>
    <row r="3735" spans="1:10" x14ac:dyDescent="0.25">
      <c r="A3735">
        <v>26</v>
      </c>
      <c r="B3735">
        <v>109.155</v>
      </c>
      <c r="C3735">
        <v>124.96599999999999</v>
      </c>
      <c r="D3735">
        <v>189.06</v>
      </c>
      <c r="E3735">
        <v>10091.299999999999</v>
      </c>
      <c r="F3735">
        <v>10800</v>
      </c>
      <c r="G3735">
        <v>19615.7</v>
      </c>
      <c r="H3735">
        <v>3.8582700000000001</v>
      </c>
      <c r="I3735">
        <v>24757</v>
      </c>
      <c r="J3735">
        <v>29.989899999999999</v>
      </c>
    </row>
    <row r="3736" spans="1:10" x14ac:dyDescent="0.25">
      <c r="A3736">
        <v>26</v>
      </c>
      <c r="B3736">
        <v>109.864</v>
      </c>
      <c r="C3736">
        <v>119.625</v>
      </c>
      <c r="D3736">
        <v>189.37299999999999</v>
      </c>
      <c r="E3736">
        <v>10431.5</v>
      </c>
      <c r="F3736">
        <v>10800</v>
      </c>
      <c r="G3736">
        <v>22677.200000000001</v>
      </c>
      <c r="H3736">
        <v>3.9291299999999998</v>
      </c>
      <c r="I3736">
        <v>23657.9</v>
      </c>
      <c r="J3736">
        <v>34.368299999999998</v>
      </c>
    </row>
    <row r="3737" spans="1:10" x14ac:dyDescent="0.25">
      <c r="A3737">
        <v>26</v>
      </c>
      <c r="B3737">
        <v>110.1</v>
      </c>
      <c r="C3737">
        <v>128.73599999999999</v>
      </c>
      <c r="D3737">
        <v>189.37299999999999</v>
      </c>
      <c r="E3737">
        <v>7370.08</v>
      </c>
      <c r="F3737">
        <v>10800</v>
      </c>
      <c r="G3737">
        <v>19955.900000000001</v>
      </c>
      <c r="H3737">
        <v>3.5748000000000002</v>
      </c>
      <c r="I3737">
        <v>20735.7</v>
      </c>
      <c r="J3737">
        <v>115.893</v>
      </c>
    </row>
    <row r="3738" spans="1:10" x14ac:dyDescent="0.25">
      <c r="A3738">
        <v>26</v>
      </c>
      <c r="B3738">
        <v>109.155</v>
      </c>
      <c r="C3738">
        <v>118.369</v>
      </c>
      <c r="D3738">
        <v>190</v>
      </c>
      <c r="E3738">
        <v>7370.08</v>
      </c>
      <c r="F3738">
        <v>10800</v>
      </c>
      <c r="G3738">
        <v>19955.900000000001</v>
      </c>
      <c r="H3738">
        <v>3.9527600000000001</v>
      </c>
      <c r="I3738">
        <v>20288.400000000001</v>
      </c>
      <c r="J3738">
        <v>45.397500000000001</v>
      </c>
    </row>
    <row r="3739" spans="1:10" x14ac:dyDescent="0.25">
      <c r="A3739">
        <v>26</v>
      </c>
      <c r="B3739">
        <v>110.1</v>
      </c>
      <c r="C3739">
        <v>123.395</v>
      </c>
      <c r="D3739">
        <v>189.68700000000001</v>
      </c>
      <c r="E3739">
        <v>7370.08</v>
      </c>
      <c r="F3739">
        <v>10800</v>
      </c>
      <c r="G3739">
        <v>18595.3</v>
      </c>
      <c r="H3739">
        <v>1.6377999999999999</v>
      </c>
      <c r="I3739">
        <v>21937</v>
      </c>
      <c r="J3739">
        <v>20.6646</v>
      </c>
    </row>
    <row r="3740" spans="1:10" x14ac:dyDescent="0.25">
      <c r="A3740">
        <v>26</v>
      </c>
      <c r="B3740">
        <v>108.919</v>
      </c>
      <c r="C3740">
        <v>129.99299999999999</v>
      </c>
      <c r="D3740">
        <v>187.18</v>
      </c>
      <c r="E3740">
        <v>7370.08</v>
      </c>
      <c r="F3740">
        <v>10800</v>
      </c>
      <c r="G3740">
        <v>19955.900000000001</v>
      </c>
      <c r="H3740">
        <v>2.8189000000000002</v>
      </c>
      <c r="I3740">
        <v>21067.4</v>
      </c>
      <c r="J3740">
        <v>130.96</v>
      </c>
    </row>
    <row r="3741" spans="1:10" x14ac:dyDescent="0.25">
      <c r="A3741">
        <v>26</v>
      </c>
      <c r="B3741">
        <v>109.628</v>
      </c>
      <c r="C3741">
        <v>123.395</v>
      </c>
      <c r="D3741">
        <v>189.06</v>
      </c>
      <c r="E3741">
        <v>7370.08</v>
      </c>
      <c r="F3741">
        <v>10800</v>
      </c>
      <c r="G3741">
        <v>18595.3</v>
      </c>
      <c r="H3741">
        <v>3.10236</v>
      </c>
      <c r="I3741">
        <v>21048.6</v>
      </c>
      <c r="J3741">
        <v>24.0701</v>
      </c>
    </row>
    <row r="3742" spans="1:10" x14ac:dyDescent="0.25">
      <c r="A3742">
        <v>26</v>
      </c>
      <c r="B3742">
        <v>109.864</v>
      </c>
      <c r="C3742">
        <v>122.767</v>
      </c>
      <c r="D3742">
        <v>190</v>
      </c>
      <c r="E3742">
        <v>7370.08</v>
      </c>
      <c r="F3742">
        <v>10800</v>
      </c>
      <c r="G3742">
        <v>19785.8</v>
      </c>
      <c r="H3742">
        <v>3.00787</v>
      </c>
      <c r="I3742">
        <v>20595</v>
      </c>
      <c r="J3742">
        <v>25.9528</v>
      </c>
    </row>
    <row r="3743" spans="1:10" x14ac:dyDescent="0.25">
      <c r="A3743">
        <v>26</v>
      </c>
      <c r="B3743">
        <v>110.1</v>
      </c>
      <c r="C3743">
        <v>119.625</v>
      </c>
      <c r="D3743">
        <v>189.06</v>
      </c>
      <c r="E3743">
        <v>8730.7099999999991</v>
      </c>
      <c r="F3743">
        <v>10800</v>
      </c>
      <c r="G3743">
        <v>19955.900000000001</v>
      </c>
      <c r="H3743">
        <v>1.5669299999999999</v>
      </c>
      <c r="I3743">
        <v>23517.8</v>
      </c>
      <c r="J3743">
        <v>18.171800000000001</v>
      </c>
    </row>
    <row r="3744" spans="1:10" x14ac:dyDescent="0.25">
      <c r="A3744">
        <v>26</v>
      </c>
      <c r="B3744">
        <v>108.446</v>
      </c>
      <c r="C3744">
        <v>118.369</v>
      </c>
      <c r="D3744">
        <v>190</v>
      </c>
      <c r="E3744">
        <v>10431.5</v>
      </c>
      <c r="F3744">
        <v>10800</v>
      </c>
      <c r="G3744">
        <v>18595.3</v>
      </c>
      <c r="H3744">
        <v>1.3070900000000001</v>
      </c>
      <c r="I3744">
        <v>25969.8</v>
      </c>
      <c r="J3744">
        <v>17.733799999999999</v>
      </c>
    </row>
    <row r="3745" spans="1:20" x14ac:dyDescent="0.25">
      <c r="A3745">
        <v>26</v>
      </c>
      <c r="B3745">
        <v>109.155</v>
      </c>
      <c r="C3745">
        <v>124.96599999999999</v>
      </c>
      <c r="D3745">
        <v>189.37299999999999</v>
      </c>
      <c r="E3745">
        <v>7370.08</v>
      </c>
      <c r="F3745">
        <v>10800</v>
      </c>
      <c r="G3745">
        <v>19955.900000000001</v>
      </c>
      <c r="H3745">
        <v>3.9527600000000001</v>
      </c>
      <c r="I3745">
        <v>20375.400000000001</v>
      </c>
      <c r="J3745">
        <v>31.865400000000001</v>
      </c>
    </row>
    <row r="3746" spans="1:20" x14ac:dyDescent="0.25">
      <c r="A3746">
        <v>26</v>
      </c>
      <c r="B3746">
        <v>110.1</v>
      </c>
      <c r="C3746">
        <v>119.625</v>
      </c>
      <c r="D3746">
        <v>189.06</v>
      </c>
      <c r="E3746">
        <v>8730.7099999999991</v>
      </c>
      <c r="F3746">
        <v>10800</v>
      </c>
      <c r="G3746">
        <v>19955.900000000001</v>
      </c>
      <c r="H3746">
        <v>1.5669299999999999</v>
      </c>
      <c r="I3746">
        <v>23517.8</v>
      </c>
      <c r="J3746">
        <v>18.171800000000001</v>
      </c>
    </row>
    <row r="3747" spans="1:20" x14ac:dyDescent="0.25">
      <c r="A3747">
        <v>26</v>
      </c>
      <c r="B3747">
        <v>109.628</v>
      </c>
      <c r="C3747">
        <v>123.395</v>
      </c>
      <c r="D3747">
        <v>189.06</v>
      </c>
      <c r="E3747">
        <v>7370.08</v>
      </c>
      <c r="F3747">
        <v>10800</v>
      </c>
      <c r="G3747">
        <v>18595.3</v>
      </c>
      <c r="H3747">
        <v>3.10236</v>
      </c>
      <c r="I3747">
        <v>21048.6</v>
      </c>
      <c r="J3747">
        <v>24.0701</v>
      </c>
    </row>
    <row r="3748" spans="1:20" x14ac:dyDescent="0.25">
      <c r="A3748">
        <v>26</v>
      </c>
      <c r="B3748">
        <v>110.1</v>
      </c>
      <c r="C3748">
        <v>119.625</v>
      </c>
      <c r="D3748">
        <v>189.06</v>
      </c>
      <c r="E3748">
        <v>8730.7099999999991</v>
      </c>
      <c r="F3748">
        <v>10800</v>
      </c>
      <c r="G3748">
        <v>19955.900000000001</v>
      </c>
      <c r="H3748">
        <v>1.5669299999999999</v>
      </c>
      <c r="I3748">
        <v>23517.8</v>
      </c>
      <c r="J3748">
        <v>18.171800000000001</v>
      </c>
    </row>
    <row r="3749" spans="1:20" x14ac:dyDescent="0.25">
      <c r="A3749">
        <v>26</v>
      </c>
      <c r="B3749">
        <v>109.155</v>
      </c>
      <c r="C3749">
        <v>124.96599999999999</v>
      </c>
      <c r="D3749">
        <v>189.68700000000001</v>
      </c>
      <c r="E3749">
        <v>7710.24</v>
      </c>
      <c r="F3749">
        <v>10800</v>
      </c>
      <c r="G3749">
        <v>19955.900000000001</v>
      </c>
      <c r="H3749">
        <v>2.4881899999999999</v>
      </c>
      <c r="I3749">
        <v>21364.7</v>
      </c>
      <c r="J3749">
        <v>21.589400000000001</v>
      </c>
    </row>
    <row r="3750" spans="1:20" x14ac:dyDescent="0.25">
      <c r="A3750">
        <v>26</v>
      </c>
      <c r="B3750">
        <v>110.1</v>
      </c>
      <c r="C3750">
        <v>123.395</v>
      </c>
      <c r="D3750">
        <v>189.68700000000001</v>
      </c>
      <c r="E3750">
        <v>7370.08</v>
      </c>
      <c r="F3750">
        <v>10800</v>
      </c>
      <c r="G3750">
        <v>18595.3</v>
      </c>
      <c r="H3750">
        <v>1.6377999999999999</v>
      </c>
      <c r="I3750">
        <v>21937</v>
      </c>
      <c r="J3750">
        <v>20.6646</v>
      </c>
    </row>
    <row r="3751" spans="1:20" x14ac:dyDescent="0.25">
      <c r="A3751">
        <v>26</v>
      </c>
      <c r="B3751">
        <v>109.39100000000001</v>
      </c>
      <c r="C3751">
        <v>124.652</v>
      </c>
      <c r="D3751">
        <v>189.06</v>
      </c>
      <c r="E3751">
        <v>7710.24</v>
      </c>
      <c r="F3751">
        <v>10800</v>
      </c>
      <c r="G3751">
        <v>18595.3</v>
      </c>
      <c r="H3751">
        <v>2.4881899999999999</v>
      </c>
      <c r="I3751">
        <v>21359.200000000001</v>
      </c>
      <c r="J3751">
        <v>21.663699999999999</v>
      </c>
    </row>
    <row r="3752" spans="1:20" x14ac:dyDescent="0.25">
      <c r="A3752">
        <v>26</v>
      </c>
      <c r="B3752">
        <v>110.1</v>
      </c>
      <c r="C3752">
        <v>123.709</v>
      </c>
      <c r="D3752">
        <v>189.37299999999999</v>
      </c>
      <c r="E3752">
        <v>7370.08</v>
      </c>
      <c r="F3752">
        <v>10800</v>
      </c>
      <c r="G3752">
        <v>19955.900000000001</v>
      </c>
      <c r="H3752">
        <v>4</v>
      </c>
      <c r="I3752">
        <v>20088.599999999999</v>
      </c>
      <c r="J3752">
        <v>84.924499999999995</v>
      </c>
    </row>
    <row r="3753" spans="1:20" x14ac:dyDescent="0.25">
      <c r="A3753">
        <v>26</v>
      </c>
      <c r="B3753">
        <v>102.777</v>
      </c>
      <c r="C3753">
        <v>123.081</v>
      </c>
      <c r="D3753">
        <v>182.47900000000001</v>
      </c>
      <c r="E3753">
        <v>7200</v>
      </c>
      <c r="F3753">
        <v>10800</v>
      </c>
      <c r="G3753">
        <v>19955.900000000001</v>
      </c>
      <c r="H3753">
        <v>3.7637800000000001</v>
      </c>
      <c r="I3753">
        <v>20089.900000000001</v>
      </c>
      <c r="J3753">
        <v>33.581899999999997</v>
      </c>
    </row>
    <row r="3754" spans="1:20" x14ac:dyDescent="0.25">
      <c r="A3754">
        <v>26</v>
      </c>
      <c r="B3754">
        <v>105.848</v>
      </c>
      <c r="C3754">
        <v>114.913</v>
      </c>
      <c r="D3754">
        <v>189.06</v>
      </c>
      <c r="E3754">
        <v>7710.24</v>
      </c>
      <c r="F3754">
        <v>14881.9</v>
      </c>
      <c r="G3754">
        <v>22677.200000000001</v>
      </c>
      <c r="H3754">
        <v>1.09449</v>
      </c>
      <c r="I3754">
        <v>28153.9</v>
      </c>
      <c r="J3754">
        <v>16.915900000000001</v>
      </c>
    </row>
    <row r="3755" spans="1:20" x14ac:dyDescent="0.25">
      <c r="A3755">
        <v>26</v>
      </c>
      <c r="B3755">
        <v>110.1</v>
      </c>
      <c r="C3755">
        <v>123.395</v>
      </c>
      <c r="D3755">
        <v>189.06</v>
      </c>
      <c r="E3755">
        <v>7710.24</v>
      </c>
      <c r="F3755">
        <v>10800</v>
      </c>
      <c r="G3755">
        <v>19955.900000000001</v>
      </c>
      <c r="H3755">
        <v>1.6377999999999999</v>
      </c>
      <c r="I3755">
        <v>22282.799999999999</v>
      </c>
      <c r="J3755">
        <v>20.198799999999999</v>
      </c>
    </row>
    <row r="3756" spans="1:20" x14ac:dyDescent="0.25">
      <c r="A3756">
        <v>26</v>
      </c>
      <c r="B3756">
        <v>102.777</v>
      </c>
      <c r="C3756">
        <v>123.081</v>
      </c>
      <c r="D3756">
        <v>182.47900000000001</v>
      </c>
      <c r="E3756">
        <v>7200</v>
      </c>
      <c r="F3756">
        <v>10800</v>
      </c>
      <c r="G3756">
        <v>19955.900000000001</v>
      </c>
      <c r="H3756">
        <v>3.7637800000000001</v>
      </c>
      <c r="I3756">
        <v>20089.900000000001</v>
      </c>
      <c r="J3756">
        <v>33.581899999999997</v>
      </c>
    </row>
    <row r="3757" spans="1:20" x14ac:dyDescent="0.25">
      <c r="A3757">
        <v>26</v>
      </c>
      <c r="B3757">
        <v>102.777</v>
      </c>
      <c r="C3757">
        <v>123.081</v>
      </c>
      <c r="D3757">
        <v>182.47900000000001</v>
      </c>
      <c r="E3757">
        <v>7200</v>
      </c>
      <c r="F3757">
        <v>10800</v>
      </c>
      <c r="G3757">
        <v>19955.900000000001</v>
      </c>
      <c r="H3757">
        <v>3.7637800000000001</v>
      </c>
      <c r="I3757">
        <v>20089.900000000001</v>
      </c>
      <c r="J3757">
        <v>33.581899999999997</v>
      </c>
    </row>
    <row r="3758" spans="1:20" x14ac:dyDescent="0.25">
      <c r="A3758">
        <v>26</v>
      </c>
      <c r="B3758">
        <v>110.1</v>
      </c>
      <c r="C3758">
        <v>123.395</v>
      </c>
      <c r="D3758">
        <v>189.06</v>
      </c>
      <c r="E3758">
        <v>7710.24</v>
      </c>
      <c r="F3758">
        <v>10800</v>
      </c>
      <c r="G3758">
        <v>19955.900000000001</v>
      </c>
      <c r="H3758">
        <v>1.6377999999999999</v>
      </c>
      <c r="I3758">
        <v>22282.799999999999</v>
      </c>
      <c r="J3758">
        <v>20.198799999999999</v>
      </c>
    </row>
    <row r="3759" spans="1:20" x14ac:dyDescent="0.25">
      <c r="A3759">
        <v>26</v>
      </c>
      <c r="B3759">
        <v>102.777</v>
      </c>
      <c r="C3759">
        <v>123.081</v>
      </c>
      <c r="D3759">
        <v>182.47900000000001</v>
      </c>
      <c r="E3759">
        <v>7200</v>
      </c>
      <c r="F3759">
        <v>10800</v>
      </c>
      <c r="G3759">
        <v>19955.900000000001</v>
      </c>
      <c r="H3759">
        <v>3.7637800000000001</v>
      </c>
      <c r="I3759">
        <v>20089.900000000001</v>
      </c>
      <c r="J3759">
        <v>33.581899999999997</v>
      </c>
    </row>
    <row r="3760" spans="1:20" x14ac:dyDescent="0.25">
      <c r="A3760">
        <v>26</v>
      </c>
      <c r="B3760">
        <v>102.777</v>
      </c>
      <c r="C3760">
        <v>123.081</v>
      </c>
      <c r="D3760">
        <v>182.47900000000001</v>
      </c>
      <c r="E3760">
        <v>7200</v>
      </c>
      <c r="F3760">
        <v>10800</v>
      </c>
      <c r="G3760">
        <v>19955.900000000001</v>
      </c>
      <c r="H3760">
        <v>3.7637800000000001</v>
      </c>
      <c r="I3760">
        <v>20089.900000000001</v>
      </c>
      <c r="J3760">
        <v>33.581899999999997</v>
      </c>
      <c r="P3760" t="s">
        <v>1</v>
      </c>
      <c r="R3760" t="s">
        <v>2</v>
      </c>
      <c r="T3760">
        <v>25</v>
      </c>
    </row>
    <row r="3761" spans="1:17" x14ac:dyDescent="0.25">
      <c r="A3761">
        <v>26</v>
      </c>
      <c r="B3761">
        <v>108.446</v>
      </c>
      <c r="C3761">
        <v>118.369</v>
      </c>
      <c r="D3761">
        <v>190</v>
      </c>
      <c r="E3761">
        <v>10431.5</v>
      </c>
      <c r="F3761">
        <v>10800</v>
      </c>
      <c r="G3761">
        <v>19955.900000000001</v>
      </c>
      <c r="H3761">
        <v>1.1181099999999999</v>
      </c>
      <c r="I3761">
        <v>26815.1</v>
      </c>
      <c r="J3761">
        <v>17.5837</v>
      </c>
      <c r="P3761">
        <v>63</v>
      </c>
      <c r="Q3761">
        <v>72600</v>
      </c>
    </row>
    <row r="3762" spans="1:17" x14ac:dyDescent="0.25">
      <c r="A3762">
        <v>26</v>
      </c>
      <c r="B3762">
        <v>108.919</v>
      </c>
      <c r="C3762">
        <v>118.369</v>
      </c>
      <c r="D3762">
        <v>190</v>
      </c>
      <c r="E3762">
        <v>10431.5</v>
      </c>
      <c r="F3762">
        <v>10800</v>
      </c>
      <c r="G3762">
        <v>19955.900000000001</v>
      </c>
      <c r="H3762">
        <v>1.4960599999999999</v>
      </c>
      <c r="I3762">
        <v>25563</v>
      </c>
      <c r="J3762">
        <v>18.1692</v>
      </c>
    </row>
    <row r="3763" spans="1:17" x14ac:dyDescent="0.25">
      <c r="A3763">
        <v>26</v>
      </c>
      <c r="B3763">
        <v>110.1</v>
      </c>
      <c r="C3763">
        <v>123.395</v>
      </c>
      <c r="D3763">
        <v>189.37299999999999</v>
      </c>
      <c r="E3763">
        <v>7200</v>
      </c>
      <c r="F3763">
        <v>10800</v>
      </c>
      <c r="G3763">
        <v>19955.900000000001</v>
      </c>
      <c r="H3763">
        <v>3.10236</v>
      </c>
      <c r="I3763">
        <v>20831.8</v>
      </c>
      <c r="J3763">
        <v>24.819800000000001</v>
      </c>
    </row>
    <row r="3764" spans="1:17" x14ac:dyDescent="0.25">
      <c r="A3764">
        <v>26</v>
      </c>
      <c r="B3764">
        <v>110.1</v>
      </c>
      <c r="C3764">
        <v>123.395</v>
      </c>
      <c r="D3764">
        <v>189.06</v>
      </c>
      <c r="E3764">
        <v>7710.24</v>
      </c>
      <c r="F3764">
        <v>10800</v>
      </c>
      <c r="G3764">
        <v>19955.900000000001</v>
      </c>
      <c r="H3764">
        <v>1.6377999999999999</v>
      </c>
      <c r="I3764">
        <v>22282.799999999999</v>
      </c>
      <c r="J3764">
        <v>20.198799999999999</v>
      </c>
    </row>
    <row r="3765" spans="1:17" x14ac:dyDescent="0.25">
      <c r="A3765">
        <v>26</v>
      </c>
      <c r="B3765">
        <v>106.79300000000001</v>
      </c>
      <c r="C3765">
        <v>124.024</v>
      </c>
      <c r="D3765">
        <v>184.04599999999999</v>
      </c>
      <c r="E3765">
        <v>10516.5</v>
      </c>
      <c r="F3765">
        <v>19984.3</v>
      </c>
      <c r="G3765">
        <v>20636.2</v>
      </c>
      <c r="H3765">
        <v>2.25197</v>
      </c>
      <c r="I3765">
        <v>36430.5</v>
      </c>
      <c r="J3765">
        <v>16.778199999999998</v>
      </c>
    </row>
    <row r="3766" spans="1:17" x14ac:dyDescent="0.25">
      <c r="A3766">
        <v>26</v>
      </c>
      <c r="B3766">
        <v>102.777</v>
      </c>
      <c r="C3766">
        <v>123.081</v>
      </c>
      <c r="D3766">
        <v>182.47900000000001</v>
      </c>
      <c r="E3766">
        <v>7200</v>
      </c>
      <c r="F3766">
        <v>10800</v>
      </c>
      <c r="G3766">
        <v>19955.900000000001</v>
      </c>
      <c r="H3766">
        <v>3.7637800000000001</v>
      </c>
      <c r="I3766">
        <v>20089.900000000001</v>
      </c>
      <c r="J3766">
        <v>33.581899999999997</v>
      </c>
    </row>
    <row r="3767" spans="1:17" x14ac:dyDescent="0.25">
      <c r="A3767">
        <v>26</v>
      </c>
      <c r="B3767">
        <v>110.1</v>
      </c>
      <c r="C3767">
        <v>123.395</v>
      </c>
      <c r="D3767">
        <v>189.37299999999999</v>
      </c>
      <c r="E3767">
        <v>7200</v>
      </c>
      <c r="F3767">
        <v>10800</v>
      </c>
      <c r="G3767">
        <v>19955.900000000001</v>
      </c>
      <c r="H3767">
        <v>3.10236</v>
      </c>
      <c r="I3767">
        <v>20831.8</v>
      </c>
      <c r="J3767">
        <v>24.819800000000001</v>
      </c>
    </row>
    <row r="3768" spans="1:17" x14ac:dyDescent="0.25">
      <c r="A3768">
        <v>26</v>
      </c>
      <c r="B3768">
        <v>108.446</v>
      </c>
      <c r="C3768">
        <v>118.369</v>
      </c>
      <c r="D3768">
        <v>190</v>
      </c>
      <c r="E3768">
        <v>10431.5</v>
      </c>
      <c r="F3768">
        <v>10800</v>
      </c>
      <c r="G3768">
        <v>19955.900000000001</v>
      </c>
      <c r="H3768">
        <v>1.1181099999999999</v>
      </c>
      <c r="I3768">
        <v>26815.1</v>
      </c>
      <c r="J3768">
        <v>17.5837</v>
      </c>
    </row>
    <row r="3769" spans="1:17" x14ac:dyDescent="0.25">
      <c r="A3769">
        <v>26</v>
      </c>
      <c r="B3769">
        <v>108.446</v>
      </c>
      <c r="C3769">
        <v>118.369</v>
      </c>
      <c r="D3769">
        <v>190</v>
      </c>
      <c r="E3769">
        <v>10431.5</v>
      </c>
      <c r="F3769">
        <v>10800</v>
      </c>
      <c r="G3769">
        <v>19955.900000000001</v>
      </c>
      <c r="H3769">
        <v>1.1181099999999999</v>
      </c>
      <c r="I3769">
        <v>26815.1</v>
      </c>
      <c r="J3769">
        <v>17.5837</v>
      </c>
    </row>
    <row r="3770" spans="1:17" x14ac:dyDescent="0.25">
      <c r="A3770">
        <v>26</v>
      </c>
      <c r="B3770">
        <v>110.1</v>
      </c>
      <c r="C3770">
        <v>123.395</v>
      </c>
      <c r="D3770">
        <v>189.06</v>
      </c>
      <c r="E3770">
        <v>7710.24</v>
      </c>
      <c r="F3770">
        <v>10800</v>
      </c>
      <c r="G3770">
        <v>19955.900000000001</v>
      </c>
      <c r="H3770">
        <v>1.6377999999999999</v>
      </c>
      <c r="I3770">
        <v>22282.799999999999</v>
      </c>
      <c r="J3770">
        <v>20.198799999999999</v>
      </c>
    </row>
    <row r="3771" spans="1:17" x14ac:dyDescent="0.25">
      <c r="A3771">
        <v>26</v>
      </c>
      <c r="B3771">
        <v>102.777</v>
      </c>
      <c r="C3771">
        <v>123.081</v>
      </c>
      <c r="D3771">
        <v>182.47900000000001</v>
      </c>
      <c r="E3771">
        <v>7200</v>
      </c>
      <c r="F3771">
        <v>10800</v>
      </c>
      <c r="G3771">
        <v>19955.900000000001</v>
      </c>
      <c r="H3771">
        <v>3.7637800000000001</v>
      </c>
      <c r="I3771">
        <v>20089.900000000001</v>
      </c>
      <c r="J3771">
        <v>33.581899999999997</v>
      </c>
    </row>
    <row r="3772" spans="1:17" x14ac:dyDescent="0.25">
      <c r="A3772">
        <v>26</v>
      </c>
      <c r="B3772">
        <v>102.777</v>
      </c>
      <c r="C3772">
        <v>123.081</v>
      </c>
      <c r="D3772">
        <v>182.47900000000001</v>
      </c>
      <c r="E3772">
        <v>7200</v>
      </c>
      <c r="F3772">
        <v>10800</v>
      </c>
      <c r="G3772">
        <v>19955.900000000001</v>
      </c>
      <c r="H3772">
        <v>3.7637800000000001</v>
      </c>
      <c r="I3772">
        <v>20089.900000000001</v>
      </c>
      <c r="J3772">
        <v>33.581899999999997</v>
      </c>
    </row>
    <row r="3773" spans="1:17" x14ac:dyDescent="0.25">
      <c r="A3773">
        <v>26</v>
      </c>
      <c r="B3773">
        <v>110.1</v>
      </c>
      <c r="C3773">
        <v>123.395</v>
      </c>
      <c r="D3773">
        <v>189.06</v>
      </c>
      <c r="E3773">
        <v>7710.24</v>
      </c>
      <c r="F3773">
        <v>10800</v>
      </c>
      <c r="G3773">
        <v>19955.900000000001</v>
      </c>
      <c r="H3773">
        <v>1.6377999999999999</v>
      </c>
      <c r="I3773">
        <v>22282.799999999999</v>
      </c>
      <c r="J3773">
        <v>20.198799999999999</v>
      </c>
    </row>
    <row r="3774" spans="1:17" x14ac:dyDescent="0.25">
      <c r="A3774">
        <v>26</v>
      </c>
      <c r="B3774">
        <v>110.1</v>
      </c>
      <c r="C3774">
        <v>119.625</v>
      </c>
      <c r="D3774">
        <v>189.06</v>
      </c>
      <c r="E3774">
        <v>8730.7099999999991</v>
      </c>
      <c r="F3774">
        <v>10800</v>
      </c>
      <c r="G3774">
        <v>19955.900000000001</v>
      </c>
      <c r="H3774">
        <v>1.5669299999999999</v>
      </c>
      <c r="I3774">
        <v>23517.8</v>
      </c>
      <c r="J3774">
        <v>18.171800000000001</v>
      </c>
    </row>
    <row r="3775" spans="1:17" x14ac:dyDescent="0.25">
      <c r="A3775">
        <v>26</v>
      </c>
      <c r="B3775">
        <v>102.777</v>
      </c>
      <c r="C3775">
        <v>123.081</v>
      </c>
      <c r="D3775">
        <v>182.47900000000001</v>
      </c>
      <c r="E3775">
        <v>7200</v>
      </c>
      <c r="F3775">
        <v>10800</v>
      </c>
      <c r="G3775">
        <v>19955.900000000001</v>
      </c>
      <c r="H3775">
        <v>3.7637800000000001</v>
      </c>
      <c r="I3775">
        <v>20089.900000000001</v>
      </c>
      <c r="J3775">
        <v>33.581899999999997</v>
      </c>
    </row>
    <row r="3776" spans="1:17" x14ac:dyDescent="0.25">
      <c r="A3776">
        <v>26</v>
      </c>
      <c r="B3776">
        <v>110.1</v>
      </c>
      <c r="C3776">
        <v>123.395</v>
      </c>
      <c r="D3776">
        <v>189.06</v>
      </c>
      <c r="E3776">
        <v>7710.24</v>
      </c>
      <c r="F3776">
        <v>10800</v>
      </c>
      <c r="G3776">
        <v>19955.900000000001</v>
      </c>
      <c r="H3776">
        <v>1.6377999999999999</v>
      </c>
      <c r="I3776">
        <v>22282.799999999999</v>
      </c>
      <c r="J3776">
        <v>20.198799999999999</v>
      </c>
    </row>
    <row r="3777" spans="1:10" x14ac:dyDescent="0.25">
      <c r="A3777">
        <v>26</v>
      </c>
      <c r="B3777">
        <v>110.1</v>
      </c>
      <c r="C3777">
        <v>123.395</v>
      </c>
      <c r="D3777">
        <v>189.06</v>
      </c>
      <c r="E3777">
        <v>7710.24</v>
      </c>
      <c r="F3777">
        <v>10800</v>
      </c>
      <c r="G3777">
        <v>19955.900000000001</v>
      </c>
      <c r="H3777">
        <v>1.6377999999999999</v>
      </c>
      <c r="I3777">
        <v>22282.799999999999</v>
      </c>
      <c r="J3777">
        <v>20.198799999999999</v>
      </c>
    </row>
    <row r="3778" spans="1:10" x14ac:dyDescent="0.25">
      <c r="A3778">
        <v>26</v>
      </c>
      <c r="B3778">
        <v>108.446</v>
      </c>
      <c r="C3778">
        <v>117.74</v>
      </c>
      <c r="D3778">
        <v>189.68700000000001</v>
      </c>
      <c r="E3778">
        <v>9921.26</v>
      </c>
      <c r="F3778">
        <v>10800</v>
      </c>
      <c r="G3778">
        <v>18595.3</v>
      </c>
      <c r="H3778">
        <v>1.1653500000000001</v>
      </c>
      <c r="I3778">
        <v>25881.9</v>
      </c>
      <c r="J3778">
        <v>18.015799999999999</v>
      </c>
    </row>
    <row r="3779" spans="1:10" x14ac:dyDescent="0.25">
      <c r="A3779">
        <v>26</v>
      </c>
      <c r="B3779">
        <v>109.864</v>
      </c>
      <c r="C3779">
        <v>122.767</v>
      </c>
      <c r="D3779">
        <v>190</v>
      </c>
      <c r="E3779">
        <v>7370.08</v>
      </c>
      <c r="F3779">
        <v>10800</v>
      </c>
      <c r="G3779">
        <v>19785.8</v>
      </c>
      <c r="H3779">
        <v>3.00787</v>
      </c>
      <c r="I3779">
        <v>20595</v>
      </c>
      <c r="J3779">
        <v>25.9528</v>
      </c>
    </row>
    <row r="3780" spans="1:10" x14ac:dyDescent="0.25">
      <c r="A3780">
        <v>26</v>
      </c>
      <c r="B3780">
        <v>110.1</v>
      </c>
      <c r="C3780">
        <v>119.625</v>
      </c>
      <c r="D3780">
        <v>189.06</v>
      </c>
      <c r="E3780">
        <v>8730.7099999999991</v>
      </c>
      <c r="F3780">
        <v>10800</v>
      </c>
      <c r="G3780">
        <v>19955.900000000001</v>
      </c>
      <c r="H3780">
        <v>1.5669299999999999</v>
      </c>
      <c r="I3780">
        <v>23517.8</v>
      </c>
      <c r="J3780">
        <v>18.171800000000001</v>
      </c>
    </row>
  </sheetData>
  <sortState ref="L3461:M3500">
    <sortCondition ref="L3461"/>
  </sortState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"/>
  <sheetViews>
    <sheetView workbookViewId="0">
      <selection sqref="A1:J3780"/>
    </sheetView>
  </sheetViews>
  <sheetFormatPr defaultRowHeight="15" x14ac:dyDescent="0.25"/>
  <cols>
    <col min="1" max="1" width="3" bestFit="1" customWidth="1"/>
    <col min="2" max="10" width="8" bestFit="1" customWidth="1"/>
  </cols>
  <sheetData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G1530"/>
  <sheetViews>
    <sheetView topLeftCell="A1493" workbookViewId="0">
      <selection sqref="A1:G1530"/>
    </sheetView>
  </sheetViews>
  <sheetFormatPr defaultRowHeight="15" x14ac:dyDescent="0.25"/>
  <cols>
    <col min="1" max="1" width="3" bestFit="1" customWidth="1"/>
    <col min="2" max="7" width="8" bestFit="1" customWidth="1"/>
  </cols>
  <sheetData>
    <row r="1" spans="1:7" x14ac:dyDescent="0.25">
      <c r="A1">
        <v>0</v>
      </c>
      <c r="B1">
        <v>144.864</v>
      </c>
      <c r="C1">
        <v>197.77699999999999</v>
      </c>
      <c r="D1">
        <v>7422.05</v>
      </c>
      <c r="E1">
        <v>4</v>
      </c>
      <c r="F1">
        <v>8605.35</v>
      </c>
      <c r="G1">
        <v>26.564900000000002</v>
      </c>
    </row>
    <row r="2" spans="1:7" x14ac:dyDescent="0.25">
      <c r="A2">
        <v>0</v>
      </c>
      <c r="B2">
        <v>137.62</v>
      </c>
      <c r="C2">
        <v>207.85599999999999</v>
      </c>
      <c r="D2">
        <v>15453.5</v>
      </c>
      <c r="E2">
        <v>3.9291299999999998</v>
      </c>
      <c r="F2">
        <v>17028.5</v>
      </c>
      <c r="G2">
        <v>17.475999999999999</v>
      </c>
    </row>
    <row r="3" spans="1:7" x14ac:dyDescent="0.25">
      <c r="A3">
        <v>0</v>
      </c>
      <c r="B3">
        <v>148.01300000000001</v>
      </c>
      <c r="C3">
        <v>212.58</v>
      </c>
      <c r="D3">
        <v>10768.5</v>
      </c>
      <c r="E3">
        <v>3.1732300000000002</v>
      </c>
      <c r="F3">
        <v>12251</v>
      </c>
      <c r="G3">
        <v>28.940200000000001</v>
      </c>
    </row>
    <row r="4" spans="1:7" x14ac:dyDescent="0.25">
      <c r="A4">
        <v>0</v>
      </c>
      <c r="B4">
        <v>139.82400000000001</v>
      </c>
      <c r="C4">
        <v>187.38300000000001</v>
      </c>
      <c r="D4">
        <v>11973.2</v>
      </c>
      <c r="E4">
        <v>3.2204700000000002</v>
      </c>
      <c r="F4">
        <v>13612.9</v>
      </c>
      <c r="G4">
        <v>20.519300000000001</v>
      </c>
    </row>
    <row r="5" spans="1:7" x14ac:dyDescent="0.25">
      <c r="A5">
        <v>0</v>
      </c>
      <c r="B5">
        <v>158.40700000000001</v>
      </c>
      <c r="C5">
        <v>187.38300000000001</v>
      </c>
      <c r="D5">
        <v>8492.91</v>
      </c>
      <c r="E5">
        <v>1.47244</v>
      </c>
      <c r="F5">
        <v>11044.2</v>
      </c>
      <c r="G5">
        <v>24.915700000000001</v>
      </c>
    </row>
    <row r="6" spans="1:7" x14ac:dyDescent="0.25">
      <c r="A6">
        <v>0</v>
      </c>
      <c r="B6">
        <v>141.399</v>
      </c>
      <c r="C6">
        <v>188.958</v>
      </c>
      <c r="D6">
        <v>6485.04</v>
      </c>
      <c r="E6">
        <v>3.2677200000000002</v>
      </c>
      <c r="F6">
        <v>8045.02</v>
      </c>
      <c r="G6">
        <v>20.382400000000001</v>
      </c>
    </row>
    <row r="7" spans="1:7" x14ac:dyDescent="0.25">
      <c r="A7">
        <v>0</v>
      </c>
      <c r="B7">
        <v>135.41499999999999</v>
      </c>
      <c r="C7">
        <v>194.94300000000001</v>
      </c>
      <c r="D7">
        <v>18264.599999999999</v>
      </c>
      <c r="E7">
        <v>2.9133900000000001</v>
      </c>
      <c r="F7">
        <v>19954.7</v>
      </c>
      <c r="G7">
        <v>16.020700000000001</v>
      </c>
    </row>
    <row r="8" spans="1:7" x14ac:dyDescent="0.25">
      <c r="A8">
        <v>0</v>
      </c>
      <c r="B8">
        <v>170.691</v>
      </c>
      <c r="C8">
        <v>212.58</v>
      </c>
      <c r="D8">
        <v>15185.8</v>
      </c>
      <c r="E8">
        <v>2.6299199999999998</v>
      </c>
      <c r="F8">
        <v>4310.1099999999997</v>
      </c>
      <c r="G8">
        <v>82.422600000000003</v>
      </c>
    </row>
    <row r="9" spans="1:7" x14ac:dyDescent="0.25">
      <c r="A9">
        <v>0</v>
      </c>
      <c r="B9">
        <v>148.01300000000001</v>
      </c>
      <c r="C9">
        <v>191.79300000000001</v>
      </c>
      <c r="D9">
        <v>12240.9</v>
      </c>
      <c r="E9">
        <v>1.80315</v>
      </c>
      <c r="F9">
        <v>14705.3</v>
      </c>
      <c r="G9">
        <v>28.432300000000001</v>
      </c>
    </row>
    <row r="10" spans="1:7" x14ac:dyDescent="0.25">
      <c r="A10">
        <v>0</v>
      </c>
      <c r="B10">
        <v>142.97399999999999</v>
      </c>
      <c r="C10">
        <v>208.48599999999999</v>
      </c>
      <c r="D10">
        <v>9965.35</v>
      </c>
      <c r="E10">
        <v>1.99213</v>
      </c>
      <c r="F10">
        <v>12316.8</v>
      </c>
      <c r="G10">
        <v>23.4237</v>
      </c>
    </row>
    <row r="11" spans="1:7" x14ac:dyDescent="0.25">
      <c r="A11">
        <v>0</v>
      </c>
      <c r="B11">
        <v>174.47</v>
      </c>
      <c r="C11">
        <v>175.41499999999999</v>
      </c>
      <c r="D11">
        <v>7422.05</v>
      </c>
      <c r="E11">
        <v>3.0787399999999998</v>
      </c>
      <c r="F11">
        <v>3513.86</v>
      </c>
      <c r="G11">
        <v>111.676</v>
      </c>
    </row>
    <row r="12" spans="1:7" x14ac:dyDescent="0.25">
      <c r="A12">
        <v>0</v>
      </c>
      <c r="B12">
        <v>168.48599999999999</v>
      </c>
      <c r="C12">
        <v>197.14699999999999</v>
      </c>
      <c r="D12">
        <v>7154.33</v>
      </c>
      <c r="E12">
        <v>3.5275599999999998</v>
      </c>
      <c r="F12">
        <v>4672.13</v>
      </c>
      <c r="G12">
        <v>77.736599999999996</v>
      </c>
    </row>
    <row r="13" spans="1:7" x14ac:dyDescent="0.25">
      <c r="A13">
        <v>0</v>
      </c>
      <c r="B13">
        <v>167.85599999999999</v>
      </c>
      <c r="C13">
        <v>177.935</v>
      </c>
      <c r="D13">
        <v>15453.5</v>
      </c>
      <c r="E13">
        <v>2.8897599999999999</v>
      </c>
      <c r="F13">
        <v>5357.22</v>
      </c>
      <c r="G13">
        <v>79.952799999999996</v>
      </c>
    </row>
    <row r="14" spans="1:7" x14ac:dyDescent="0.25">
      <c r="A14">
        <v>0</v>
      </c>
      <c r="B14">
        <v>157.14699999999999</v>
      </c>
      <c r="C14">
        <v>179.19399999999999</v>
      </c>
      <c r="D14">
        <v>9162.2000000000007</v>
      </c>
      <c r="E14">
        <v>2.34646</v>
      </c>
      <c r="F14">
        <v>11083.6</v>
      </c>
      <c r="G14">
        <v>32.423099999999998</v>
      </c>
    </row>
    <row r="15" spans="1:7" x14ac:dyDescent="0.25">
      <c r="A15">
        <v>0</v>
      </c>
      <c r="B15">
        <v>156.202</v>
      </c>
      <c r="C15">
        <v>179.82400000000001</v>
      </c>
      <c r="D15">
        <v>18398.400000000001</v>
      </c>
      <c r="E15">
        <v>1.89764</v>
      </c>
      <c r="F15">
        <v>20615.8</v>
      </c>
      <c r="G15">
        <v>25.457599999999999</v>
      </c>
    </row>
    <row r="16" spans="1:7" x14ac:dyDescent="0.25">
      <c r="A16">
        <v>0</v>
      </c>
      <c r="B16">
        <v>152.738</v>
      </c>
      <c r="C16">
        <v>208.48599999999999</v>
      </c>
      <c r="D16">
        <v>13713.4</v>
      </c>
      <c r="E16">
        <v>1.47244</v>
      </c>
      <c r="F16">
        <v>16251</v>
      </c>
      <c r="G16">
        <v>35.902299999999997</v>
      </c>
    </row>
    <row r="17" spans="1:7" x14ac:dyDescent="0.25">
      <c r="A17">
        <v>0</v>
      </c>
      <c r="B17">
        <v>156.202</v>
      </c>
      <c r="C17">
        <v>181.399</v>
      </c>
      <c r="D17">
        <v>7957.48</v>
      </c>
      <c r="E17">
        <v>1.6377999999999999</v>
      </c>
      <c r="F17">
        <v>10641.5</v>
      </c>
      <c r="G17">
        <v>23.644500000000001</v>
      </c>
    </row>
    <row r="18" spans="1:7" x14ac:dyDescent="0.25">
      <c r="A18">
        <v>0</v>
      </c>
      <c r="B18">
        <v>153.99799999999999</v>
      </c>
      <c r="C18">
        <v>198.09200000000001</v>
      </c>
      <c r="D18">
        <v>13579.5</v>
      </c>
      <c r="E18">
        <v>3.0314999999999999</v>
      </c>
      <c r="F18">
        <v>15044.4</v>
      </c>
      <c r="G18">
        <v>35.844499999999996</v>
      </c>
    </row>
    <row r="19" spans="1:7" x14ac:dyDescent="0.25">
      <c r="A19">
        <v>0</v>
      </c>
      <c r="B19">
        <v>168.48599999999999</v>
      </c>
      <c r="C19">
        <v>214.47</v>
      </c>
      <c r="D19">
        <v>5146.46</v>
      </c>
      <c r="E19">
        <v>2.74803</v>
      </c>
      <c r="F19">
        <v>4822.13</v>
      </c>
      <c r="G19">
        <v>81.163300000000007</v>
      </c>
    </row>
    <row r="20" spans="1:7" x14ac:dyDescent="0.25">
      <c r="A20">
        <v>0</v>
      </c>
      <c r="B20">
        <v>167.226</v>
      </c>
      <c r="C20">
        <v>212.89500000000001</v>
      </c>
      <c r="D20">
        <v>17595.3</v>
      </c>
      <c r="E20">
        <v>3.8818899999999998</v>
      </c>
      <c r="F20">
        <v>5442.55</v>
      </c>
      <c r="G20">
        <v>79.692899999999995</v>
      </c>
    </row>
    <row r="21" spans="1:7" x14ac:dyDescent="0.25">
      <c r="A21">
        <v>0</v>
      </c>
      <c r="B21">
        <v>148.958</v>
      </c>
      <c r="C21">
        <v>175.41499999999999</v>
      </c>
      <c r="D21">
        <v>8091.34</v>
      </c>
      <c r="E21">
        <v>3.1259800000000002</v>
      </c>
      <c r="F21">
        <v>9891.31</v>
      </c>
      <c r="G21">
        <v>31.116299999999999</v>
      </c>
    </row>
    <row r="22" spans="1:7" x14ac:dyDescent="0.25">
      <c r="A22">
        <v>0</v>
      </c>
      <c r="B22">
        <v>150.21799999999999</v>
      </c>
      <c r="C22">
        <v>192.108</v>
      </c>
      <c r="D22">
        <v>8492.91</v>
      </c>
      <c r="E22">
        <v>3.5275599999999998</v>
      </c>
      <c r="F22">
        <v>9779.48</v>
      </c>
      <c r="G22">
        <v>33.927</v>
      </c>
    </row>
    <row r="23" spans="1:7" x14ac:dyDescent="0.25">
      <c r="A23">
        <v>0</v>
      </c>
      <c r="B23">
        <v>168.17099999999999</v>
      </c>
      <c r="C23">
        <v>197.14699999999999</v>
      </c>
      <c r="D23">
        <v>2870.87</v>
      </c>
      <c r="E23">
        <v>3.8110200000000001</v>
      </c>
      <c r="F23">
        <v>3961.22</v>
      </c>
      <c r="G23">
        <v>50.840899999999998</v>
      </c>
    </row>
    <row r="24" spans="1:7" x14ac:dyDescent="0.25">
      <c r="A24">
        <v>0</v>
      </c>
      <c r="B24">
        <v>158.40700000000001</v>
      </c>
      <c r="C24">
        <v>178.88</v>
      </c>
      <c r="D24">
        <v>2201.5700000000002</v>
      </c>
      <c r="E24">
        <v>1.09449</v>
      </c>
      <c r="F24">
        <v>5612.45</v>
      </c>
      <c r="G24">
        <v>46.267499999999998</v>
      </c>
    </row>
    <row r="25" spans="1:7" x14ac:dyDescent="0.25">
      <c r="A25">
        <v>0</v>
      </c>
      <c r="B25">
        <v>159.982</v>
      </c>
      <c r="C25">
        <v>189.273</v>
      </c>
      <c r="D25">
        <v>14248.8</v>
      </c>
      <c r="E25">
        <v>3.8110200000000001</v>
      </c>
      <c r="F25">
        <v>15212.6</v>
      </c>
      <c r="G25">
        <v>33.851700000000001</v>
      </c>
    </row>
    <row r="26" spans="1:7" x14ac:dyDescent="0.25">
      <c r="A26">
        <v>0</v>
      </c>
      <c r="B26">
        <v>136.67500000000001</v>
      </c>
      <c r="C26">
        <v>210.691</v>
      </c>
      <c r="D26">
        <v>2067.7199999999998</v>
      </c>
      <c r="E26">
        <v>3.0787399999999998</v>
      </c>
      <c r="F26">
        <v>3985.5</v>
      </c>
      <c r="G26">
        <v>110.819</v>
      </c>
    </row>
    <row r="27" spans="1:7" x14ac:dyDescent="0.25">
      <c r="A27">
        <v>0</v>
      </c>
      <c r="B27">
        <v>141.714</v>
      </c>
      <c r="C27">
        <v>206.911</v>
      </c>
      <c r="D27">
        <v>9697.64</v>
      </c>
      <c r="E27">
        <v>2.20472</v>
      </c>
      <c r="F27">
        <v>11822</v>
      </c>
      <c r="G27">
        <v>21.2103</v>
      </c>
    </row>
    <row r="28" spans="1:7" x14ac:dyDescent="0.25">
      <c r="A28">
        <v>0</v>
      </c>
      <c r="B28">
        <v>164.07599999999999</v>
      </c>
      <c r="C28">
        <v>202.50200000000001</v>
      </c>
      <c r="D28">
        <v>5815.75</v>
      </c>
      <c r="E28">
        <v>2.74803</v>
      </c>
      <c r="F28">
        <v>7178.28</v>
      </c>
      <c r="G28">
        <v>85.165999999999997</v>
      </c>
    </row>
    <row r="29" spans="1:7" x14ac:dyDescent="0.25">
      <c r="A29">
        <v>0</v>
      </c>
      <c r="B29">
        <v>146.124</v>
      </c>
      <c r="C29">
        <v>209.74600000000001</v>
      </c>
      <c r="D29">
        <v>17863</v>
      </c>
      <c r="E29">
        <v>2.0629900000000001</v>
      </c>
      <c r="F29">
        <v>19836.400000000001</v>
      </c>
      <c r="G29">
        <v>26.988499999999998</v>
      </c>
    </row>
    <row r="30" spans="1:7" x14ac:dyDescent="0.25">
      <c r="A30">
        <v>0</v>
      </c>
      <c r="B30">
        <v>160.297</v>
      </c>
      <c r="C30">
        <v>175.41499999999999</v>
      </c>
      <c r="D30">
        <v>17193.7</v>
      </c>
      <c r="E30">
        <v>2.1574800000000001</v>
      </c>
      <c r="F30">
        <v>16199.4</v>
      </c>
      <c r="G30">
        <v>61.144399999999997</v>
      </c>
    </row>
    <row r="31" spans="1:7" x14ac:dyDescent="0.25">
      <c r="A31">
        <v>0</v>
      </c>
      <c r="B31">
        <v>174.785</v>
      </c>
      <c r="C31">
        <v>203.446</v>
      </c>
      <c r="D31">
        <v>7957.48</v>
      </c>
      <c r="E31">
        <v>1.44882</v>
      </c>
      <c r="F31">
        <v>4429.62</v>
      </c>
      <c r="G31">
        <v>109.652</v>
      </c>
    </row>
    <row r="32" spans="1:7" x14ac:dyDescent="0.25">
      <c r="A32">
        <v>0</v>
      </c>
      <c r="B32">
        <v>153.68299999999999</v>
      </c>
      <c r="C32">
        <v>198.09200000000001</v>
      </c>
      <c r="D32">
        <v>18398.400000000001</v>
      </c>
      <c r="E32">
        <v>1</v>
      </c>
      <c r="F32">
        <v>22328.2</v>
      </c>
      <c r="G32">
        <v>34.402200000000001</v>
      </c>
    </row>
    <row r="33" spans="1:7" x14ac:dyDescent="0.25">
      <c r="A33">
        <v>0</v>
      </c>
      <c r="B33">
        <v>143.60400000000001</v>
      </c>
      <c r="C33">
        <v>194.31299999999999</v>
      </c>
      <c r="D33">
        <v>8359.06</v>
      </c>
      <c r="E33">
        <v>1.73228</v>
      </c>
      <c r="F33">
        <v>10701.6</v>
      </c>
      <c r="G33">
        <v>24.3706</v>
      </c>
    </row>
    <row r="34" spans="1:7" x14ac:dyDescent="0.25">
      <c r="A34">
        <v>0</v>
      </c>
      <c r="B34">
        <v>163.761</v>
      </c>
      <c r="C34">
        <v>209.74600000000001</v>
      </c>
      <c r="D34">
        <v>15453.5</v>
      </c>
      <c r="E34">
        <v>3.10236</v>
      </c>
      <c r="F34">
        <v>8439.0400000000009</v>
      </c>
      <c r="G34">
        <v>83.284300000000002</v>
      </c>
    </row>
    <row r="35" spans="1:7" x14ac:dyDescent="0.25">
      <c r="A35">
        <v>0</v>
      </c>
      <c r="B35">
        <v>171.32</v>
      </c>
      <c r="C35">
        <v>201.55699999999999</v>
      </c>
      <c r="D35">
        <v>7154.33</v>
      </c>
      <c r="E35">
        <v>3.6929099999999999</v>
      </c>
      <c r="F35">
        <v>3942</v>
      </c>
      <c r="G35">
        <v>105.71599999999999</v>
      </c>
    </row>
    <row r="36" spans="1:7" x14ac:dyDescent="0.25">
      <c r="A36">
        <v>0</v>
      </c>
      <c r="B36">
        <v>164.07599999999999</v>
      </c>
      <c r="C36">
        <v>205.33600000000001</v>
      </c>
      <c r="D36">
        <v>16792.099999999999</v>
      </c>
      <c r="E36">
        <v>1.3307100000000001</v>
      </c>
      <c r="F36">
        <v>8867.24</v>
      </c>
      <c r="G36">
        <v>75.909199999999998</v>
      </c>
    </row>
    <row r="37" spans="1:7" x14ac:dyDescent="0.25">
      <c r="A37">
        <v>0</v>
      </c>
      <c r="B37">
        <v>164.07599999999999</v>
      </c>
      <c r="C37">
        <v>207.226</v>
      </c>
      <c r="D37">
        <v>5548.03</v>
      </c>
      <c r="E37">
        <v>1.1889799999999999</v>
      </c>
      <c r="F37">
        <v>8413.7099999999991</v>
      </c>
      <c r="G37">
        <v>24.717400000000001</v>
      </c>
    </row>
    <row r="38" spans="1:7" x14ac:dyDescent="0.25">
      <c r="A38">
        <v>0</v>
      </c>
      <c r="B38">
        <v>141.714</v>
      </c>
      <c r="C38">
        <v>175.1</v>
      </c>
      <c r="D38">
        <v>11705.5</v>
      </c>
      <c r="E38">
        <v>3.64567</v>
      </c>
      <c r="F38">
        <v>13832.6</v>
      </c>
      <c r="G38">
        <v>21.449400000000001</v>
      </c>
    </row>
    <row r="39" spans="1:7" x14ac:dyDescent="0.25">
      <c r="A39">
        <v>0</v>
      </c>
      <c r="B39">
        <v>164.39099999999999</v>
      </c>
      <c r="C39">
        <v>206.596</v>
      </c>
      <c r="D39">
        <v>14784.3</v>
      </c>
      <c r="E39">
        <v>3.3858299999999999</v>
      </c>
      <c r="F39">
        <v>7453.43</v>
      </c>
      <c r="G39">
        <v>82.971100000000007</v>
      </c>
    </row>
    <row r="40" spans="1:7" x14ac:dyDescent="0.25">
      <c r="A40">
        <v>0</v>
      </c>
      <c r="B40">
        <v>152.738</v>
      </c>
      <c r="C40">
        <v>211.63499999999999</v>
      </c>
      <c r="D40">
        <v>4343.3100000000004</v>
      </c>
      <c r="E40">
        <v>1.2598400000000001</v>
      </c>
      <c r="F40">
        <v>7280.09</v>
      </c>
      <c r="G40">
        <v>35.207799999999999</v>
      </c>
    </row>
    <row r="41" spans="1:7" x14ac:dyDescent="0.25">
      <c r="A41">
        <v>0</v>
      </c>
      <c r="B41">
        <v>156.202</v>
      </c>
      <c r="C41">
        <v>199.03700000000001</v>
      </c>
      <c r="D41">
        <v>10500.8</v>
      </c>
      <c r="E41">
        <v>1.02362</v>
      </c>
      <c r="F41">
        <v>5936.56</v>
      </c>
      <c r="G41">
        <v>38.229999999999997</v>
      </c>
    </row>
    <row r="42" spans="1:7" x14ac:dyDescent="0.25">
      <c r="A42">
        <v>0</v>
      </c>
      <c r="B42">
        <v>161.24199999999999</v>
      </c>
      <c r="C42">
        <v>187.38300000000001</v>
      </c>
      <c r="D42">
        <v>8359.06</v>
      </c>
      <c r="E42">
        <v>3.8346499999999999</v>
      </c>
      <c r="F42">
        <v>9396.7199999999993</v>
      </c>
      <c r="G42">
        <v>28.4634</v>
      </c>
    </row>
    <row r="43" spans="1:7" x14ac:dyDescent="0.25">
      <c r="A43">
        <v>0</v>
      </c>
      <c r="B43">
        <v>170.06100000000001</v>
      </c>
      <c r="C43">
        <v>192.423</v>
      </c>
      <c r="D43">
        <v>17729.099999999999</v>
      </c>
      <c r="E43">
        <v>3.4803099999999998</v>
      </c>
      <c r="F43">
        <v>4359.29</v>
      </c>
      <c r="G43">
        <v>104.215</v>
      </c>
    </row>
    <row r="44" spans="1:7" x14ac:dyDescent="0.25">
      <c r="A44">
        <v>0</v>
      </c>
      <c r="B44">
        <v>143.91900000000001</v>
      </c>
      <c r="C44">
        <v>208.17099999999999</v>
      </c>
      <c r="D44">
        <v>13311.8</v>
      </c>
      <c r="E44">
        <v>1.9448799999999999</v>
      </c>
      <c r="F44">
        <v>15619.2</v>
      </c>
      <c r="G44">
        <v>24.949000000000002</v>
      </c>
    </row>
    <row r="45" spans="1:7" x14ac:dyDescent="0.25">
      <c r="A45">
        <v>0</v>
      </c>
      <c r="B45">
        <v>147.06899999999999</v>
      </c>
      <c r="C45">
        <v>179.19399999999999</v>
      </c>
      <c r="D45">
        <v>12642.5</v>
      </c>
      <c r="E45">
        <v>1.6850400000000001</v>
      </c>
      <c r="F45">
        <v>15229.7</v>
      </c>
      <c r="G45">
        <v>27.5762</v>
      </c>
    </row>
    <row r="46" spans="1:7" x14ac:dyDescent="0.25">
      <c r="A46">
        <v>0</v>
      </c>
      <c r="B46">
        <v>174.785</v>
      </c>
      <c r="C46">
        <v>183.91900000000001</v>
      </c>
      <c r="D46">
        <v>4209.45</v>
      </c>
      <c r="E46">
        <v>1.89764</v>
      </c>
      <c r="F46">
        <v>3988.85</v>
      </c>
      <c r="G46">
        <v>99.578299999999999</v>
      </c>
    </row>
    <row r="47" spans="1:7" x14ac:dyDescent="0.25">
      <c r="A47">
        <v>0</v>
      </c>
      <c r="B47">
        <v>165.33600000000001</v>
      </c>
      <c r="C47">
        <v>209.74600000000001</v>
      </c>
      <c r="D47">
        <v>15989</v>
      </c>
      <c r="E47">
        <v>1.3307100000000001</v>
      </c>
      <c r="F47">
        <v>7736.01</v>
      </c>
      <c r="G47">
        <v>78.511300000000006</v>
      </c>
    </row>
    <row r="48" spans="1:7" x14ac:dyDescent="0.25">
      <c r="A48">
        <v>0</v>
      </c>
      <c r="B48">
        <v>159.982</v>
      </c>
      <c r="C48">
        <v>182.97399999999999</v>
      </c>
      <c r="D48">
        <v>11571.7</v>
      </c>
      <c r="E48">
        <v>1.1417299999999999</v>
      </c>
      <c r="F48">
        <v>15066.6</v>
      </c>
      <c r="G48">
        <v>20.617699999999999</v>
      </c>
    </row>
    <row r="49" spans="1:7" x14ac:dyDescent="0.25">
      <c r="A49">
        <v>0</v>
      </c>
      <c r="B49">
        <v>158.72200000000001</v>
      </c>
      <c r="C49">
        <v>188.643</v>
      </c>
      <c r="D49">
        <v>18130.7</v>
      </c>
      <c r="E49">
        <v>2.4881899999999999</v>
      </c>
      <c r="F49">
        <v>19628.3</v>
      </c>
      <c r="G49">
        <v>58.9664</v>
      </c>
    </row>
    <row r="50" spans="1:7" x14ac:dyDescent="0.25">
      <c r="A50">
        <v>0</v>
      </c>
      <c r="B50">
        <v>159.982</v>
      </c>
      <c r="C50">
        <v>200.297</v>
      </c>
      <c r="D50">
        <v>8091.34</v>
      </c>
      <c r="E50">
        <v>1.92126</v>
      </c>
      <c r="F50">
        <v>10064.700000000001</v>
      </c>
      <c r="G50">
        <v>60.768599999999999</v>
      </c>
    </row>
    <row r="51" spans="1:7" x14ac:dyDescent="0.25">
      <c r="A51">
        <v>0</v>
      </c>
      <c r="B51">
        <v>153.36799999999999</v>
      </c>
      <c r="C51">
        <v>197.77699999999999</v>
      </c>
      <c r="D51">
        <v>7020.47</v>
      </c>
      <c r="E51">
        <v>1.6141700000000001</v>
      </c>
      <c r="F51">
        <v>9359.2199999999993</v>
      </c>
      <c r="G51">
        <v>36.554200000000002</v>
      </c>
    </row>
    <row r="52" spans="1:7" x14ac:dyDescent="0.25">
      <c r="A52">
        <v>0</v>
      </c>
      <c r="B52">
        <v>153.68299999999999</v>
      </c>
      <c r="C52">
        <v>201.24199999999999</v>
      </c>
      <c r="D52">
        <v>7154.33</v>
      </c>
      <c r="E52">
        <v>2.9606300000000001</v>
      </c>
      <c r="F52">
        <v>8599.2800000000007</v>
      </c>
      <c r="G52">
        <v>34.895899999999997</v>
      </c>
    </row>
    <row r="53" spans="1:7" x14ac:dyDescent="0.25">
      <c r="A53">
        <v>0</v>
      </c>
      <c r="B53">
        <v>155.572</v>
      </c>
      <c r="C53">
        <v>214.47</v>
      </c>
      <c r="D53">
        <v>2067.7199999999998</v>
      </c>
      <c r="E53">
        <v>1.9448799999999999</v>
      </c>
      <c r="F53">
        <v>4499.2</v>
      </c>
      <c r="G53">
        <v>63.223399999999998</v>
      </c>
    </row>
    <row r="54" spans="1:7" x14ac:dyDescent="0.25">
      <c r="A54">
        <v>0</v>
      </c>
      <c r="B54">
        <v>168.48599999999999</v>
      </c>
      <c r="C54">
        <v>201.87200000000001</v>
      </c>
      <c r="D54">
        <v>6351.18</v>
      </c>
      <c r="E54">
        <v>3.7873999999999999</v>
      </c>
      <c r="F54">
        <v>4754.25</v>
      </c>
      <c r="G54">
        <v>45.189799999999998</v>
      </c>
    </row>
    <row r="55" spans="1:7" x14ac:dyDescent="0.25">
      <c r="A55">
        <v>0</v>
      </c>
      <c r="B55">
        <v>155.572</v>
      </c>
      <c r="C55">
        <v>198.72200000000001</v>
      </c>
      <c r="D55">
        <v>15587.4</v>
      </c>
      <c r="E55">
        <v>1.54331</v>
      </c>
      <c r="F55">
        <v>17824.7</v>
      </c>
      <c r="G55">
        <v>34.229900000000001</v>
      </c>
    </row>
    <row r="56" spans="1:7" x14ac:dyDescent="0.25">
      <c r="A56">
        <v>0</v>
      </c>
      <c r="B56">
        <v>156.202</v>
      </c>
      <c r="C56">
        <v>188.328</v>
      </c>
      <c r="D56">
        <v>3674.02</v>
      </c>
      <c r="E56">
        <v>2.5118100000000001</v>
      </c>
      <c r="F56">
        <v>5472.55</v>
      </c>
      <c r="G56">
        <v>28.1295</v>
      </c>
    </row>
    <row r="57" spans="1:7" x14ac:dyDescent="0.25">
      <c r="A57">
        <v>0</v>
      </c>
      <c r="B57">
        <v>157.46199999999999</v>
      </c>
      <c r="C57">
        <v>189.273</v>
      </c>
      <c r="D57">
        <v>10902.4</v>
      </c>
      <c r="E57">
        <v>2.1810999999999998</v>
      </c>
      <c r="F57">
        <v>12733.8</v>
      </c>
      <c r="G57">
        <v>32.941699999999997</v>
      </c>
    </row>
    <row r="58" spans="1:7" x14ac:dyDescent="0.25">
      <c r="A58">
        <v>0</v>
      </c>
      <c r="B58">
        <v>156.517</v>
      </c>
      <c r="C58">
        <v>209.43100000000001</v>
      </c>
      <c r="D58">
        <v>10500.8</v>
      </c>
      <c r="E58">
        <v>3.7401599999999999</v>
      </c>
      <c r="F58">
        <v>11667.5</v>
      </c>
      <c r="G58">
        <v>43.452300000000001</v>
      </c>
    </row>
    <row r="59" spans="1:7" x14ac:dyDescent="0.25">
      <c r="A59">
        <v>0</v>
      </c>
      <c r="B59">
        <v>159.667</v>
      </c>
      <c r="C59">
        <v>203.131</v>
      </c>
      <c r="D59">
        <v>5280.31</v>
      </c>
      <c r="E59">
        <v>3.5748000000000002</v>
      </c>
      <c r="F59">
        <v>6519.45</v>
      </c>
      <c r="G59">
        <v>55.844000000000001</v>
      </c>
    </row>
    <row r="60" spans="1:7" x14ac:dyDescent="0.25">
      <c r="A60">
        <v>0</v>
      </c>
      <c r="B60">
        <v>159.352</v>
      </c>
      <c r="C60">
        <v>199.352</v>
      </c>
      <c r="D60">
        <v>18532.3</v>
      </c>
      <c r="E60">
        <v>1.6377999999999999</v>
      </c>
      <c r="F60">
        <v>20298.900000000001</v>
      </c>
      <c r="G60">
        <v>36.7134</v>
      </c>
    </row>
    <row r="61" spans="1:7" x14ac:dyDescent="0.25">
      <c r="A61">
        <v>0</v>
      </c>
      <c r="B61">
        <v>141.399</v>
      </c>
      <c r="C61">
        <v>188.958</v>
      </c>
      <c r="D61">
        <v>6485.04</v>
      </c>
      <c r="E61">
        <v>3.2677200000000002</v>
      </c>
      <c r="F61">
        <v>8045.02</v>
      </c>
      <c r="G61">
        <v>20.382400000000001</v>
      </c>
    </row>
    <row r="62" spans="1:7" x14ac:dyDescent="0.25">
      <c r="A62">
        <v>0</v>
      </c>
      <c r="B62">
        <v>137.62</v>
      </c>
      <c r="C62">
        <v>207.85599999999999</v>
      </c>
      <c r="D62">
        <v>15453.5</v>
      </c>
      <c r="E62">
        <v>3.9291299999999998</v>
      </c>
      <c r="F62">
        <v>17028.5</v>
      </c>
      <c r="G62">
        <v>17.475999999999999</v>
      </c>
    </row>
    <row r="63" spans="1:7" x14ac:dyDescent="0.25">
      <c r="A63">
        <v>0</v>
      </c>
      <c r="B63">
        <v>135.41499999999999</v>
      </c>
      <c r="C63">
        <v>194.94300000000001</v>
      </c>
      <c r="D63">
        <v>18264.599999999999</v>
      </c>
      <c r="E63">
        <v>2.9133900000000001</v>
      </c>
      <c r="F63">
        <v>19954.7</v>
      </c>
      <c r="G63">
        <v>16.020700000000001</v>
      </c>
    </row>
    <row r="64" spans="1:7" x14ac:dyDescent="0.25">
      <c r="A64">
        <v>0</v>
      </c>
      <c r="B64">
        <v>174.47</v>
      </c>
      <c r="C64">
        <v>175.41499999999999</v>
      </c>
      <c r="D64">
        <v>7422.05</v>
      </c>
      <c r="E64">
        <v>3.0787399999999998</v>
      </c>
      <c r="F64">
        <v>3513.86</v>
      </c>
      <c r="G64">
        <v>111.676</v>
      </c>
    </row>
    <row r="65" spans="1:7" x14ac:dyDescent="0.25">
      <c r="A65">
        <v>0</v>
      </c>
      <c r="B65">
        <v>168.17099999999999</v>
      </c>
      <c r="C65">
        <v>197.14699999999999</v>
      </c>
      <c r="D65">
        <v>2870.87</v>
      </c>
      <c r="E65">
        <v>3.8110200000000001</v>
      </c>
      <c r="F65">
        <v>3961.22</v>
      </c>
      <c r="G65">
        <v>50.840899999999998</v>
      </c>
    </row>
    <row r="66" spans="1:7" x14ac:dyDescent="0.25">
      <c r="A66">
        <v>0</v>
      </c>
      <c r="B66">
        <v>171.32</v>
      </c>
      <c r="C66">
        <v>201.55699999999999</v>
      </c>
      <c r="D66">
        <v>7154.33</v>
      </c>
      <c r="E66">
        <v>3.6929099999999999</v>
      </c>
      <c r="F66">
        <v>3942</v>
      </c>
      <c r="G66">
        <v>105.71599999999999</v>
      </c>
    </row>
    <row r="67" spans="1:7" x14ac:dyDescent="0.25">
      <c r="A67">
        <v>0</v>
      </c>
      <c r="B67">
        <v>168.48599999999999</v>
      </c>
      <c r="C67">
        <v>201.87200000000001</v>
      </c>
      <c r="D67">
        <v>6351.18</v>
      </c>
      <c r="E67">
        <v>3.7873999999999999</v>
      </c>
      <c r="F67">
        <v>4754.25</v>
      </c>
      <c r="G67">
        <v>45.189799999999998</v>
      </c>
    </row>
    <row r="68" spans="1:7" x14ac:dyDescent="0.25">
      <c r="A68">
        <v>0</v>
      </c>
      <c r="B68">
        <v>156.202</v>
      </c>
      <c r="C68">
        <v>188.328</v>
      </c>
      <c r="D68">
        <v>3674.02</v>
      </c>
      <c r="E68">
        <v>2.5118100000000001</v>
      </c>
      <c r="F68">
        <v>5472.55</v>
      </c>
      <c r="G68">
        <v>28.1295</v>
      </c>
    </row>
    <row r="91" spans="1:7" x14ac:dyDescent="0.25">
      <c r="A91">
        <v>1</v>
      </c>
      <c r="B91">
        <v>137.62</v>
      </c>
      <c r="C91">
        <v>207.85599999999999</v>
      </c>
      <c r="D91">
        <v>15453.5</v>
      </c>
      <c r="E91">
        <v>3.9291299999999998</v>
      </c>
      <c r="F91">
        <v>17028.5</v>
      </c>
      <c r="G91">
        <v>17.475999999999999</v>
      </c>
    </row>
    <row r="92" spans="1:7" x14ac:dyDescent="0.25">
      <c r="A92">
        <v>1</v>
      </c>
      <c r="B92">
        <v>141.399</v>
      </c>
      <c r="C92">
        <v>188.958</v>
      </c>
      <c r="D92">
        <v>6485.04</v>
      </c>
      <c r="E92">
        <v>3.2677200000000002</v>
      </c>
      <c r="F92">
        <v>8045.02</v>
      </c>
      <c r="G92">
        <v>20.382400000000001</v>
      </c>
    </row>
    <row r="93" spans="1:7" x14ac:dyDescent="0.25">
      <c r="A93">
        <v>1</v>
      </c>
      <c r="B93">
        <v>135.41499999999999</v>
      </c>
      <c r="C93">
        <v>194.94300000000001</v>
      </c>
      <c r="D93">
        <v>18264.599999999999</v>
      </c>
      <c r="E93">
        <v>2.9133900000000001</v>
      </c>
      <c r="F93">
        <v>19954.7</v>
      </c>
      <c r="G93">
        <v>16.020700000000001</v>
      </c>
    </row>
    <row r="94" spans="1:7" x14ac:dyDescent="0.25">
      <c r="A94">
        <v>1</v>
      </c>
      <c r="B94">
        <v>174.47</v>
      </c>
      <c r="C94">
        <v>175.41499999999999</v>
      </c>
      <c r="D94">
        <v>7422.05</v>
      </c>
      <c r="E94">
        <v>3.0787399999999998</v>
      </c>
      <c r="F94">
        <v>3513.86</v>
      </c>
      <c r="G94">
        <v>111.676</v>
      </c>
    </row>
    <row r="95" spans="1:7" x14ac:dyDescent="0.25">
      <c r="A95">
        <v>1</v>
      </c>
      <c r="B95">
        <v>144.864</v>
      </c>
      <c r="C95">
        <v>186.75399999999999</v>
      </c>
      <c r="D95">
        <v>9697.64</v>
      </c>
      <c r="E95">
        <v>1.4252</v>
      </c>
      <c r="F95">
        <v>12736.7</v>
      </c>
      <c r="G95">
        <v>25.918299999999999</v>
      </c>
    </row>
    <row r="96" spans="1:7" x14ac:dyDescent="0.25">
      <c r="A96">
        <v>1</v>
      </c>
      <c r="B96">
        <v>173.21</v>
      </c>
      <c r="C96">
        <v>178.565</v>
      </c>
      <c r="D96">
        <v>7957.48</v>
      </c>
      <c r="E96">
        <v>3.0787399999999998</v>
      </c>
      <c r="F96">
        <v>3705.08</v>
      </c>
      <c r="G96">
        <v>113.797</v>
      </c>
    </row>
    <row r="97" spans="1:7" x14ac:dyDescent="0.25">
      <c r="A97">
        <v>1</v>
      </c>
      <c r="B97">
        <v>140.45400000000001</v>
      </c>
      <c r="C97">
        <v>215.1</v>
      </c>
      <c r="D97">
        <v>6618.9</v>
      </c>
      <c r="E97">
        <v>1.1653500000000001</v>
      </c>
      <c r="F97">
        <v>10475.200000000001</v>
      </c>
      <c r="G97">
        <v>18.6553</v>
      </c>
    </row>
    <row r="98" spans="1:7" x14ac:dyDescent="0.25">
      <c r="A98">
        <v>1</v>
      </c>
      <c r="B98">
        <v>167.85599999999999</v>
      </c>
      <c r="C98">
        <v>197.14699999999999</v>
      </c>
      <c r="D98">
        <v>6351.18</v>
      </c>
      <c r="E98">
        <v>3.7637800000000001</v>
      </c>
      <c r="F98">
        <v>5041.17</v>
      </c>
      <c r="G98">
        <v>77.935299999999998</v>
      </c>
    </row>
    <row r="99" spans="1:7" x14ac:dyDescent="0.25">
      <c r="A99">
        <v>1</v>
      </c>
      <c r="B99">
        <v>167.541</v>
      </c>
      <c r="C99">
        <v>192.423</v>
      </c>
      <c r="D99">
        <v>14918.1</v>
      </c>
      <c r="E99">
        <v>3.4803099999999998</v>
      </c>
      <c r="F99">
        <v>5386.56</v>
      </c>
      <c r="G99">
        <v>81.8583</v>
      </c>
    </row>
    <row r="100" spans="1:7" x14ac:dyDescent="0.25">
      <c r="A100">
        <v>1</v>
      </c>
      <c r="B100">
        <v>138.565</v>
      </c>
      <c r="C100">
        <v>186.75399999999999</v>
      </c>
      <c r="D100">
        <v>18532.3</v>
      </c>
      <c r="E100">
        <v>3.2204700000000002</v>
      </c>
      <c r="F100">
        <v>20180.3</v>
      </c>
      <c r="G100">
        <v>19.017800000000001</v>
      </c>
    </row>
    <row r="101" spans="1:7" x14ac:dyDescent="0.25">
      <c r="A101">
        <v>1</v>
      </c>
      <c r="B101">
        <v>161.24199999999999</v>
      </c>
      <c r="C101">
        <v>185.179</v>
      </c>
      <c r="D101">
        <v>7689.76</v>
      </c>
      <c r="E101">
        <v>3.64567</v>
      </c>
      <c r="F101">
        <v>8906.7099999999991</v>
      </c>
      <c r="G101">
        <v>28.116399999999999</v>
      </c>
    </row>
    <row r="102" spans="1:7" x14ac:dyDescent="0.25">
      <c r="A102">
        <v>1</v>
      </c>
      <c r="B102">
        <v>150.84800000000001</v>
      </c>
      <c r="C102">
        <v>201.55699999999999</v>
      </c>
      <c r="D102">
        <v>8626.77</v>
      </c>
      <c r="E102">
        <v>3.5275599999999998</v>
      </c>
      <c r="F102">
        <v>9840.99</v>
      </c>
      <c r="G102">
        <v>35.046199999999999</v>
      </c>
    </row>
    <row r="103" spans="1:7" x14ac:dyDescent="0.25">
      <c r="A103">
        <v>1</v>
      </c>
      <c r="B103">
        <v>167.85599999999999</v>
      </c>
      <c r="C103">
        <v>202.18700000000001</v>
      </c>
      <c r="D103">
        <v>6083.46</v>
      </c>
      <c r="E103">
        <v>3.7873999999999999</v>
      </c>
      <c r="F103">
        <v>5049.84</v>
      </c>
      <c r="G103">
        <v>77.584199999999996</v>
      </c>
    </row>
    <row r="104" spans="1:7" x14ac:dyDescent="0.25">
      <c r="A104">
        <v>1</v>
      </c>
      <c r="B104">
        <v>172.89500000000001</v>
      </c>
      <c r="C104">
        <v>211.63499999999999</v>
      </c>
      <c r="D104">
        <v>3406.3</v>
      </c>
      <c r="E104">
        <v>1.9448799999999999</v>
      </c>
      <c r="F104">
        <v>4201.84</v>
      </c>
      <c r="G104">
        <v>101.467</v>
      </c>
    </row>
    <row r="105" spans="1:7" x14ac:dyDescent="0.25">
      <c r="A105">
        <v>1</v>
      </c>
      <c r="B105">
        <v>166.28100000000001</v>
      </c>
      <c r="C105">
        <v>195.572</v>
      </c>
      <c r="D105">
        <v>7288.19</v>
      </c>
      <c r="E105">
        <v>1.02362</v>
      </c>
      <c r="F105">
        <v>7152.81</v>
      </c>
      <c r="G105">
        <v>19.911000000000001</v>
      </c>
    </row>
    <row r="106" spans="1:7" x14ac:dyDescent="0.25">
      <c r="A106">
        <v>1</v>
      </c>
      <c r="B106">
        <v>137.62</v>
      </c>
      <c r="C106">
        <v>199.03700000000001</v>
      </c>
      <c r="D106">
        <v>15587.4</v>
      </c>
      <c r="E106">
        <v>2.1338599999999999</v>
      </c>
      <c r="F106">
        <v>17869.900000000001</v>
      </c>
      <c r="G106">
        <v>17.889900000000001</v>
      </c>
    </row>
    <row r="107" spans="1:7" x14ac:dyDescent="0.25">
      <c r="A107">
        <v>1</v>
      </c>
      <c r="B107">
        <v>153.053</v>
      </c>
      <c r="C107">
        <v>214.155</v>
      </c>
      <c r="D107">
        <v>7555.91</v>
      </c>
      <c r="E107">
        <v>2.1810999999999998</v>
      </c>
      <c r="F107">
        <v>9495.17</v>
      </c>
      <c r="G107">
        <v>36.889800000000001</v>
      </c>
    </row>
    <row r="108" spans="1:7" x14ac:dyDescent="0.25">
      <c r="A108">
        <v>1</v>
      </c>
      <c r="B108">
        <v>144.23400000000001</v>
      </c>
      <c r="C108">
        <v>207.226</v>
      </c>
      <c r="D108">
        <v>5681.89</v>
      </c>
      <c r="E108">
        <v>1.99213</v>
      </c>
      <c r="F108">
        <v>7943.59</v>
      </c>
      <c r="G108">
        <v>20.519500000000001</v>
      </c>
    </row>
    <row r="109" spans="1:7" x14ac:dyDescent="0.25">
      <c r="A109">
        <v>1</v>
      </c>
      <c r="B109">
        <v>135.72999999999999</v>
      </c>
      <c r="C109">
        <v>207.85599999999999</v>
      </c>
      <c r="D109">
        <v>11170.1</v>
      </c>
      <c r="E109">
        <v>3.1732300000000002</v>
      </c>
      <c r="F109">
        <v>12682.2</v>
      </c>
      <c r="G109">
        <v>16.211099999999998</v>
      </c>
    </row>
    <row r="110" spans="1:7" x14ac:dyDescent="0.25">
      <c r="A110">
        <v>1</v>
      </c>
      <c r="B110">
        <v>149.273</v>
      </c>
      <c r="C110">
        <v>195.25700000000001</v>
      </c>
      <c r="D110">
        <v>7422.05</v>
      </c>
      <c r="E110">
        <v>3.8110200000000001</v>
      </c>
      <c r="F110">
        <v>8712.76</v>
      </c>
      <c r="G110">
        <v>31.866199999999999</v>
      </c>
    </row>
    <row r="111" spans="1:7" x14ac:dyDescent="0.25">
      <c r="A111">
        <v>1</v>
      </c>
      <c r="B111">
        <v>173.21</v>
      </c>
      <c r="C111">
        <v>201.87200000000001</v>
      </c>
      <c r="D111">
        <v>7422.05</v>
      </c>
      <c r="E111">
        <v>2.9370099999999999</v>
      </c>
      <c r="F111">
        <v>3716.28</v>
      </c>
      <c r="G111">
        <v>114.619</v>
      </c>
    </row>
    <row r="112" spans="1:7" x14ac:dyDescent="0.25">
      <c r="A112">
        <v>1</v>
      </c>
      <c r="B112">
        <v>155.572</v>
      </c>
      <c r="C112">
        <v>215.1</v>
      </c>
      <c r="D112">
        <v>16926</v>
      </c>
      <c r="E112">
        <v>3.00787</v>
      </c>
      <c r="F112">
        <v>18452.900000000001</v>
      </c>
      <c r="G112">
        <v>40.185600000000001</v>
      </c>
    </row>
    <row r="113" spans="1:7" x14ac:dyDescent="0.25">
      <c r="A113">
        <v>1</v>
      </c>
      <c r="B113">
        <v>173.21</v>
      </c>
      <c r="C113">
        <v>196.202</v>
      </c>
      <c r="D113">
        <v>7422.05</v>
      </c>
      <c r="E113">
        <v>3.5275599999999998</v>
      </c>
      <c r="F113">
        <v>3576.98</v>
      </c>
      <c r="G113">
        <v>108.012</v>
      </c>
    </row>
    <row r="114" spans="1:7" x14ac:dyDescent="0.25">
      <c r="A114">
        <v>1</v>
      </c>
      <c r="B114">
        <v>141.084</v>
      </c>
      <c r="C114">
        <v>215.1</v>
      </c>
      <c r="D114">
        <v>9296.06</v>
      </c>
      <c r="E114">
        <v>2.9370099999999999</v>
      </c>
      <c r="F114">
        <v>10784.9</v>
      </c>
      <c r="G114">
        <v>20.9787</v>
      </c>
    </row>
    <row r="115" spans="1:7" x14ac:dyDescent="0.25">
      <c r="A115">
        <v>1</v>
      </c>
      <c r="B115">
        <v>168.17099999999999</v>
      </c>
      <c r="C115">
        <v>188.328</v>
      </c>
      <c r="D115">
        <v>3406.3</v>
      </c>
      <c r="E115">
        <v>3.6929099999999999</v>
      </c>
      <c r="F115">
        <v>4684.22</v>
      </c>
      <c r="G115">
        <v>77.193799999999996</v>
      </c>
    </row>
    <row r="116" spans="1:7" x14ac:dyDescent="0.25">
      <c r="A116">
        <v>1</v>
      </c>
      <c r="B116">
        <v>155.887</v>
      </c>
      <c r="C116">
        <v>210.691</v>
      </c>
      <c r="D116">
        <v>3004.72</v>
      </c>
      <c r="E116">
        <v>3.1259800000000002</v>
      </c>
      <c r="F116">
        <v>4794.01</v>
      </c>
      <c r="G116">
        <v>36.7134</v>
      </c>
    </row>
    <row r="117" spans="1:7" x14ac:dyDescent="0.25">
      <c r="A117">
        <v>1</v>
      </c>
      <c r="B117">
        <v>144.23400000000001</v>
      </c>
      <c r="C117">
        <v>185.494</v>
      </c>
      <c r="D117">
        <v>6485.04</v>
      </c>
      <c r="E117">
        <v>3.64567</v>
      </c>
      <c r="F117">
        <v>7915.96</v>
      </c>
      <c r="G117">
        <v>25.565100000000001</v>
      </c>
    </row>
    <row r="118" spans="1:7" x14ac:dyDescent="0.25">
      <c r="A118">
        <v>1</v>
      </c>
      <c r="B118">
        <v>148.328</v>
      </c>
      <c r="C118">
        <v>199.352</v>
      </c>
      <c r="D118">
        <v>6886.61</v>
      </c>
      <c r="E118">
        <v>3.7873999999999999</v>
      </c>
      <c r="F118">
        <v>8165.68</v>
      </c>
      <c r="G118">
        <v>29.6297</v>
      </c>
    </row>
    <row r="119" spans="1:7" x14ac:dyDescent="0.25">
      <c r="A119">
        <v>1</v>
      </c>
      <c r="B119">
        <v>135.1</v>
      </c>
      <c r="C119">
        <v>212.89500000000001</v>
      </c>
      <c r="D119">
        <v>16658.3</v>
      </c>
      <c r="E119">
        <v>3.6692900000000002</v>
      </c>
      <c r="F119">
        <v>18198.099999999999</v>
      </c>
      <c r="G119">
        <v>15.944000000000001</v>
      </c>
    </row>
    <row r="120" spans="1:7" x14ac:dyDescent="0.25">
      <c r="A120">
        <v>1</v>
      </c>
      <c r="B120">
        <v>168.17099999999999</v>
      </c>
      <c r="C120">
        <v>197.14699999999999</v>
      </c>
      <c r="D120">
        <v>2870.87</v>
      </c>
      <c r="E120">
        <v>3.8110200000000001</v>
      </c>
      <c r="F120">
        <v>3961.22</v>
      </c>
      <c r="G120">
        <v>50.840899999999998</v>
      </c>
    </row>
    <row r="121" spans="1:7" x14ac:dyDescent="0.25">
      <c r="A121">
        <v>1</v>
      </c>
      <c r="B121">
        <v>167.85599999999999</v>
      </c>
      <c r="C121">
        <v>206.596</v>
      </c>
      <c r="D121">
        <v>15453.5</v>
      </c>
      <c r="E121">
        <v>3.7401599999999999</v>
      </c>
      <c r="F121">
        <v>5033.22</v>
      </c>
      <c r="G121">
        <v>78.266099999999994</v>
      </c>
    </row>
    <row r="122" spans="1:7" x14ac:dyDescent="0.25">
      <c r="A122">
        <v>1</v>
      </c>
      <c r="B122">
        <v>164.07599999999999</v>
      </c>
      <c r="C122">
        <v>197.14699999999999</v>
      </c>
      <c r="D122">
        <v>5012.6000000000004</v>
      </c>
      <c r="E122">
        <v>2.8897599999999999</v>
      </c>
      <c r="F122">
        <v>6374.13</v>
      </c>
      <c r="G122">
        <v>84.451400000000007</v>
      </c>
    </row>
    <row r="123" spans="1:7" x14ac:dyDescent="0.25">
      <c r="A123">
        <v>1</v>
      </c>
      <c r="B123">
        <v>135.41499999999999</v>
      </c>
      <c r="C123">
        <v>188.958</v>
      </c>
      <c r="D123">
        <v>6485.04</v>
      </c>
      <c r="E123">
        <v>2.8897599999999999</v>
      </c>
      <c r="F123">
        <v>8321.74</v>
      </c>
      <c r="G123">
        <v>30.448799999999999</v>
      </c>
    </row>
    <row r="124" spans="1:7" x14ac:dyDescent="0.25">
      <c r="A124">
        <v>1</v>
      </c>
      <c r="B124">
        <v>156.202</v>
      </c>
      <c r="C124">
        <v>190.84800000000001</v>
      </c>
      <c r="D124">
        <v>16524.400000000001</v>
      </c>
      <c r="E124">
        <v>2.6063000000000001</v>
      </c>
      <c r="F124">
        <v>18009.5</v>
      </c>
      <c r="G124">
        <v>34.780700000000003</v>
      </c>
    </row>
    <row r="125" spans="1:7" x14ac:dyDescent="0.25">
      <c r="A125">
        <v>1</v>
      </c>
      <c r="B125">
        <v>150.53299999999999</v>
      </c>
      <c r="C125">
        <v>185.179</v>
      </c>
      <c r="D125">
        <v>4744.88</v>
      </c>
      <c r="E125">
        <v>2.70079</v>
      </c>
      <c r="F125">
        <v>6500.62</v>
      </c>
      <c r="G125">
        <v>26.525700000000001</v>
      </c>
    </row>
    <row r="126" spans="1:7" x14ac:dyDescent="0.25">
      <c r="A126">
        <v>1</v>
      </c>
      <c r="B126">
        <v>140.45400000000001</v>
      </c>
      <c r="C126">
        <v>211.63499999999999</v>
      </c>
      <c r="D126">
        <v>7154.33</v>
      </c>
      <c r="E126">
        <v>3.6929099999999999</v>
      </c>
      <c r="F126">
        <v>8570.6200000000008</v>
      </c>
      <c r="G126">
        <v>18.480799999999999</v>
      </c>
    </row>
    <row r="127" spans="1:7" x14ac:dyDescent="0.25">
      <c r="A127">
        <v>1</v>
      </c>
      <c r="B127">
        <v>141.714</v>
      </c>
      <c r="C127">
        <v>205.96600000000001</v>
      </c>
      <c r="D127">
        <v>3674.02</v>
      </c>
      <c r="E127">
        <v>2.1338599999999999</v>
      </c>
      <c r="F127">
        <v>5965.37</v>
      </c>
      <c r="G127">
        <v>44.454700000000003</v>
      </c>
    </row>
    <row r="128" spans="1:7" x14ac:dyDescent="0.25">
      <c r="A128">
        <v>1</v>
      </c>
      <c r="B128">
        <v>155.572</v>
      </c>
      <c r="C128">
        <v>206.28100000000001</v>
      </c>
      <c r="D128">
        <v>2603.15</v>
      </c>
      <c r="E128">
        <v>2.70079</v>
      </c>
      <c r="F128">
        <v>4428.12</v>
      </c>
      <c r="G128">
        <v>39.406999999999996</v>
      </c>
    </row>
    <row r="129" spans="1:7" x14ac:dyDescent="0.25">
      <c r="A129">
        <v>1</v>
      </c>
      <c r="B129">
        <v>168.17099999999999</v>
      </c>
      <c r="C129">
        <v>196.517</v>
      </c>
      <c r="D129">
        <v>7422.05</v>
      </c>
      <c r="E129">
        <v>3.7165400000000002</v>
      </c>
      <c r="F129">
        <v>5066.6499999999996</v>
      </c>
      <c r="G129">
        <v>76.772000000000006</v>
      </c>
    </row>
    <row r="130" spans="1:7" x14ac:dyDescent="0.25">
      <c r="A130">
        <v>1</v>
      </c>
      <c r="B130">
        <v>168.17099999999999</v>
      </c>
      <c r="C130">
        <v>197.46199999999999</v>
      </c>
      <c r="D130">
        <v>7154.33</v>
      </c>
      <c r="E130">
        <v>3.7873999999999999</v>
      </c>
      <c r="F130">
        <v>4887.1899999999996</v>
      </c>
      <c r="G130">
        <v>51.542000000000002</v>
      </c>
    </row>
    <row r="131" spans="1:7" x14ac:dyDescent="0.25">
      <c r="A131">
        <v>1</v>
      </c>
      <c r="B131">
        <v>136.36000000000001</v>
      </c>
      <c r="C131">
        <v>209.11600000000001</v>
      </c>
      <c r="D131">
        <v>15453.5</v>
      </c>
      <c r="E131">
        <v>3.3622000000000001</v>
      </c>
      <c r="F131">
        <v>17178.3</v>
      </c>
      <c r="G131">
        <v>16.385200000000001</v>
      </c>
    </row>
    <row r="132" spans="1:7" x14ac:dyDescent="0.25">
      <c r="A132">
        <v>1</v>
      </c>
      <c r="B132">
        <v>171.32</v>
      </c>
      <c r="C132">
        <v>201.87200000000001</v>
      </c>
      <c r="D132">
        <v>7154.33</v>
      </c>
      <c r="E132">
        <v>3.6929099999999999</v>
      </c>
      <c r="F132">
        <v>3942</v>
      </c>
      <c r="G132">
        <v>105.71599999999999</v>
      </c>
    </row>
    <row r="133" spans="1:7" x14ac:dyDescent="0.25">
      <c r="A133">
        <v>1</v>
      </c>
      <c r="B133">
        <v>143.91900000000001</v>
      </c>
      <c r="C133">
        <v>199.03700000000001</v>
      </c>
      <c r="D133">
        <v>11170.1</v>
      </c>
      <c r="E133">
        <v>2.0866099999999999</v>
      </c>
      <c r="F133">
        <v>13305.2</v>
      </c>
      <c r="G133">
        <v>24.988299999999999</v>
      </c>
    </row>
    <row r="134" spans="1:7" x14ac:dyDescent="0.25">
      <c r="A134">
        <v>1</v>
      </c>
      <c r="B134">
        <v>156.83199999999999</v>
      </c>
      <c r="C134">
        <v>209.43100000000001</v>
      </c>
      <c r="D134">
        <v>7422.05</v>
      </c>
      <c r="E134">
        <v>1.7795300000000001</v>
      </c>
      <c r="F134">
        <v>9693.33</v>
      </c>
      <c r="G134">
        <v>25.641300000000001</v>
      </c>
    </row>
    <row r="135" spans="1:7" x14ac:dyDescent="0.25">
      <c r="A135">
        <v>1</v>
      </c>
      <c r="B135">
        <v>148.01300000000001</v>
      </c>
      <c r="C135">
        <v>195.25700000000001</v>
      </c>
      <c r="D135">
        <v>15721.3</v>
      </c>
      <c r="E135">
        <v>3.7401599999999999</v>
      </c>
      <c r="F135">
        <v>17006</v>
      </c>
      <c r="G135">
        <v>29.059100000000001</v>
      </c>
    </row>
    <row r="136" spans="1:7" x14ac:dyDescent="0.25">
      <c r="A136">
        <v>1</v>
      </c>
      <c r="B136">
        <v>168.48599999999999</v>
      </c>
      <c r="C136">
        <v>201.55699999999999</v>
      </c>
      <c r="D136">
        <v>7422.05</v>
      </c>
      <c r="E136">
        <v>3.6929099999999999</v>
      </c>
      <c r="F136">
        <v>4802.58</v>
      </c>
      <c r="G136">
        <v>48.150500000000001</v>
      </c>
    </row>
    <row r="137" spans="1:7" x14ac:dyDescent="0.25">
      <c r="A137">
        <v>1</v>
      </c>
      <c r="B137">
        <v>142.97399999999999</v>
      </c>
      <c r="C137">
        <v>206.911</v>
      </c>
      <c r="D137">
        <v>9697.64</v>
      </c>
      <c r="E137">
        <v>1.44882</v>
      </c>
      <c r="F137">
        <v>12744.4</v>
      </c>
      <c r="G137">
        <v>23.170100000000001</v>
      </c>
    </row>
    <row r="138" spans="1:7" x14ac:dyDescent="0.25">
      <c r="A138">
        <v>1</v>
      </c>
      <c r="B138">
        <v>172.58</v>
      </c>
      <c r="C138">
        <v>180.45400000000001</v>
      </c>
      <c r="D138">
        <v>7154.33</v>
      </c>
      <c r="E138">
        <v>2.9370099999999999</v>
      </c>
      <c r="F138">
        <v>3798.12</v>
      </c>
      <c r="G138">
        <v>113.736</v>
      </c>
    </row>
    <row r="139" spans="1:7" x14ac:dyDescent="0.25">
      <c r="A139">
        <v>1</v>
      </c>
      <c r="B139">
        <v>168.48599999999999</v>
      </c>
      <c r="C139">
        <v>201.55699999999999</v>
      </c>
      <c r="D139">
        <v>7422.05</v>
      </c>
      <c r="E139">
        <v>3.6929099999999999</v>
      </c>
      <c r="F139">
        <v>4802.58</v>
      </c>
      <c r="G139">
        <v>48.150500000000001</v>
      </c>
    </row>
    <row r="140" spans="1:7" x14ac:dyDescent="0.25">
      <c r="A140">
        <v>1</v>
      </c>
      <c r="B140">
        <v>173.21</v>
      </c>
      <c r="C140">
        <v>212.58</v>
      </c>
      <c r="D140">
        <v>14918.1</v>
      </c>
      <c r="E140">
        <v>3.7873999999999999</v>
      </c>
      <c r="F140">
        <v>3575.56</v>
      </c>
      <c r="G140">
        <v>107.048</v>
      </c>
    </row>
    <row r="141" spans="1:7" x14ac:dyDescent="0.25">
      <c r="A141">
        <v>1</v>
      </c>
      <c r="B141">
        <v>171.63499999999999</v>
      </c>
      <c r="C141">
        <v>196.83199999999999</v>
      </c>
      <c r="D141">
        <v>7422.05</v>
      </c>
      <c r="E141">
        <v>3.6929099999999999</v>
      </c>
      <c r="F141">
        <v>3899.01</v>
      </c>
      <c r="G141">
        <v>106.077</v>
      </c>
    </row>
    <row r="142" spans="1:7" x14ac:dyDescent="0.25">
      <c r="A142">
        <v>1</v>
      </c>
      <c r="B142">
        <v>135.41499999999999</v>
      </c>
      <c r="C142">
        <v>211.95</v>
      </c>
      <c r="D142">
        <v>9563.7800000000007</v>
      </c>
      <c r="E142">
        <v>1.99213</v>
      </c>
      <c r="F142">
        <v>12085.4</v>
      </c>
      <c r="G142">
        <v>15.663500000000001</v>
      </c>
    </row>
    <row r="143" spans="1:7" x14ac:dyDescent="0.25">
      <c r="A143">
        <v>1</v>
      </c>
      <c r="B143">
        <v>147.69800000000001</v>
      </c>
      <c r="C143">
        <v>196.202</v>
      </c>
      <c r="D143">
        <v>7422.05</v>
      </c>
      <c r="E143">
        <v>3.7873999999999999</v>
      </c>
      <c r="F143">
        <v>8660.99</v>
      </c>
      <c r="G143">
        <v>28.834499999999998</v>
      </c>
    </row>
    <row r="144" spans="1:7" x14ac:dyDescent="0.25">
      <c r="A144">
        <v>1</v>
      </c>
      <c r="B144">
        <v>143.60400000000001</v>
      </c>
      <c r="C144">
        <v>205.96600000000001</v>
      </c>
      <c r="D144">
        <v>7823.62</v>
      </c>
      <c r="E144">
        <v>2.2755899999999998</v>
      </c>
      <c r="F144">
        <v>9846.2099999999991</v>
      </c>
      <c r="G144">
        <v>24.5349</v>
      </c>
    </row>
    <row r="145" spans="1:7" x14ac:dyDescent="0.25">
      <c r="A145">
        <v>1</v>
      </c>
      <c r="B145">
        <v>157.77699999999999</v>
      </c>
      <c r="C145">
        <v>199.667</v>
      </c>
      <c r="D145">
        <v>2870.87</v>
      </c>
      <c r="E145">
        <v>2.6063000000000001</v>
      </c>
      <c r="F145">
        <v>4757.88</v>
      </c>
      <c r="G145">
        <v>48.311500000000002</v>
      </c>
    </row>
    <row r="146" spans="1:7" x14ac:dyDescent="0.25">
      <c r="A146">
        <v>1</v>
      </c>
      <c r="B146">
        <v>168.80099999999999</v>
      </c>
      <c r="C146">
        <v>197.14699999999999</v>
      </c>
      <c r="D146">
        <v>7154.33</v>
      </c>
      <c r="E146">
        <v>4</v>
      </c>
      <c r="F146">
        <v>4525.55</v>
      </c>
      <c r="G146">
        <v>100.836</v>
      </c>
    </row>
    <row r="147" spans="1:7" x14ac:dyDescent="0.25">
      <c r="A147">
        <v>1</v>
      </c>
      <c r="B147">
        <v>160.61199999999999</v>
      </c>
      <c r="C147">
        <v>201.87200000000001</v>
      </c>
      <c r="D147">
        <v>6351.18</v>
      </c>
      <c r="E147">
        <v>2.1338599999999999</v>
      </c>
      <c r="F147">
        <v>8224.4599999999991</v>
      </c>
      <c r="G147">
        <v>61.488599999999998</v>
      </c>
    </row>
    <row r="148" spans="1:7" x14ac:dyDescent="0.25">
      <c r="A148">
        <v>1</v>
      </c>
      <c r="B148">
        <v>155.572</v>
      </c>
      <c r="C148">
        <v>182.029</v>
      </c>
      <c r="D148">
        <v>10099.200000000001</v>
      </c>
      <c r="E148">
        <v>2.9133900000000001</v>
      </c>
      <c r="F148">
        <v>11612</v>
      </c>
      <c r="G148">
        <v>40.081200000000003</v>
      </c>
    </row>
    <row r="149" spans="1:7" x14ac:dyDescent="0.25">
      <c r="A149">
        <v>1</v>
      </c>
      <c r="B149">
        <v>141.399</v>
      </c>
      <c r="C149">
        <v>188.958</v>
      </c>
      <c r="D149">
        <v>6485.04</v>
      </c>
      <c r="E149">
        <v>3.2677200000000002</v>
      </c>
      <c r="F149">
        <v>8045.02</v>
      </c>
      <c r="G149">
        <v>20.382400000000001</v>
      </c>
    </row>
    <row r="150" spans="1:7" x14ac:dyDescent="0.25">
      <c r="A150">
        <v>1</v>
      </c>
      <c r="B150">
        <v>137.62</v>
      </c>
      <c r="C150">
        <v>182.65899999999999</v>
      </c>
      <c r="D150">
        <v>2067.7199999999998</v>
      </c>
      <c r="E150">
        <v>3.9291299999999998</v>
      </c>
      <c r="F150">
        <v>4421.97</v>
      </c>
      <c r="G150">
        <v>119.351</v>
      </c>
    </row>
    <row r="151" spans="1:7" x14ac:dyDescent="0.25">
      <c r="A151">
        <v>1</v>
      </c>
      <c r="B151">
        <v>166.28100000000001</v>
      </c>
      <c r="C151">
        <v>195.572</v>
      </c>
      <c r="D151">
        <v>7288.19</v>
      </c>
      <c r="E151">
        <v>1.02362</v>
      </c>
      <c r="F151">
        <v>7152.81</v>
      </c>
      <c r="G151">
        <v>19.911000000000001</v>
      </c>
    </row>
    <row r="152" spans="1:7" x14ac:dyDescent="0.25">
      <c r="A152">
        <v>1</v>
      </c>
      <c r="B152">
        <v>135.41499999999999</v>
      </c>
      <c r="C152">
        <v>211.95</v>
      </c>
      <c r="D152">
        <v>9563.7800000000007</v>
      </c>
      <c r="E152">
        <v>1.99213</v>
      </c>
      <c r="F152">
        <v>12085.4</v>
      </c>
      <c r="G152">
        <v>15.663500000000001</v>
      </c>
    </row>
    <row r="153" spans="1:7" x14ac:dyDescent="0.25">
      <c r="A153">
        <v>1</v>
      </c>
      <c r="B153">
        <v>135.41499999999999</v>
      </c>
      <c r="C153">
        <v>211.95</v>
      </c>
      <c r="D153">
        <v>9563.7800000000007</v>
      </c>
      <c r="E153">
        <v>1.99213</v>
      </c>
      <c r="F153">
        <v>12085.4</v>
      </c>
      <c r="G153">
        <v>15.663500000000001</v>
      </c>
    </row>
    <row r="154" spans="1:7" x14ac:dyDescent="0.25">
      <c r="A154">
        <v>1</v>
      </c>
      <c r="B154">
        <v>174.47</v>
      </c>
      <c r="C154">
        <v>175.41499999999999</v>
      </c>
      <c r="D154">
        <v>7422.05</v>
      </c>
      <c r="E154">
        <v>3.0787399999999998</v>
      </c>
      <c r="F154">
        <v>3513.86</v>
      </c>
      <c r="G154">
        <v>111.676</v>
      </c>
    </row>
    <row r="155" spans="1:7" x14ac:dyDescent="0.25">
      <c r="A155">
        <v>1</v>
      </c>
      <c r="B155">
        <v>168.17099999999999</v>
      </c>
      <c r="C155">
        <v>197.14699999999999</v>
      </c>
      <c r="D155">
        <v>2870.87</v>
      </c>
      <c r="E155">
        <v>3.8110200000000001</v>
      </c>
      <c r="F155">
        <v>3961.22</v>
      </c>
      <c r="G155">
        <v>50.840899999999998</v>
      </c>
    </row>
    <row r="156" spans="1:7" x14ac:dyDescent="0.25">
      <c r="A156">
        <v>1</v>
      </c>
      <c r="B156">
        <v>171.32</v>
      </c>
      <c r="C156">
        <v>201.87200000000001</v>
      </c>
      <c r="D156">
        <v>7154.33</v>
      </c>
      <c r="E156">
        <v>3.6929099999999999</v>
      </c>
      <c r="F156">
        <v>3942</v>
      </c>
      <c r="G156">
        <v>105.71599999999999</v>
      </c>
    </row>
    <row r="157" spans="1:7" x14ac:dyDescent="0.25">
      <c r="A157">
        <v>1</v>
      </c>
      <c r="B157">
        <v>155.572</v>
      </c>
      <c r="C157">
        <v>206.28100000000001</v>
      </c>
      <c r="D157">
        <v>2603.15</v>
      </c>
      <c r="E157">
        <v>2.70079</v>
      </c>
      <c r="F157">
        <v>4428.12</v>
      </c>
      <c r="G157">
        <v>39.406999999999996</v>
      </c>
    </row>
    <row r="158" spans="1:7" x14ac:dyDescent="0.25">
      <c r="A158">
        <v>1</v>
      </c>
      <c r="B158">
        <v>156.202</v>
      </c>
      <c r="C158">
        <v>188.328</v>
      </c>
      <c r="D158">
        <v>3674.02</v>
      </c>
      <c r="E158">
        <v>2.5118100000000001</v>
      </c>
      <c r="F158">
        <v>5472.55</v>
      </c>
      <c r="G158">
        <v>28.1295</v>
      </c>
    </row>
    <row r="159" spans="1:7" x14ac:dyDescent="0.25">
      <c r="A159">
        <v>1</v>
      </c>
      <c r="B159">
        <v>155.887</v>
      </c>
      <c r="C159">
        <v>210.691</v>
      </c>
      <c r="D159">
        <v>3004.72</v>
      </c>
      <c r="E159">
        <v>3.1259800000000002</v>
      </c>
      <c r="F159">
        <v>4794.01</v>
      </c>
      <c r="G159">
        <v>36.7134</v>
      </c>
    </row>
    <row r="160" spans="1:7" x14ac:dyDescent="0.25">
      <c r="A160">
        <v>1</v>
      </c>
      <c r="B160">
        <v>150.53299999999999</v>
      </c>
      <c r="C160">
        <v>185.179</v>
      </c>
      <c r="D160">
        <v>4744.88</v>
      </c>
      <c r="E160">
        <v>2.70079</v>
      </c>
      <c r="F160">
        <v>6500.62</v>
      </c>
      <c r="G160">
        <v>26.525700000000001</v>
      </c>
    </row>
    <row r="161" spans="1:7" x14ac:dyDescent="0.25">
      <c r="A161">
        <v>1</v>
      </c>
      <c r="B161">
        <v>140.45400000000001</v>
      </c>
      <c r="C161">
        <v>211.63499999999999</v>
      </c>
      <c r="D161">
        <v>7154.33</v>
      </c>
      <c r="E161">
        <v>3.6929099999999999</v>
      </c>
      <c r="F161">
        <v>8570.6200000000008</v>
      </c>
      <c r="G161">
        <v>18.480799999999999</v>
      </c>
    </row>
    <row r="162" spans="1:7" x14ac:dyDescent="0.25">
      <c r="A162">
        <v>1</v>
      </c>
      <c r="B162">
        <v>173.21</v>
      </c>
      <c r="C162">
        <v>212.58</v>
      </c>
      <c r="D162">
        <v>14918.1</v>
      </c>
      <c r="E162">
        <v>3.7873999999999999</v>
      </c>
      <c r="F162">
        <v>3575.56</v>
      </c>
      <c r="G162">
        <v>107.048</v>
      </c>
    </row>
    <row r="163" spans="1:7" x14ac:dyDescent="0.25">
      <c r="A163">
        <v>1</v>
      </c>
      <c r="B163">
        <v>171.63499999999999</v>
      </c>
      <c r="C163">
        <v>196.83199999999999</v>
      </c>
      <c r="D163">
        <v>7422.05</v>
      </c>
      <c r="E163">
        <v>3.6929099999999999</v>
      </c>
      <c r="F163">
        <v>3899.01</v>
      </c>
      <c r="G163">
        <v>106.077</v>
      </c>
    </row>
    <row r="181" spans="1:7" x14ac:dyDescent="0.25">
      <c r="A181">
        <v>2</v>
      </c>
      <c r="B181">
        <v>166.28100000000001</v>
      </c>
      <c r="C181">
        <v>195.572</v>
      </c>
      <c r="D181">
        <v>7288.19</v>
      </c>
      <c r="E181">
        <v>1.02362</v>
      </c>
      <c r="F181">
        <v>7152.81</v>
      </c>
      <c r="G181">
        <v>19.911000000000001</v>
      </c>
    </row>
    <row r="182" spans="1:7" x14ac:dyDescent="0.25">
      <c r="A182">
        <v>2</v>
      </c>
      <c r="B182">
        <v>155.887</v>
      </c>
      <c r="C182">
        <v>210.691</v>
      </c>
      <c r="D182">
        <v>3004.72</v>
      </c>
      <c r="E182">
        <v>3.1259800000000002</v>
      </c>
      <c r="F182">
        <v>4794.01</v>
      </c>
      <c r="G182">
        <v>36.7134</v>
      </c>
    </row>
    <row r="183" spans="1:7" x14ac:dyDescent="0.25">
      <c r="A183">
        <v>2</v>
      </c>
      <c r="B183">
        <v>168.17099999999999</v>
      </c>
      <c r="C183">
        <v>197.14699999999999</v>
      </c>
      <c r="D183">
        <v>2870.87</v>
      </c>
      <c r="E183">
        <v>3.8110200000000001</v>
      </c>
      <c r="F183">
        <v>3961.22</v>
      </c>
      <c r="G183">
        <v>50.840899999999998</v>
      </c>
    </row>
    <row r="184" spans="1:7" x14ac:dyDescent="0.25">
      <c r="A184">
        <v>2</v>
      </c>
      <c r="B184">
        <v>150.53299999999999</v>
      </c>
      <c r="C184">
        <v>185.179</v>
      </c>
      <c r="D184">
        <v>4744.88</v>
      </c>
      <c r="E184">
        <v>2.70079</v>
      </c>
      <c r="F184">
        <v>6500.62</v>
      </c>
      <c r="G184">
        <v>26.525700000000001</v>
      </c>
    </row>
    <row r="185" spans="1:7" x14ac:dyDescent="0.25">
      <c r="A185">
        <v>2</v>
      </c>
      <c r="B185">
        <v>143.91900000000001</v>
      </c>
      <c r="C185">
        <v>205.33600000000001</v>
      </c>
      <c r="D185">
        <v>18800</v>
      </c>
      <c r="E185">
        <v>2.4645700000000001</v>
      </c>
      <c r="F185">
        <v>20714.599999999999</v>
      </c>
      <c r="G185">
        <v>25.0562</v>
      </c>
    </row>
    <row r="186" spans="1:7" x14ac:dyDescent="0.25">
      <c r="A186">
        <v>2</v>
      </c>
      <c r="B186">
        <v>137.62</v>
      </c>
      <c r="C186">
        <v>209.11600000000001</v>
      </c>
      <c r="D186">
        <v>15453.5</v>
      </c>
      <c r="E186">
        <v>3.9291299999999998</v>
      </c>
      <c r="F186">
        <v>17021.5</v>
      </c>
      <c r="G186">
        <v>17.475999999999999</v>
      </c>
    </row>
    <row r="187" spans="1:7" x14ac:dyDescent="0.25">
      <c r="A187">
        <v>2</v>
      </c>
      <c r="B187">
        <v>159.03700000000001</v>
      </c>
      <c r="C187">
        <v>176.36</v>
      </c>
      <c r="D187">
        <v>7288.19</v>
      </c>
      <c r="E187">
        <v>3.6692900000000002</v>
      </c>
      <c r="F187">
        <v>8505.52</v>
      </c>
      <c r="G187">
        <v>56.387999999999998</v>
      </c>
    </row>
    <row r="188" spans="1:7" x14ac:dyDescent="0.25">
      <c r="A188">
        <v>2</v>
      </c>
      <c r="B188">
        <v>168.80099999999999</v>
      </c>
      <c r="C188">
        <v>195.887</v>
      </c>
      <c r="D188">
        <v>7154.33</v>
      </c>
      <c r="E188">
        <v>3.5275599999999998</v>
      </c>
      <c r="F188">
        <v>4776.12</v>
      </c>
      <c r="G188">
        <v>47.3797</v>
      </c>
    </row>
    <row r="189" spans="1:7" x14ac:dyDescent="0.25">
      <c r="A189">
        <v>2</v>
      </c>
      <c r="B189">
        <v>137.62</v>
      </c>
      <c r="C189">
        <v>212.89500000000001</v>
      </c>
      <c r="D189">
        <v>16524.400000000001</v>
      </c>
      <c r="E189">
        <v>3.7637800000000001</v>
      </c>
      <c r="F189">
        <v>18076.5</v>
      </c>
      <c r="G189">
        <v>17.520299999999999</v>
      </c>
    </row>
    <row r="190" spans="1:7" x14ac:dyDescent="0.25">
      <c r="A190">
        <v>2</v>
      </c>
      <c r="B190">
        <v>140.45400000000001</v>
      </c>
      <c r="C190">
        <v>215.1</v>
      </c>
      <c r="D190">
        <v>9296.06</v>
      </c>
      <c r="E190">
        <v>1.54331</v>
      </c>
      <c r="F190">
        <v>12019.3</v>
      </c>
      <c r="G190">
        <v>20.2303</v>
      </c>
    </row>
    <row r="191" spans="1:7" x14ac:dyDescent="0.25">
      <c r="A191">
        <v>2</v>
      </c>
      <c r="B191">
        <v>150.53299999999999</v>
      </c>
      <c r="C191">
        <v>195.887</v>
      </c>
      <c r="D191">
        <v>3138.58</v>
      </c>
      <c r="E191">
        <v>2.20472</v>
      </c>
      <c r="F191">
        <v>5288.37</v>
      </c>
      <c r="G191">
        <v>30.3856</v>
      </c>
    </row>
    <row r="192" spans="1:7" x14ac:dyDescent="0.25">
      <c r="A192">
        <v>2</v>
      </c>
      <c r="B192">
        <v>160.61199999999999</v>
      </c>
      <c r="C192">
        <v>205.02099999999999</v>
      </c>
      <c r="D192">
        <v>7689.76</v>
      </c>
      <c r="E192">
        <v>1.82677</v>
      </c>
      <c r="F192">
        <v>9807.69</v>
      </c>
      <c r="G192">
        <v>62.249600000000001</v>
      </c>
    </row>
    <row r="193" spans="1:7" x14ac:dyDescent="0.25">
      <c r="A193">
        <v>2</v>
      </c>
      <c r="B193">
        <v>135.41499999999999</v>
      </c>
      <c r="C193">
        <v>206.596</v>
      </c>
      <c r="D193">
        <v>15185.8</v>
      </c>
      <c r="E193">
        <v>3.3622000000000001</v>
      </c>
      <c r="F193">
        <v>16830.599999999999</v>
      </c>
      <c r="G193">
        <v>16.125399999999999</v>
      </c>
    </row>
    <row r="194" spans="1:7" x14ac:dyDescent="0.25">
      <c r="A194">
        <v>2</v>
      </c>
      <c r="B194">
        <v>156.517</v>
      </c>
      <c r="C194">
        <v>206.911</v>
      </c>
      <c r="D194">
        <v>7422.05</v>
      </c>
      <c r="E194">
        <v>2.9370099999999999</v>
      </c>
      <c r="F194">
        <v>9023.92</v>
      </c>
      <c r="G194">
        <v>31.616</v>
      </c>
    </row>
    <row r="195" spans="1:7" x14ac:dyDescent="0.25">
      <c r="A195">
        <v>2</v>
      </c>
      <c r="B195">
        <v>155.572</v>
      </c>
      <c r="C195">
        <v>206.28100000000001</v>
      </c>
      <c r="D195">
        <v>7689.76</v>
      </c>
      <c r="E195">
        <v>2.5354299999999999</v>
      </c>
      <c r="F195">
        <v>9288.19</v>
      </c>
      <c r="G195">
        <v>39.283499999999997</v>
      </c>
    </row>
    <row r="196" spans="1:7" x14ac:dyDescent="0.25">
      <c r="A196">
        <v>2</v>
      </c>
      <c r="B196">
        <v>174.47</v>
      </c>
      <c r="C196">
        <v>175.41499999999999</v>
      </c>
      <c r="D196">
        <v>7422.05</v>
      </c>
      <c r="E196">
        <v>3.8582700000000001</v>
      </c>
      <c r="F196">
        <v>3358.18</v>
      </c>
      <c r="G196">
        <v>106.91500000000001</v>
      </c>
    </row>
    <row r="197" spans="1:7" x14ac:dyDescent="0.25">
      <c r="A197">
        <v>2</v>
      </c>
      <c r="B197">
        <v>145.494</v>
      </c>
      <c r="C197">
        <v>195.887</v>
      </c>
      <c r="D197">
        <v>5012.6000000000004</v>
      </c>
      <c r="E197">
        <v>3.3149600000000001</v>
      </c>
      <c r="F197">
        <v>6539.73</v>
      </c>
      <c r="G197">
        <v>21.848099999999999</v>
      </c>
    </row>
    <row r="198" spans="1:7" x14ac:dyDescent="0.25">
      <c r="A198">
        <v>2</v>
      </c>
      <c r="B198">
        <v>135.41499999999999</v>
      </c>
      <c r="C198">
        <v>210.691</v>
      </c>
      <c r="D198">
        <v>7689.76</v>
      </c>
      <c r="E198">
        <v>1.07087</v>
      </c>
      <c r="F198">
        <v>11349</v>
      </c>
      <c r="G198">
        <v>14.9438</v>
      </c>
    </row>
    <row r="199" spans="1:7" x14ac:dyDescent="0.25">
      <c r="A199">
        <v>2</v>
      </c>
      <c r="B199">
        <v>167.85599999999999</v>
      </c>
      <c r="C199">
        <v>196.202</v>
      </c>
      <c r="D199">
        <v>7154.33</v>
      </c>
      <c r="E199">
        <v>3.90551</v>
      </c>
      <c r="F199">
        <v>5101.54</v>
      </c>
      <c r="G199">
        <v>75.598699999999994</v>
      </c>
    </row>
    <row r="200" spans="1:7" x14ac:dyDescent="0.25">
      <c r="A200">
        <v>2</v>
      </c>
      <c r="B200">
        <v>168.17099999999999</v>
      </c>
      <c r="C200">
        <v>211.95</v>
      </c>
      <c r="D200">
        <v>7422.05</v>
      </c>
      <c r="E200">
        <v>3.6929099999999999</v>
      </c>
      <c r="F200">
        <v>5055.7</v>
      </c>
      <c r="G200">
        <v>77.193799999999996</v>
      </c>
    </row>
    <row r="201" spans="1:7" x14ac:dyDescent="0.25">
      <c r="A201">
        <v>2</v>
      </c>
      <c r="B201">
        <v>170.376</v>
      </c>
      <c r="C201">
        <v>206.596</v>
      </c>
      <c r="D201">
        <v>2603.15</v>
      </c>
      <c r="E201">
        <v>1.1889799999999999</v>
      </c>
      <c r="F201">
        <v>5300.7</v>
      </c>
      <c r="G201">
        <v>90.1738</v>
      </c>
    </row>
    <row r="202" spans="1:7" x14ac:dyDescent="0.25">
      <c r="A202">
        <v>2</v>
      </c>
      <c r="B202">
        <v>141.399</v>
      </c>
      <c r="C202">
        <v>199.03700000000001</v>
      </c>
      <c r="D202">
        <v>6351.18</v>
      </c>
      <c r="E202">
        <v>3.9291299999999998</v>
      </c>
      <c r="F202">
        <v>7706.73</v>
      </c>
      <c r="G202">
        <v>20.156500000000001</v>
      </c>
    </row>
    <row r="203" spans="1:7" x14ac:dyDescent="0.25">
      <c r="A203">
        <v>2</v>
      </c>
      <c r="B203">
        <v>170.376</v>
      </c>
      <c r="C203">
        <v>178.88</v>
      </c>
      <c r="D203">
        <v>3138.58</v>
      </c>
      <c r="E203">
        <v>2.79528</v>
      </c>
      <c r="F203">
        <v>4418.37</v>
      </c>
      <c r="G203">
        <v>83.508200000000002</v>
      </c>
    </row>
    <row r="204" spans="1:7" x14ac:dyDescent="0.25">
      <c r="A204">
        <v>2</v>
      </c>
      <c r="B204">
        <v>155.887</v>
      </c>
      <c r="C204">
        <v>210.691</v>
      </c>
      <c r="D204">
        <v>7288.19</v>
      </c>
      <c r="E204">
        <v>3.2204700000000002</v>
      </c>
      <c r="F204">
        <v>8603.76</v>
      </c>
      <c r="G204">
        <v>41.289400000000001</v>
      </c>
    </row>
    <row r="205" spans="1:7" x14ac:dyDescent="0.25">
      <c r="A205">
        <v>2</v>
      </c>
      <c r="B205">
        <v>140.45400000000001</v>
      </c>
      <c r="C205">
        <v>214.785</v>
      </c>
      <c r="D205">
        <v>7689.76</v>
      </c>
      <c r="E205">
        <v>2.9370099999999999</v>
      </c>
      <c r="F205">
        <v>9337.69</v>
      </c>
      <c r="G205">
        <v>20.8491</v>
      </c>
    </row>
    <row r="206" spans="1:7" x14ac:dyDescent="0.25">
      <c r="A206">
        <v>2</v>
      </c>
      <c r="B206">
        <v>144.23400000000001</v>
      </c>
      <c r="C206">
        <v>196.202</v>
      </c>
      <c r="D206">
        <v>3674.02</v>
      </c>
      <c r="E206">
        <v>1.82677</v>
      </c>
      <c r="F206">
        <v>6031.08</v>
      </c>
      <c r="G206">
        <v>35.438699999999997</v>
      </c>
    </row>
    <row r="207" spans="1:7" x14ac:dyDescent="0.25">
      <c r="A207">
        <v>2</v>
      </c>
      <c r="B207">
        <v>140.13900000000001</v>
      </c>
      <c r="C207">
        <v>207.85599999999999</v>
      </c>
      <c r="D207">
        <v>15052</v>
      </c>
      <c r="E207">
        <v>3.2677200000000002</v>
      </c>
      <c r="F207">
        <v>16596.5</v>
      </c>
      <c r="G207">
        <v>20.787700000000001</v>
      </c>
    </row>
    <row r="208" spans="1:7" x14ac:dyDescent="0.25">
      <c r="A208">
        <v>2</v>
      </c>
      <c r="B208">
        <v>135.41499999999999</v>
      </c>
      <c r="C208">
        <v>206.911</v>
      </c>
      <c r="D208">
        <v>4744.88</v>
      </c>
      <c r="E208">
        <v>2.70079</v>
      </c>
      <c r="F208">
        <v>6729.38</v>
      </c>
      <c r="G208">
        <v>53.749099999999999</v>
      </c>
    </row>
    <row r="209" spans="1:7" x14ac:dyDescent="0.25">
      <c r="A209">
        <v>2</v>
      </c>
      <c r="B209">
        <v>150.53299999999999</v>
      </c>
      <c r="C209">
        <v>214.47</v>
      </c>
      <c r="D209">
        <v>6351.18</v>
      </c>
      <c r="E209">
        <v>2.6771699999999998</v>
      </c>
      <c r="F209">
        <v>7894.62</v>
      </c>
      <c r="G209">
        <v>34.1892</v>
      </c>
    </row>
    <row r="210" spans="1:7" x14ac:dyDescent="0.25">
      <c r="A210">
        <v>2</v>
      </c>
      <c r="B210">
        <v>143.60400000000001</v>
      </c>
      <c r="C210">
        <v>197.14699999999999</v>
      </c>
      <c r="D210">
        <v>6752.76</v>
      </c>
      <c r="E210">
        <v>3.7873999999999999</v>
      </c>
      <c r="F210">
        <v>8141</v>
      </c>
      <c r="G210">
        <v>24.4251</v>
      </c>
    </row>
    <row r="211" spans="1:7" x14ac:dyDescent="0.25">
      <c r="A211">
        <v>2</v>
      </c>
      <c r="B211">
        <v>150.53299999999999</v>
      </c>
      <c r="C211">
        <v>192.423</v>
      </c>
      <c r="D211">
        <v>8760.6299999999992</v>
      </c>
      <c r="E211">
        <v>2.8189000000000002</v>
      </c>
      <c r="F211">
        <v>10320.5</v>
      </c>
      <c r="G211">
        <v>34.269599999999997</v>
      </c>
    </row>
    <row r="212" spans="1:7" x14ac:dyDescent="0.25">
      <c r="A212">
        <v>2</v>
      </c>
      <c r="B212">
        <v>150.53299999999999</v>
      </c>
      <c r="C212">
        <v>185.179</v>
      </c>
      <c r="D212">
        <v>2603.15</v>
      </c>
      <c r="E212">
        <v>3.2677200000000002</v>
      </c>
      <c r="F212">
        <v>4456.99</v>
      </c>
      <c r="G212">
        <v>78.661500000000004</v>
      </c>
    </row>
    <row r="213" spans="1:7" x14ac:dyDescent="0.25">
      <c r="A213">
        <v>2</v>
      </c>
      <c r="B213">
        <v>156.202</v>
      </c>
      <c r="C213">
        <v>205.65100000000001</v>
      </c>
      <c r="D213">
        <v>3138.58</v>
      </c>
      <c r="E213">
        <v>2.74803</v>
      </c>
      <c r="F213">
        <v>4860.4399999999996</v>
      </c>
      <c r="G213">
        <v>28.7561</v>
      </c>
    </row>
    <row r="214" spans="1:7" x14ac:dyDescent="0.25">
      <c r="A214">
        <v>2</v>
      </c>
      <c r="B214">
        <v>152.108</v>
      </c>
      <c r="C214">
        <v>206.596</v>
      </c>
      <c r="D214">
        <v>7555.91</v>
      </c>
      <c r="E214">
        <v>3.2677200000000002</v>
      </c>
      <c r="F214">
        <v>8962.65</v>
      </c>
      <c r="G214">
        <v>36.252299999999998</v>
      </c>
    </row>
    <row r="215" spans="1:7" x14ac:dyDescent="0.25">
      <c r="A215">
        <v>2</v>
      </c>
      <c r="B215">
        <v>174.47</v>
      </c>
      <c r="C215">
        <v>175.41499999999999</v>
      </c>
      <c r="D215">
        <v>7422.05</v>
      </c>
      <c r="E215">
        <v>3.0787399999999998</v>
      </c>
      <c r="F215">
        <v>3513.86</v>
      </c>
      <c r="G215">
        <v>111.676</v>
      </c>
    </row>
    <row r="216" spans="1:7" x14ac:dyDescent="0.25">
      <c r="A216">
        <v>2</v>
      </c>
      <c r="B216">
        <v>146.124</v>
      </c>
      <c r="C216">
        <v>200.297</v>
      </c>
      <c r="D216">
        <v>7154.33</v>
      </c>
      <c r="E216">
        <v>2.1574800000000001</v>
      </c>
      <c r="F216">
        <v>9085.2099999999991</v>
      </c>
      <c r="G216">
        <v>27.026900000000001</v>
      </c>
    </row>
    <row r="217" spans="1:7" x14ac:dyDescent="0.25">
      <c r="A217">
        <v>2</v>
      </c>
      <c r="B217">
        <v>165.96600000000001</v>
      </c>
      <c r="C217">
        <v>210.376</v>
      </c>
      <c r="D217">
        <v>2870.87</v>
      </c>
      <c r="E217">
        <v>3.9763799999999998</v>
      </c>
      <c r="F217">
        <v>4054.56</v>
      </c>
      <c r="G217">
        <v>81.098200000000006</v>
      </c>
    </row>
    <row r="218" spans="1:7" x14ac:dyDescent="0.25">
      <c r="A218">
        <v>2</v>
      </c>
      <c r="B218">
        <v>155.572</v>
      </c>
      <c r="C218">
        <v>195.887</v>
      </c>
      <c r="D218">
        <v>6886.61</v>
      </c>
      <c r="E218">
        <v>3.8818899999999998</v>
      </c>
      <c r="F218">
        <v>8039.77</v>
      </c>
      <c r="G218">
        <v>40.928199999999997</v>
      </c>
    </row>
    <row r="219" spans="1:7" x14ac:dyDescent="0.25">
      <c r="A219">
        <v>2</v>
      </c>
      <c r="B219">
        <v>150.53299999999999</v>
      </c>
      <c r="C219">
        <v>212.58</v>
      </c>
      <c r="D219">
        <v>15453.5</v>
      </c>
      <c r="E219">
        <v>3.7873999999999999</v>
      </c>
      <c r="F219">
        <v>16615.3</v>
      </c>
      <c r="G219">
        <v>34.564799999999998</v>
      </c>
    </row>
    <row r="220" spans="1:7" x14ac:dyDescent="0.25">
      <c r="A220">
        <v>2</v>
      </c>
      <c r="B220">
        <v>166.28100000000001</v>
      </c>
      <c r="C220">
        <v>180.45400000000001</v>
      </c>
      <c r="D220">
        <v>7154.33</v>
      </c>
      <c r="E220">
        <v>2.5826799999999999</v>
      </c>
      <c r="F220">
        <v>6397.26</v>
      </c>
      <c r="G220">
        <v>88.471699999999998</v>
      </c>
    </row>
    <row r="221" spans="1:7" x14ac:dyDescent="0.25">
      <c r="A221">
        <v>2</v>
      </c>
      <c r="B221">
        <v>140.45400000000001</v>
      </c>
      <c r="C221">
        <v>201.87200000000001</v>
      </c>
      <c r="D221">
        <v>7422.05</v>
      </c>
      <c r="E221">
        <v>3.6929099999999999</v>
      </c>
      <c r="F221">
        <v>8718.6</v>
      </c>
      <c r="G221">
        <v>18.483000000000001</v>
      </c>
    </row>
    <row r="222" spans="1:7" x14ac:dyDescent="0.25">
      <c r="A222">
        <v>2</v>
      </c>
      <c r="B222">
        <v>160.61199999999999</v>
      </c>
      <c r="C222">
        <v>213.84</v>
      </c>
      <c r="D222">
        <v>2335.4299999999998</v>
      </c>
      <c r="E222">
        <v>1.3307100000000001</v>
      </c>
      <c r="F222">
        <v>5313.69</v>
      </c>
      <c r="G222">
        <v>25.168900000000001</v>
      </c>
    </row>
    <row r="223" spans="1:7" x14ac:dyDescent="0.25">
      <c r="A223">
        <v>2</v>
      </c>
      <c r="B223">
        <v>161.55699999999999</v>
      </c>
      <c r="C223">
        <v>188.01300000000001</v>
      </c>
      <c r="D223">
        <v>6485.04</v>
      </c>
      <c r="E223">
        <v>3.45669</v>
      </c>
      <c r="F223">
        <v>7662.15</v>
      </c>
      <c r="G223">
        <v>28.4495</v>
      </c>
    </row>
    <row r="224" spans="1:7" x14ac:dyDescent="0.25">
      <c r="A224">
        <v>2</v>
      </c>
      <c r="B224">
        <v>156.202</v>
      </c>
      <c r="C224">
        <v>210.691</v>
      </c>
      <c r="D224">
        <v>3004.72</v>
      </c>
      <c r="E224">
        <v>1.2598400000000001</v>
      </c>
      <c r="F224">
        <v>5780.1</v>
      </c>
      <c r="G224">
        <v>44.260199999999998</v>
      </c>
    </row>
    <row r="225" spans="1:7" x14ac:dyDescent="0.25">
      <c r="A225">
        <v>2</v>
      </c>
      <c r="B225">
        <v>174.47</v>
      </c>
      <c r="C225">
        <v>185.179</v>
      </c>
      <c r="D225">
        <v>3272.44</v>
      </c>
      <c r="E225">
        <v>3.2677200000000002</v>
      </c>
      <c r="F225">
        <v>3505.29</v>
      </c>
      <c r="G225">
        <v>110.44199999999999</v>
      </c>
    </row>
    <row r="226" spans="1:7" x14ac:dyDescent="0.25">
      <c r="A226">
        <v>2</v>
      </c>
      <c r="B226">
        <v>142.97399999999999</v>
      </c>
      <c r="C226">
        <v>212.58</v>
      </c>
      <c r="D226">
        <v>6351.18</v>
      </c>
      <c r="E226">
        <v>3.0551200000000001</v>
      </c>
      <c r="F226">
        <v>7886.23</v>
      </c>
      <c r="G226">
        <v>23.398499999999999</v>
      </c>
    </row>
    <row r="227" spans="1:7" x14ac:dyDescent="0.25">
      <c r="A227">
        <v>2</v>
      </c>
      <c r="B227">
        <v>141.714</v>
      </c>
      <c r="C227">
        <v>207.85599999999999</v>
      </c>
      <c r="D227">
        <v>3674.02</v>
      </c>
      <c r="E227">
        <v>3.64567</v>
      </c>
      <c r="F227">
        <v>5246.59</v>
      </c>
      <c r="G227">
        <v>59.3401</v>
      </c>
    </row>
    <row r="228" spans="1:7" x14ac:dyDescent="0.25">
      <c r="A228">
        <v>2</v>
      </c>
      <c r="B228">
        <v>158.72200000000001</v>
      </c>
      <c r="C228">
        <v>206.28100000000001</v>
      </c>
      <c r="D228">
        <v>3004.72</v>
      </c>
      <c r="E228">
        <v>3.9763799999999998</v>
      </c>
      <c r="F228">
        <v>4272.58</v>
      </c>
      <c r="G228">
        <v>49.992899999999999</v>
      </c>
    </row>
    <row r="229" spans="1:7" x14ac:dyDescent="0.25">
      <c r="A229">
        <v>2</v>
      </c>
      <c r="B229">
        <v>173.21</v>
      </c>
      <c r="C229">
        <v>202.50200000000001</v>
      </c>
      <c r="D229">
        <v>7422.05</v>
      </c>
      <c r="E229">
        <v>3.6929099999999999</v>
      </c>
      <c r="F229">
        <v>3575.99</v>
      </c>
      <c r="G229">
        <v>107.35</v>
      </c>
    </row>
    <row r="230" spans="1:7" x14ac:dyDescent="0.25">
      <c r="A230">
        <v>2</v>
      </c>
      <c r="B230">
        <v>155.572</v>
      </c>
      <c r="C230">
        <v>196.202</v>
      </c>
      <c r="D230">
        <v>6886.61</v>
      </c>
      <c r="E230">
        <v>1.1889799999999999</v>
      </c>
      <c r="F230">
        <v>9761.33</v>
      </c>
      <c r="G230">
        <v>38.099600000000002</v>
      </c>
    </row>
    <row r="231" spans="1:7" x14ac:dyDescent="0.25">
      <c r="A231">
        <v>2</v>
      </c>
      <c r="B231">
        <v>173.21</v>
      </c>
      <c r="C231">
        <v>196.202</v>
      </c>
      <c r="D231">
        <v>3138.58</v>
      </c>
      <c r="E231">
        <v>3.14961</v>
      </c>
      <c r="F231">
        <v>3777.56</v>
      </c>
      <c r="G231">
        <v>109.697</v>
      </c>
    </row>
    <row r="232" spans="1:7" x14ac:dyDescent="0.25">
      <c r="A232">
        <v>2</v>
      </c>
      <c r="B232">
        <v>155.572</v>
      </c>
      <c r="C232">
        <v>205.65100000000001</v>
      </c>
      <c r="D232">
        <v>2870.87</v>
      </c>
      <c r="E232">
        <v>2.8189000000000002</v>
      </c>
      <c r="F232">
        <v>4768.59</v>
      </c>
      <c r="G232">
        <v>36.1434</v>
      </c>
    </row>
    <row r="233" spans="1:7" x14ac:dyDescent="0.25">
      <c r="A233">
        <v>2</v>
      </c>
      <c r="B233">
        <v>156.202</v>
      </c>
      <c r="C233">
        <v>196.83199999999999</v>
      </c>
      <c r="D233">
        <v>2870.87</v>
      </c>
      <c r="E233">
        <v>2.5354299999999999</v>
      </c>
      <c r="F233">
        <v>4746.42</v>
      </c>
      <c r="G233">
        <v>43.328499999999998</v>
      </c>
    </row>
    <row r="234" spans="1:7" x14ac:dyDescent="0.25">
      <c r="A234">
        <v>2</v>
      </c>
      <c r="B234">
        <v>165.96600000000001</v>
      </c>
      <c r="C234">
        <v>195.572</v>
      </c>
      <c r="D234">
        <v>3004.72</v>
      </c>
      <c r="E234">
        <v>2.7716500000000002</v>
      </c>
      <c r="F234">
        <v>4674.76</v>
      </c>
      <c r="G234">
        <v>87.071399999999997</v>
      </c>
    </row>
    <row r="235" spans="1:7" x14ac:dyDescent="0.25">
      <c r="A235">
        <v>2</v>
      </c>
      <c r="B235">
        <v>155.572</v>
      </c>
      <c r="C235">
        <v>205.65100000000001</v>
      </c>
      <c r="D235">
        <v>4744.88</v>
      </c>
      <c r="E235">
        <v>2.70079</v>
      </c>
      <c r="F235">
        <v>6341.71</v>
      </c>
      <c r="G235">
        <v>39.668999999999997</v>
      </c>
    </row>
    <row r="236" spans="1:7" x14ac:dyDescent="0.25">
      <c r="A236">
        <v>2</v>
      </c>
      <c r="B236">
        <v>140.13900000000001</v>
      </c>
      <c r="C236">
        <v>204.70599999999999</v>
      </c>
      <c r="D236">
        <v>7689.76</v>
      </c>
      <c r="E236">
        <v>1.1653500000000001</v>
      </c>
      <c r="F236">
        <v>11226.8</v>
      </c>
      <c r="G236">
        <v>20.107199999999999</v>
      </c>
    </row>
    <row r="237" spans="1:7" x14ac:dyDescent="0.25">
      <c r="A237">
        <v>2</v>
      </c>
      <c r="B237">
        <v>137.62</v>
      </c>
      <c r="C237">
        <v>197.77699999999999</v>
      </c>
      <c r="D237">
        <v>7154.33</v>
      </c>
      <c r="E237">
        <v>3.8818899999999998</v>
      </c>
      <c r="F237">
        <v>8594.08</v>
      </c>
      <c r="G237">
        <v>17.114599999999999</v>
      </c>
    </row>
    <row r="238" spans="1:7" x14ac:dyDescent="0.25">
      <c r="A238">
        <v>2</v>
      </c>
      <c r="B238">
        <v>171.32</v>
      </c>
      <c r="C238">
        <v>201.87200000000001</v>
      </c>
      <c r="D238">
        <v>7154.33</v>
      </c>
      <c r="E238">
        <v>1.7795300000000001</v>
      </c>
      <c r="F238">
        <v>4516.29</v>
      </c>
      <c r="G238">
        <v>99.0762</v>
      </c>
    </row>
    <row r="239" spans="1:7" x14ac:dyDescent="0.25">
      <c r="A239">
        <v>2</v>
      </c>
      <c r="B239">
        <v>165.33600000000001</v>
      </c>
      <c r="C239">
        <v>214.155</v>
      </c>
      <c r="D239">
        <v>6886.61</v>
      </c>
      <c r="E239">
        <v>2.0393699999999999</v>
      </c>
      <c r="F239">
        <v>7032.36</v>
      </c>
      <c r="G239">
        <v>26.711200000000002</v>
      </c>
    </row>
    <row r="240" spans="1:7" x14ac:dyDescent="0.25">
      <c r="A240">
        <v>2</v>
      </c>
      <c r="B240">
        <v>170.376</v>
      </c>
      <c r="C240">
        <v>196.202</v>
      </c>
      <c r="D240">
        <v>7154.33</v>
      </c>
      <c r="E240">
        <v>1.02362</v>
      </c>
      <c r="F240">
        <v>5536.35</v>
      </c>
      <c r="G240">
        <v>93.028599999999997</v>
      </c>
    </row>
    <row r="241" spans="1:7" x14ac:dyDescent="0.25">
      <c r="A241">
        <v>2</v>
      </c>
      <c r="B241">
        <v>166.28100000000001</v>
      </c>
      <c r="C241">
        <v>195.572</v>
      </c>
      <c r="D241">
        <v>7288.19</v>
      </c>
      <c r="E241">
        <v>1.02362</v>
      </c>
      <c r="F241">
        <v>7152.81</v>
      </c>
      <c r="G241">
        <v>19.911000000000001</v>
      </c>
    </row>
    <row r="242" spans="1:7" x14ac:dyDescent="0.25">
      <c r="A242">
        <v>2</v>
      </c>
      <c r="B242">
        <v>135.41499999999999</v>
      </c>
      <c r="C242">
        <v>210.691</v>
      </c>
      <c r="D242">
        <v>7689.76</v>
      </c>
      <c r="E242">
        <v>1.07087</v>
      </c>
      <c r="F242">
        <v>11349</v>
      </c>
      <c r="G242">
        <v>14.9438</v>
      </c>
    </row>
    <row r="243" spans="1:7" x14ac:dyDescent="0.25">
      <c r="A243">
        <v>2</v>
      </c>
      <c r="B243">
        <v>135.41499999999999</v>
      </c>
      <c r="C243">
        <v>210.691</v>
      </c>
      <c r="D243">
        <v>7689.76</v>
      </c>
      <c r="E243">
        <v>1.07087</v>
      </c>
      <c r="F243">
        <v>11349</v>
      </c>
      <c r="G243">
        <v>14.9438</v>
      </c>
    </row>
    <row r="244" spans="1:7" x14ac:dyDescent="0.25">
      <c r="A244">
        <v>2</v>
      </c>
      <c r="B244">
        <v>174.47</v>
      </c>
      <c r="C244">
        <v>175.41499999999999</v>
      </c>
      <c r="D244">
        <v>7422.05</v>
      </c>
      <c r="E244">
        <v>3.8582700000000001</v>
      </c>
      <c r="F244">
        <v>3358.18</v>
      </c>
      <c r="G244">
        <v>106.91500000000001</v>
      </c>
    </row>
    <row r="245" spans="1:7" x14ac:dyDescent="0.25">
      <c r="A245">
        <v>2</v>
      </c>
      <c r="B245">
        <v>168.17099999999999</v>
      </c>
      <c r="C245">
        <v>197.14699999999999</v>
      </c>
      <c r="D245">
        <v>2870.87</v>
      </c>
      <c r="E245">
        <v>3.8110200000000001</v>
      </c>
      <c r="F245">
        <v>3961.22</v>
      </c>
      <c r="G245">
        <v>50.840899999999998</v>
      </c>
    </row>
    <row r="246" spans="1:7" x14ac:dyDescent="0.25">
      <c r="A246">
        <v>2</v>
      </c>
      <c r="B246">
        <v>171.32</v>
      </c>
      <c r="C246">
        <v>201.87200000000001</v>
      </c>
      <c r="D246">
        <v>7154.33</v>
      </c>
      <c r="E246">
        <v>3.6929099999999999</v>
      </c>
      <c r="F246">
        <v>3942</v>
      </c>
      <c r="G246">
        <v>105.71599999999999</v>
      </c>
    </row>
    <row r="247" spans="1:7" x14ac:dyDescent="0.25">
      <c r="A247">
        <v>2</v>
      </c>
      <c r="B247">
        <v>155.572</v>
      </c>
      <c r="C247">
        <v>206.28100000000001</v>
      </c>
      <c r="D247">
        <v>2603.15</v>
      </c>
      <c r="E247">
        <v>2.70079</v>
      </c>
      <c r="F247">
        <v>4428.12</v>
      </c>
      <c r="G247">
        <v>39.406999999999996</v>
      </c>
    </row>
    <row r="248" spans="1:7" x14ac:dyDescent="0.25">
      <c r="A248">
        <v>2</v>
      </c>
      <c r="B248">
        <v>160.61199999999999</v>
      </c>
      <c r="C248">
        <v>213.84</v>
      </c>
      <c r="D248">
        <v>2335.4299999999998</v>
      </c>
      <c r="E248">
        <v>1.3307100000000001</v>
      </c>
      <c r="F248">
        <v>5313.69</v>
      </c>
      <c r="G248">
        <v>25.168900000000001</v>
      </c>
    </row>
    <row r="249" spans="1:7" x14ac:dyDescent="0.25">
      <c r="A249">
        <v>2</v>
      </c>
      <c r="B249">
        <v>155.572</v>
      </c>
      <c r="C249">
        <v>205.65100000000001</v>
      </c>
      <c r="D249">
        <v>2870.87</v>
      </c>
      <c r="E249">
        <v>2.8189000000000002</v>
      </c>
      <c r="F249">
        <v>4768.59</v>
      </c>
      <c r="G249">
        <v>36.1434</v>
      </c>
    </row>
    <row r="250" spans="1:7" x14ac:dyDescent="0.25">
      <c r="A250">
        <v>2</v>
      </c>
      <c r="B250">
        <v>160.61199999999999</v>
      </c>
      <c r="C250">
        <v>213.84</v>
      </c>
      <c r="D250">
        <v>2335.4299999999998</v>
      </c>
      <c r="E250">
        <v>1.3307100000000001</v>
      </c>
      <c r="F250">
        <v>5313.69</v>
      </c>
      <c r="G250">
        <v>25.168900000000001</v>
      </c>
    </row>
    <row r="251" spans="1:7" x14ac:dyDescent="0.25">
      <c r="A251">
        <v>2</v>
      </c>
      <c r="B251">
        <v>140.45400000000001</v>
      </c>
      <c r="C251">
        <v>211.63499999999999</v>
      </c>
      <c r="D251">
        <v>7154.33</v>
      </c>
      <c r="E251">
        <v>3.6929099999999999</v>
      </c>
      <c r="F251">
        <v>8570.6200000000008</v>
      </c>
      <c r="G251">
        <v>18.480799999999999</v>
      </c>
    </row>
    <row r="252" spans="1:7" x14ac:dyDescent="0.25">
      <c r="A252">
        <v>2</v>
      </c>
      <c r="B252">
        <v>174.47</v>
      </c>
      <c r="C252">
        <v>175.41499999999999</v>
      </c>
      <c r="D252">
        <v>7422.05</v>
      </c>
      <c r="E252">
        <v>3.8582700000000001</v>
      </c>
      <c r="F252">
        <v>3358.18</v>
      </c>
      <c r="G252">
        <v>106.91500000000001</v>
      </c>
    </row>
    <row r="253" spans="1:7" x14ac:dyDescent="0.25">
      <c r="A253">
        <v>2</v>
      </c>
      <c r="B253">
        <v>171.63499999999999</v>
      </c>
      <c r="C253">
        <v>196.83199999999999</v>
      </c>
      <c r="D253">
        <v>7422.05</v>
      </c>
      <c r="E253">
        <v>3.6929099999999999</v>
      </c>
      <c r="F253">
        <v>3899.01</v>
      </c>
      <c r="G253">
        <v>106.077</v>
      </c>
    </row>
    <row r="254" spans="1:7" x14ac:dyDescent="0.25">
      <c r="A254">
        <v>2</v>
      </c>
      <c r="B254">
        <v>145.494</v>
      </c>
      <c r="C254">
        <v>195.887</v>
      </c>
      <c r="D254">
        <v>5012.6000000000004</v>
      </c>
      <c r="E254">
        <v>3.3149600000000001</v>
      </c>
      <c r="F254">
        <v>6539.73</v>
      </c>
      <c r="G254">
        <v>21.848099999999999</v>
      </c>
    </row>
    <row r="255" spans="1:7" x14ac:dyDescent="0.25">
      <c r="A255">
        <v>2</v>
      </c>
      <c r="B255">
        <v>156.202</v>
      </c>
      <c r="C255">
        <v>205.65100000000001</v>
      </c>
      <c r="D255">
        <v>3138.58</v>
      </c>
      <c r="E255">
        <v>2.74803</v>
      </c>
      <c r="F255">
        <v>4860.4399999999996</v>
      </c>
      <c r="G255">
        <v>28.7561</v>
      </c>
    </row>
    <row r="256" spans="1:7" x14ac:dyDescent="0.25">
      <c r="A256">
        <v>2</v>
      </c>
      <c r="B256">
        <v>158.72200000000001</v>
      </c>
      <c r="C256">
        <v>206.28100000000001</v>
      </c>
      <c r="D256">
        <v>3004.72</v>
      </c>
      <c r="E256">
        <v>3.9763799999999998</v>
      </c>
      <c r="F256">
        <v>4272.58</v>
      </c>
      <c r="G256">
        <v>49.992899999999999</v>
      </c>
    </row>
    <row r="257" spans="1:7" x14ac:dyDescent="0.25">
      <c r="A257">
        <v>2</v>
      </c>
      <c r="B257">
        <v>137.62</v>
      </c>
      <c r="C257">
        <v>197.77699999999999</v>
      </c>
      <c r="D257">
        <v>7154.33</v>
      </c>
      <c r="E257">
        <v>3.8818899999999998</v>
      </c>
      <c r="F257">
        <v>8594.08</v>
      </c>
      <c r="G257">
        <v>17.114599999999999</v>
      </c>
    </row>
    <row r="271" spans="1:7" x14ac:dyDescent="0.25">
      <c r="A271">
        <v>3</v>
      </c>
      <c r="B271">
        <v>145.494</v>
      </c>
      <c r="C271">
        <v>195.887</v>
      </c>
      <c r="D271">
        <v>5012.6000000000004</v>
      </c>
      <c r="E271">
        <v>3.3149600000000001</v>
      </c>
      <c r="F271">
        <v>6539.73</v>
      </c>
      <c r="G271">
        <v>21.848099999999999</v>
      </c>
    </row>
    <row r="272" spans="1:7" x14ac:dyDescent="0.25">
      <c r="A272">
        <v>3</v>
      </c>
      <c r="B272">
        <v>135.41499999999999</v>
      </c>
      <c r="C272">
        <v>210.691</v>
      </c>
      <c r="D272">
        <v>7689.76</v>
      </c>
      <c r="E272">
        <v>1.07087</v>
      </c>
      <c r="F272">
        <v>11349</v>
      </c>
      <c r="G272">
        <v>14.9438</v>
      </c>
    </row>
    <row r="273" spans="1:7" x14ac:dyDescent="0.25">
      <c r="A273">
        <v>3</v>
      </c>
      <c r="B273">
        <v>160.61199999999999</v>
      </c>
      <c r="C273">
        <v>213.84</v>
      </c>
      <c r="D273">
        <v>2335.4299999999998</v>
      </c>
      <c r="E273">
        <v>1.3307100000000001</v>
      </c>
      <c r="F273">
        <v>5313.69</v>
      </c>
      <c r="G273">
        <v>25.168900000000001</v>
      </c>
    </row>
    <row r="274" spans="1:7" x14ac:dyDescent="0.25">
      <c r="A274">
        <v>3</v>
      </c>
      <c r="B274">
        <v>166.28100000000001</v>
      </c>
      <c r="C274">
        <v>195.572</v>
      </c>
      <c r="D274">
        <v>7288.19</v>
      </c>
      <c r="E274">
        <v>1.02362</v>
      </c>
      <c r="F274">
        <v>7152.81</v>
      </c>
      <c r="G274">
        <v>19.911000000000001</v>
      </c>
    </row>
    <row r="275" spans="1:7" x14ac:dyDescent="0.25">
      <c r="A275">
        <v>3</v>
      </c>
      <c r="B275">
        <v>145.494</v>
      </c>
      <c r="C275">
        <v>197.14699999999999</v>
      </c>
      <c r="D275">
        <v>2870.87</v>
      </c>
      <c r="E275">
        <v>3.3149600000000001</v>
      </c>
      <c r="F275">
        <v>4588.3599999999997</v>
      </c>
      <c r="G275">
        <v>76.949100000000001</v>
      </c>
    </row>
    <row r="276" spans="1:7" x14ac:dyDescent="0.25">
      <c r="A276">
        <v>3</v>
      </c>
      <c r="B276">
        <v>168.17099999999999</v>
      </c>
      <c r="C276">
        <v>199.667</v>
      </c>
      <c r="D276">
        <v>2870.87</v>
      </c>
      <c r="E276">
        <v>3.7873999999999999</v>
      </c>
      <c r="F276">
        <v>3971.22</v>
      </c>
      <c r="G276">
        <v>51.542000000000002</v>
      </c>
    </row>
    <row r="277" spans="1:7" x14ac:dyDescent="0.25">
      <c r="A277">
        <v>3</v>
      </c>
      <c r="B277">
        <v>155.25700000000001</v>
      </c>
      <c r="C277">
        <v>206.596</v>
      </c>
      <c r="D277">
        <v>7422.05</v>
      </c>
      <c r="E277">
        <v>2.7716500000000002</v>
      </c>
      <c r="F277">
        <v>8968.2800000000007</v>
      </c>
      <c r="G277">
        <v>39.007399999999997</v>
      </c>
    </row>
    <row r="278" spans="1:7" x14ac:dyDescent="0.25">
      <c r="A278">
        <v>3</v>
      </c>
      <c r="B278">
        <v>156.202</v>
      </c>
      <c r="C278">
        <v>195.572</v>
      </c>
      <c r="D278">
        <v>7154.33</v>
      </c>
      <c r="E278">
        <v>1.07087</v>
      </c>
      <c r="F278">
        <v>5925.64</v>
      </c>
      <c r="G278">
        <v>38.489199999999997</v>
      </c>
    </row>
    <row r="279" spans="1:7" x14ac:dyDescent="0.25">
      <c r="A279">
        <v>3</v>
      </c>
      <c r="B279">
        <v>137.935</v>
      </c>
      <c r="C279">
        <v>205.65100000000001</v>
      </c>
      <c r="D279">
        <v>7689.76</v>
      </c>
      <c r="E279">
        <v>1.6141700000000001</v>
      </c>
      <c r="F279">
        <v>10209.799999999999</v>
      </c>
      <c r="G279">
        <v>18.257899999999999</v>
      </c>
    </row>
    <row r="280" spans="1:7" x14ac:dyDescent="0.25">
      <c r="A280">
        <v>3</v>
      </c>
      <c r="B280">
        <v>145.494</v>
      </c>
      <c r="C280">
        <v>205.33600000000001</v>
      </c>
      <c r="D280">
        <v>15453.5</v>
      </c>
      <c r="E280">
        <v>3.2677200000000002</v>
      </c>
      <c r="F280">
        <v>16910.5</v>
      </c>
      <c r="G280">
        <v>27.180199999999999</v>
      </c>
    </row>
    <row r="281" spans="1:7" x14ac:dyDescent="0.25">
      <c r="A281">
        <v>3</v>
      </c>
      <c r="B281">
        <v>137.62</v>
      </c>
      <c r="C281">
        <v>197.77699999999999</v>
      </c>
      <c r="D281">
        <v>15989</v>
      </c>
      <c r="E281">
        <v>3.8346499999999999</v>
      </c>
      <c r="F281">
        <v>17515.8</v>
      </c>
      <c r="G281">
        <v>17.501200000000001</v>
      </c>
    </row>
    <row r="282" spans="1:7" x14ac:dyDescent="0.25">
      <c r="A282">
        <v>3</v>
      </c>
      <c r="B282">
        <v>165.65100000000001</v>
      </c>
      <c r="C282">
        <v>185.494</v>
      </c>
      <c r="D282">
        <v>3272.44</v>
      </c>
      <c r="E282">
        <v>2.5118100000000001</v>
      </c>
      <c r="F282">
        <v>5023.63</v>
      </c>
      <c r="G282">
        <v>88.433099999999996</v>
      </c>
    </row>
    <row r="283" spans="1:7" x14ac:dyDescent="0.25">
      <c r="A283">
        <v>3</v>
      </c>
      <c r="B283">
        <v>142.97399999999999</v>
      </c>
      <c r="C283">
        <v>197.14699999999999</v>
      </c>
      <c r="D283">
        <v>6351.18</v>
      </c>
      <c r="E283">
        <v>3.7873999999999999</v>
      </c>
      <c r="F283">
        <v>7777.6</v>
      </c>
      <c r="G283">
        <v>23.2392</v>
      </c>
    </row>
    <row r="284" spans="1:7" x14ac:dyDescent="0.25">
      <c r="A284">
        <v>3</v>
      </c>
      <c r="B284">
        <v>173.21</v>
      </c>
      <c r="C284">
        <v>197.46199999999999</v>
      </c>
      <c r="D284">
        <v>2870.87</v>
      </c>
      <c r="E284">
        <v>3.7873999999999999</v>
      </c>
      <c r="F284">
        <v>3575.56</v>
      </c>
      <c r="G284">
        <v>107.048</v>
      </c>
    </row>
    <row r="285" spans="1:7" x14ac:dyDescent="0.25">
      <c r="A285">
        <v>3</v>
      </c>
      <c r="B285">
        <v>160.297</v>
      </c>
      <c r="C285">
        <v>190.53299999999999</v>
      </c>
      <c r="D285">
        <v>3807.87</v>
      </c>
      <c r="E285">
        <v>2.70079</v>
      </c>
      <c r="F285">
        <v>5338.55</v>
      </c>
      <c r="G285">
        <v>58.038499999999999</v>
      </c>
    </row>
    <row r="286" spans="1:7" x14ac:dyDescent="0.25">
      <c r="A286">
        <v>3</v>
      </c>
      <c r="B286">
        <v>165.65100000000001</v>
      </c>
      <c r="C286">
        <v>214.155</v>
      </c>
      <c r="D286">
        <v>7823.62</v>
      </c>
      <c r="E286">
        <v>1.1181099999999999</v>
      </c>
      <c r="F286">
        <v>7675.67</v>
      </c>
      <c r="G286">
        <v>85.269199999999998</v>
      </c>
    </row>
    <row r="287" spans="1:7" x14ac:dyDescent="0.25">
      <c r="A287">
        <v>3</v>
      </c>
      <c r="B287">
        <v>158.72200000000001</v>
      </c>
      <c r="C287">
        <v>195.572</v>
      </c>
      <c r="D287">
        <v>3004.72</v>
      </c>
      <c r="E287">
        <v>3.9291299999999998</v>
      </c>
      <c r="F287">
        <v>4337.78</v>
      </c>
      <c r="G287">
        <v>50.177700000000002</v>
      </c>
    </row>
    <row r="288" spans="1:7" x14ac:dyDescent="0.25">
      <c r="A288">
        <v>3</v>
      </c>
      <c r="B288">
        <v>145.494</v>
      </c>
      <c r="C288">
        <v>207.226</v>
      </c>
      <c r="D288">
        <v>11437.8</v>
      </c>
      <c r="E288">
        <v>1.80315</v>
      </c>
      <c r="F288">
        <v>13681.5</v>
      </c>
      <c r="G288">
        <v>26.627800000000001</v>
      </c>
    </row>
    <row r="289" spans="1:7" x14ac:dyDescent="0.25">
      <c r="A289">
        <v>3</v>
      </c>
      <c r="B289">
        <v>136.04499999999999</v>
      </c>
      <c r="C289">
        <v>210.691</v>
      </c>
      <c r="D289">
        <v>7154.33</v>
      </c>
      <c r="E289">
        <v>3.2440899999999999</v>
      </c>
      <c r="F289">
        <v>8654.58</v>
      </c>
      <c r="G289">
        <v>14.382300000000001</v>
      </c>
    </row>
    <row r="290" spans="1:7" x14ac:dyDescent="0.25">
      <c r="A290">
        <v>3</v>
      </c>
      <c r="B290">
        <v>137.62</v>
      </c>
      <c r="C290">
        <v>197.77699999999999</v>
      </c>
      <c r="D290">
        <v>7154.33</v>
      </c>
      <c r="E290">
        <v>3.8818899999999998</v>
      </c>
      <c r="F290">
        <v>8594.08</v>
      </c>
      <c r="G290">
        <v>17.114599999999999</v>
      </c>
    </row>
    <row r="291" spans="1:7" x14ac:dyDescent="0.25">
      <c r="A291">
        <v>3</v>
      </c>
      <c r="B291">
        <v>166.28100000000001</v>
      </c>
      <c r="C291">
        <v>195.572</v>
      </c>
      <c r="D291">
        <v>7288.19</v>
      </c>
      <c r="E291">
        <v>1.02362</v>
      </c>
      <c r="F291">
        <v>7152.81</v>
      </c>
      <c r="G291">
        <v>19.911000000000001</v>
      </c>
    </row>
    <row r="292" spans="1:7" x14ac:dyDescent="0.25">
      <c r="A292">
        <v>3</v>
      </c>
      <c r="B292">
        <v>136.04499999999999</v>
      </c>
      <c r="C292">
        <v>195.572</v>
      </c>
      <c r="D292">
        <v>3138.58</v>
      </c>
      <c r="E292">
        <v>2.5590600000000001</v>
      </c>
      <c r="F292">
        <v>5327.89</v>
      </c>
      <c r="G292">
        <v>94.799800000000005</v>
      </c>
    </row>
    <row r="293" spans="1:7" x14ac:dyDescent="0.25">
      <c r="A293">
        <v>3</v>
      </c>
      <c r="B293">
        <v>151.79300000000001</v>
      </c>
      <c r="C293">
        <v>175.73</v>
      </c>
      <c r="D293">
        <v>5012.6000000000004</v>
      </c>
      <c r="E293">
        <v>3.6692900000000002</v>
      </c>
      <c r="F293">
        <v>6326.37</v>
      </c>
      <c r="G293">
        <v>36.1175</v>
      </c>
    </row>
    <row r="294" spans="1:7" x14ac:dyDescent="0.25">
      <c r="A294">
        <v>3</v>
      </c>
      <c r="B294">
        <v>155.572</v>
      </c>
      <c r="C294">
        <v>205.65100000000001</v>
      </c>
      <c r="D294">
        <v>6083.46</v>
      </c>
      <c r="E294">
        <v>1.2125999999999999</v>
      </c>
      <c r="F294">
        <v>9148.18</v>
      </c>
      <c r="G294">
        <v>38.165100000000002</v>
      </c>
    </row>
    <row r="295" spans="1:7" x14ac:dyDescent="0.25">
      <c r="A295">
        <v>3</v>
      </c>
      <c r="B295">
        <v>155.572</v>
      </c>
      <c r="C295">
        <v>205.65100000000001</v>
      </c>
      <c r="D295">
        <v>2870.87</v>
      </c>
      <c r="E295">
        <v>2.8661400000000001</v>
      </c>
      <c r="F295">
        <v>4748.74</v>
      </c>
      <c r="G295">
        <v>36.058300000000003</v>
      </c>
    </row>
    <row r="296" spans="1:7" x14ac:dyDescent="0.25">
      <c r="A296">
        <v>3</v>
      </c>
      <c r="B296">
        <v>147.69800000000001</v>
      </c>
      <c r="C296">
        <v>197.77699999999999</v>
      </c>
      <c r="D296">
        <v>7154.33</v>
      </c>
      <c r="E296">
        <v>3.8818899999999998</v>
      </c>
      <c r="F296">
        <v>8420.1299999999992</v>
      </c>
      <c r="G296">
        <v>28.865100000000002</v>
      </c>
    </row>
    <row r="297" spans="1:7" x14ac:dyDescent="0.25">
      <c r="A297">
        <v>3</v>
      </c>
      <c r="B297">
        <v>136.04499999999999</v>
      </c>
      <c r="C297">
        <v>176.36</v>
      </c>
      <c r="D297">
        <v>5280.31</v>
      </c>
      <c r="E297">
        <v>2.5118100000000001</v>
      </c>
      <c r="F297">
        <v>7659.27</v>
      </c>
      <c r="G297">
        <v>52.011099999999999</v>
      </c>
    </row>
    <row r="298" spans="1:7" x14ac:dyDescent="0.25">
      <c r="A298">
        <v>3</v>
      </c>
      <c r="B298">
        <v>170.691</v>
      </c>
      <c r="C298">
        <v>197.14699999999999</v>
      </c>
      <c r="D298">
        <v>3138.58</v>
      </c>
      <c r="E298">
        <v>2.29921</v>
      </c>
      <c r="F298">
        <v>4560.45</v>
      </c>
      <c r="G298">
        <v>87.960700000000003</v>
      </c>
    </row>
    <row r="299" spans="1:7" x14ac:dyDescent="0.25">
      <c r="A299">
        <v>3</v>
      </c>
      <c r="B299">
        <v>135.41499999999999</v>
      </c>
      <c r="C299">
        <v>211.32</v>
      </c>
      <c r="D299">
        <v>11973.2</v>
      </c>
      <c r="E299">
        <v>2.5826799999999999</v>
      </c>
      <c r="F299">
        <v>13782.1</v>
      </c>
      <c r="G299">
        <v>15.913500000000001</v>
      </c>
    </row>
    <row r="300" spans="1:7" x14ac:dyDescent="0.25">
      <c r="A300">
        <v>3</v>
      </c>
      <c r="B300">
        <v>135.41499999999999</v>
      </c>
      <c r="C300">
        <v>210.691</v>
      </c>
      <c r="D300">
        <v>7689.76</v>
      </c>
      <c r="E300">
        <v>1.07087</v>
      </c>
      <c r="F300">
        <v>11349</v>
      </c>
      <c r="G300">
        <v>14.9438</v>
      </c>
    </row>
    <row r="301" spans="1:7" x14ac:dyDescent="0.25">
      <c r="A301">
        <v>3</v>
      </c>
      <c r="B301">
        <v>160.61199999999999</v>
      </c>
      <c r="C301">
        <v>213.84</v>
      </c>
      <c r="D301">
        <v>2335.4299999999998</v>
      </c>
      <c r="E301">
        <v>1.3307100000000001</v>
      </c>
      <c r="F301">
        <v>5313.69</v>
      </c>
      <c r="G301">
        <v>25.168900000000001</v>
      </c>
    </row>
    <row r="302" spans="1:7" x14ac:dyDescent="0.25">
      <c r="A302">
        <v>3</v>
      </c>
      <c r="B302">
        <v>161.24199999999999</v>
      </c>
      <c r="C302">
        <v>205.02099999999999</v>
      </c>
      <c r="D302">
        <v>1800</v>
      </c>
      <c r="E302">
        <v>1.07087</v>
      </c>
      <c r="F302">
        <v>5290.12</v>
      </c>
      <c r="G302">
        <v>26.030200000000001</v>
      </c>
    </row>
    <row r="303" spans="1:7" x14ac:dyDescent="0.25">
      <c r="A303">
        <v>3</v>
      </c>
      <c r="B303">
        <v>140.45400000000001</v>
      </c>
      <c r="C303">
        <v>196.83199999999999</v>
      </c>
      <c r="D303">
        <v>2870.87</v>
      </c>
      <c r="E303">
        <v>2.5590600000000001</v>
      </c>
      <c r="F303">
        <v>5022.16</v>
      </c>
      <c r="G303">
        <v>84.965100000000007</v>
      </c>
    </row>
    <row r="304" spans="1:7" x14ac:dyDescent="0.25">
      <c r="A304">
        <v>3</v>
      </c>
      <c r="B304">
        <v>158.72200000000001</v>
      </c>
      <c r="C304">
        <v>195.572</v>
      </c>
      <c r="D304">
        <v>2870.87</v>
      </c>
      <c r="E304">
        <v>3.0551200000000001</v>
      </c>
      <c r="F304">
        <v>4541.95</v>
      </c>
      <c r="G304">
        <v>48.884999999999998</v>
      </c>
    </row>
    <row r="305" spans="1:7" x14ac:dyDescent="0.25">
      <c r="A305">
        <v>3</v>
      </c>
      <c r="B305">
        <v>173.21</v>
      </c>
      <c r="C305">
        <v>185.494</v>
      </c>
      <c r="D305">
        <v>7154.33</v>
      </c>
      <c r="E305">
        <v>1.1889799999999999</v>
      </c>
      <c r="F305">
        <v>4818.7700000000004</v>
      </c>
      <c r="G305">
        <v>93.973500000000001</v>
      </c>
    </row>
    <row r="306" spans="1:7" x14ac:dyDescent="0.25">
      <c r="A306">
        <v>3</v>
      </c>
      <c r="B306">
        <v>155.572</v>
      </c>
      <c r="C306">
        <v>205.65100000000001</v>
      </c>
      <c r="D306">
        <v>2870.87</v>
      </c>
      <c r="E306">
        <v>2.8425199999999999</v>
      </c>
      <c r="F306">
        <v>4758.7</v>
      </c>
      <c r="G306">
        <v>36.097799999999999</v>
      </c>
    </row>
    <row r="307" spans="1:7" x14ac:dyDescent="0.25">
      <c r="A307">
        <v>3</v>
      </c>
      <c r="B307">
        <v>135.41499999999999</v>
      </c>
      <c r="C307">
        <v>205.65100000000001</v>
      </c>
      <c r="D307">
        <v>7154.33</v>
      </c>
      <c r="E307">
        <v>2.7716500000000002</v>
      </c>
      <c r="F307">
        <v>8961.17</v>
      </c>
      <c r="G307">
        <v>14.0649</v>
      </c>
    </row>
    <row r="308" spans="1:7" x14ac:dyDescent="0.25">
      <c r="A308">
        <v>3</v>
      </c>
      <c r="B308">
        <v>173.21</v>
      </c>
      <c r="C308">
        <v>196.83199999999999</v>
      </c>
      <c r="D308">
        <v>7422.05</v>
      </c>
      <c r="E308">
        <v>3.8818899999999998</v>
      </c>
      <c r="F308">
        <v>3576</v>
      </c>
      <c r="G308">
        <v>106.724</v>
      </c>
    </row>
    <row r="309" spans="1:7" x14ac:dyDescent="0.25">
      <c r="A309">
        <v>3</v>
      </c>
      <c r="B309">
        <v>170.376</v>
      </c>
      <c r="C309">
        <v>199.667</v>
      </c>
      <c r="D309">
        <v>3138.58</v>
      </c>
      <c r="E309">
        <v>2.74803</v>
      </c>
      <c r="F309">
        <v>4377.1000000000004</v>
      </c>
      <c r="G309">
        <v>85.0304</v>
      </c>
    </row>
    <row r="310" spans="1:7" x14ac:dyDescent="0.25">
      <c r="A310">
        <v>3</v>
      </c>
      <c r="B310">
        <v>155.572</v>
      </c>
      <c r="C310">
        <v>211.95</v>
      </c>
      <c r="D310">
        <v>3406.3</v>
      </c>
      <c r="E310">
        <v>2.5826799999999999</v>
      </c>
      <c r="F310">
        <v>5065.6899999999996</v>
      </c>
      <c r="G310">
        <v>26.941400000000002</v>
      </c>
    </row>
    <row r="311" spans="1:7" x14ac:dyDescent="0.25">
      <c r="A311">
        <v>3</v>
      </c>
      <c r="B311">
        <v>155.25700000000001</v>
      </c>
      <c r="C311">
        <v>186.75399999999999</v>
      </c>
      <c r="D311">
        <v>6351.18</v>
      </c>
      <c r="E311">
        <v>3.1732300000000002</v>
      </c>
      <c r="F311">
        <v>7702.76</v>
      </c>
      <c r="G311">
        <v>39.509099999999997</v>
      </c>
    </row>
    <row r="312" spans="1:7" x14ac:dyDescent="0.25">
      <c r="A312">
        <v>3</v>
      </c>
      <c r="B312">
        <v>155.572</v>
      </c>
      <c r="C312">
        <v>195.572</v>
      </c>
      <c r="D312">
        <v>3406.3</v>
      </c>
      <c r="E312">
        <v>1.07087</v>
      </c>
      <c r="F312">
        <v>6732.3</v>
      </c>
      <c r="G312">
        <v>27.488099999999999</v>
      </c>
    </row>
    <row r="313" spans="1:7" x14ac:dyDescent="0.25">
      <c r="A313">
        <v>3</v>
      </c>
      <c r="B313">
        <v>156.202</v>
      </c>
      <c r="C313">
        <v>206.28100000000001</v>
      </c>
      <c r="D313">
        <v>3004.72</v>
      </c>
      <c r="E313">
        <v>3.9763799999999998</v>
      </c>
      <c r="F313">
        <v>4360.51</v>
      </c>
      <c r="G313">
        <v>36.148800000000001</v>
      </c>
    </row>
    <row r="314" spans="1:7" x14ac:dyDescent="0.25">
      <c r="A314">
        <v>3</v>
      </c>
      <c r="B314">
        <v>168.80099999999999</v>
      </c>
      <c r="C314">
        <v>195.25700000000001</v>
      </c>
      <c r="D314">
        <v>7288.19</v>
      </c>
      <c r="E314">
        <v>2.0157500000000002</v>
      </c>
      <c r="F314">
        <v>5177.3599999999997</v>
      </c>
      <c r="G314">
        <v>95.578100000000006</v>
      </c>
    </row>
    <row r="315" spans="1:7" x14ac:dyDescent="0.25">
      <c r="A315">
        <v>3</v>
      </c>
      <c r="B315">
        <v>148.01300000000001</v>
      </c>
      <c r="C315">
        <v>197.77699999999999</v>
      </c>
      <c r="D315">
        <v>5012.6000000000004</v>
      </c>
      <c r="E315">
        <v>3.8818899999999998</v>
      </c>
      <c r="F315">
        <v>6244.78</v>
      </c>
      <c r="G315">
        <v>28.376999999999999</v>
      </c>
    </row>
    <row r="316" spans="1:7" x14ac:dyDescent="0.25">
      <c r="A316">
        <v>3</v>
      </c>
      <c r="B316">
        <v>168.17099999999999</v>
      </c>
      <c r="C316">
        <v>197.14699999999999</v>
      </c>
      <c r="D316">
        <v>2870.87</v>
      </c>
      <c r="E316">
        <v>3.8110200000000001</v>
      </c>
      <c r="F316">
        <v>3961.22</v>
      </c>
      <c r="G316">
        <v>50.840899999999998</v>
      </c>
    </row>
    <row r="317" spans="1:7" x14ac:dyDescent="0.25">
      <c r="A317">
        <v>3</v>
      </c>
      <c r="B317">
        <v>145.494</v>
      </c>
      <c r="C317">
        <v>195.887</v>
      </c>
      <c r="D317">
        <v>5012.6000000000004</v>
      </c>
      <c r="E317">
        <v>3.3149600000000001</v>
      </c>
      <c r="F317">
        <v>6539.73</v>
      </c>
      <c r="G317">
        <v>21.848099999999999</v>
      </c>
    </row>
    <row r="318" spans="1:7" x14ac:dyDescent="0.25">
      <c r="A318">
        <v>3</v>
      </c>
      <c r="B318">
        <v>156.83199999999999</v>
      </c>
      <c r="C318">
        <v>205.65100000000001</v>
      </c>
      <c r="D318">
        <v>6351.18</v>
      </c>
      <c r="E318">
        <v>3.19685</v>
      </c>
      <c r="F318">
        <v>7706.87</v>
      </c>
      <c r="G318">
        <v>43.7254</v>
      </c>
    </row>
    <row r="319" spans="1:7" x14ac:dyDescent="0.25">
      <c r="A319">
        <v>3</v>
      </c>
      <c r="B319">
        <v>160.61199999999999</v>
      </c>
      <c r="C319">
        <v>213.84</v>
      </c>
      <c r="D319">
        <v>2335.4299999999998</v>
      </c>
      <c r="E319">
        <v>1.3307100000000001</v>
      </c>
      <c r="F319">
        <v>5313.69</v>
      </c>
      <c r="G319">
        <v>25.168900000000001</v>
      </c>
    </row>
    <row r="320" spans="1:7" x14ac:dyDescent="0.25">
      <c r="A320">
        <v>3</v>
      </c>
      <c r="B320">
        <v>145.494</v>
      </c>
      <c r="C320">
        <v>198.40700000000001</v>
      </c>
      <c r="D320">
        <v>9296.06</v>
      </c>
      <c r="E320">
        <v>3.6929099999999999</v>
      </c>
      <c r="F320">
        <v>10642.5</v>
      </c>
      <c r="G320">
        <v>27.310700000000001</v>
      </c>
    </row>
    <row r="321" spans="1:7" x14ac:dyDescent="0.25">
      <c r="A321">
        <v>3</v>
      </c>
      <c r="B321">
        <v>158.09200000000001</v>
      </c>
      <c r="C321">
        <v>213.84</v>
      </c>
      <c r="D321">
        <v>3406.3</v>
      </c>
      <c r="E321">
        <v>2.0866099999999999</v>
      </c>
      <c r="F321">
        <v>5417.97</v>
      </c>
      <c r="G321">
        <v>35.052399999999999</v>
      </c>
    </row>
    <row r="322" spans="1:7" x14ac:dyDescent="0.25">
      <c r="A322">
        <v>3</v>
      </c>
      <c r="B322">
        <v>165.65100000000001</v>
      </c>
      <c r="C322">
        <v>205.33600000000001</v>
      </c>
      <c r="D322">
        <v>5012.6000000000004</v>
      </c>
      <c r="E322">
        <v>3.3149600000000001</v>
      </c>
      <c r="F322">
        <v>6159.09</v>
      </c>
      <c r="G322">
        <v>83.466800000000006</v>
      </c>
    </row>
    <row r="323" spans="1:7" x14ac:dyDescent="0.25">
      <c r="A323">
        <v>3</v>
      </c>
      <c r="B323">
        <v>158.72200000000001</v>
      </c>
      <c r="C323">
        <v>197.14699999999999</v>
      </c>
      <c r="D323">
        <v>2870.87</v>
      </c>
      <c r="E323">
        <v>3.8110200000000001</v>
      </c>
      <c r="F323">
        <v>4263.33</v>
      </c>
      <c r="G323">
        <v>38.460900000000002</v>
      </c>
    </row>
    <row r="324" spans="1:7" x14ac:dyDescent="0.25">
      <c r="A324">
        <v>3</v>
      </c>
      <c r="B324">
        <v>173.21</v>
      </c>
      <c r="C324">
        <v>188.328</v>
      </c>
      <c r="D324">
        <v>3272.44</v>
      </c>
      <c r="E324">
        <v>2.9370099999999999</v>
      </c>
      <c r="F324">
        <v>3716.28</v>
      </c>
      <c r="G324">
        <v>114.619</v>
      </c>
    </row>
    <row r="325" spans="1:7" x14ac:dyDescent="0.25">
      <c r="A325">
        <v>3</v>
      </c>
      <c r="B325">
        <v>156.202</v>
      </c>
      <c r="C325">
        <v>201.87200000000001</v>
      </c>
      <c r="D325">
        <v>3406.3</v>
      </c>
      <c r="E325">
        <v>2.5826799999999999</v>
      </c>
      <c r="F325">
        <v>5134.96</v>
      </c>
      <c r="G325">
        <v>28.312100000000001</v>
      </c>
    </row>
    <row r="326" spans="1:7" x14ac:dyDescent="0.25">
      <c r="A326">
        <v>3</v>
      </c>
      <c r="B326">
        <v>173.21</v>
      </c>
      <c r="C326">
        <v>201.24199999999999</v>
      </c>
      <c r="D326">
        <v>2870.87</v>
      </c>
      <c r="E326">
        <v>3.3149600000000001</v>
      </c>
      <c r="F326">
        <v>3770.61</v>
      </c>
      <c r="G326">
        <v>108.97199999999999</v>
      </c>
    </row>
    <row r="327" spans="1:7" x14ac:dyDescent="0.25">
      <c r="A327">
        <v>3</v>
      </c>
      <c r="B327">
        <v>147.69800000000001</v>
      </c>
      <c r="C327">
        <v>195.25700000000001</v>
      </c>
      <c r="D327">
        <v>7154.33</v>
      </c>
      <c r="E327">
        <v>3.3149600000000001</v>
      </c>
      <c r="F327">
        <v>8408.75</v>
      </c>
      <c r="G327">
        <v>28.666599999999999</v>
      </c>
    </row>
    <row r="328" spans="1:7" x14ac:dyDescent="0.25">
      <c r="A328">
        <v>3</v>
      </c>
      <c r="B328">
        <v>156.202</v>
      </c>
      <c r="C328">
        <v>205.65100000000001</v>
      </c>
      <c r="D328">
        <v>3004.72</v>
      </c>
      <c r="E328">
        <v>2.8661400000000001</v>
      </c>
      <c r="F328">
        <v>4661.45</v>
      </c>
      <c r="G328">
        <v>43.89</v>
      </c>
    </row>
    <row r="329" spans="1:7" x14ac:dyDescent="0.25">
      <c r="A329">
        <v>3</v>
      </c>
      <c r="B329">
        <v>156.202</v>
      </c>
      <c r="C329">
        <v>205.65100000000001</v>
      </c>
      <c r="D329">
        <v>3138.58</v>
      </c>
      <c r="E329">
        <v>2.8425199999999999</v>
      </c>
      <c r="F329">
        <v>4753.7700000000004</v>
      </c>
      <c r="G329">
        <v>29.0214</v>
      </c>
    </row>
    <row r="330" spans="1:7" x14ac:dyDescent="0.25">
      <c r="A330">
        <v>3</v>
      </c>
      <c r="B330">
        <v>137.62</v>
      </c>
      <c r="C330">
        <v>204.70599999999999</v>
      </c>
      <c r="D330">
        <v>15453.5</v>
      </c>
      <c r="E330">
        <v>3.7637800000000001</v>
      </c>
      <c r="F330">
        <v>16958.8</v>
      </c>
      <c r="G330">
        <v>17.520299999999999</v>
      </c>
    </row>
    <row r="331" spans="1:7" x14ac:dyDescent="0.25">
      <c r="A331">
        <v>3</v>
      </c>
      <c r="B331">
        <v>166.28100000000001</v>
      </c>
      <c r="C331">
        <v>195.572</v>
      </c>
      <c r="D331">
        <v>7288.19</v>
      </c>
      <c r="E331">
        <v>1.02362</v>
      </c>
      <c r="F331">
        <v>7152.81</v>
      </c>
      <c r="G331">
        <v>19.911000000000001</v>
      </c>
    </row>
    <row r="332" spans="1:7" x14ac:dyDescent="0.25">
      <c r="A332">
        <v>3</v>
      </c>
      <c r="B332">
        <v>136.04499999999999</v>
      </c>
      <c r="C332">
        <v>210.691</v>
      </c>
      <c r="D332">
        <v>7154.33</v>
      </c>
      <c r="E332">
        <v>3.2440899999999999</v>
      </c>
      <c r="F332">
        <v>8654.58</v>
      </c>
      <c r="G332">
        <v>14.382300000000001</v>
      </c>
    </row>
    <row r="333" spans="1:7" x14ac:dyDescent="0.25">
      <c r="A333">
        <v>3</v>
      </c>
      <c r="B333">
        <v>136.04499999999999</v>
      </c>
      <c r="C333">
        <v>210.691</v>
      </c>
      <c r="D333">
        <v>7154.33</v>
      </c>
      <c r="E333">
        <v>3.2440899999999999</v>
      </c>
      <c r="F333">
        <v>8654.58</v>
      </c>
      <c r="G333">
        <v>14.382300000000001</v>
      </c>
    </row>
    <row r="334" spans="1:7" x14ac:dyDescent="0.25">
      <c r="A334">
        <v>3</v>
      </c>
      <c r="B334">
        <v>174.47</v>
      </c>
      <c r="C334">
        <v>175.41499999999999</v>
      </c>
      <c r="D334">
        <v>7422.05</v>
      </c>
      <c r="E334">
        <v>3.8582700000000001</v>
      </c>
      <c r="F334">
        <v>3358.18</v>
      </c>
      <c r="G334">
        <v>106.91500000000001</v>
      </c>
    </row>
    <row r="335" spans="1:7" x14ac:dyDescent="0.25">
      <c r="A335">
        <v>3</v>
      </c>
      <c r="B335">
        <v>168.17099999999999</v>
      </c>
      <c r="C335">
        <v>197.14699999999999</v>
      </c>
      <c r="D335">
        <v>2870.87</v>
      </c>
      <c r="E335">
        <v>3.8110200000000001</v>
      </c>
      <c r="F335">
        <v>3961.22</v>
      </c>
      <c r="G335">
        <v>50.840899999999998</v>
      </c>
    </row>
    <row r="336" spans="1:7" x14ac:dyDescent="0.25">
      <c r="A336">
        <v>3</v>
      </c>
      <c r="B336">
        <v>171.32</v>
      </c>
      <c r="C336">
        <v>201.87200000000001</v>
      </c>
      <c r="D336">
        <v>7154.33</v>
      </c>
      <c r="E336">
        <v>3.6929099999999999</v>
      </c>
      <c r="F336">
        <v>3942</v>
      </c>
      <c r="G336">
        <v>105.71599999999999</v>
      </c>
    </row>
    <row r="337" spans="1:7" x14ac:dyDescent="0.25">
      <c r="A337">
        <v>3</v>
      </c>
      <c r="B337">
        <v>156.202</v>
      </c>
      <c r="C337">
        <v>206.28100000000001</v>
      </c>
      <c r="D337">
        <v>3004.72</v>
      </c>
      <c r="E337">
        <v>3.9763799999999998</v>
      </c>
      <c r="F337">
        <v>4360.51</v>
      </c>
      <c r="G337">
        <v>36.148800000000001</v>
      </c>
    </row>
    <row r="338" spans="1:7" x14ac:dyDescent="0.25">
      <c r="A338">
        <v>3</v>
      </c>
      <c r="B338">
        <v>160.61199999999999</v>
      </c>
      <c r="C338">
        <v>213.84</v>
      </c>
      <c r="D338">
        <v>2335.4299999999998</v>
      </c>
      <c r="E338">
        <v>1.3307100000000001</v>
      </c>
      <c r="F338">
        <v>5313.69</v>
      </c>
      <c r="G338">
        <v>25.168900000000001</v>
      </c>
    </row>
    <row r="339" spans="1:7" x14ac:dyDescent="0.25">
      <c r="A339">
        <v>3</v>
      </c>
      <c r="B339">
        <v>155.572</v>
      </c>
      <c r="C339">
        <v>205.65100000000001</v>
      </c>
      <c r="D339">
        <v>2870.87</v>
      </c>
      <c r="E339">
        <v>2.8661400000000001</v>
      </c>
      <c r="F339">
        <v>4748.74</v>
      </c>
      <c r="G339">
        <v>36.058300000000003</v>
      </c>
    </row>
    <row r="340" spans="1:7" x14ac:dyDescent="0.25">
      <c r="A340">
        <v>3</v>
      </c>
      <c r="B340">
        <v>160.61199999999999</v>
      </c>
      <c r="C340">
        <v>213.84</v>
      </c>
      <c r="D340">
        <v>2335.4299999999998</v>
      </c>
      <c r="E340">
        <v>1.3307100000000001</v>
      </c>
      <c r="F340">
        <v>5313.69</v>
      </c>
      <c r="G340">
        <v>25.168900000000001</v>
      </c>
    </row>
    <row r="341" spans="1:7" x14ac:dyDescent="0.25">
      <c r="A341">
        <v>3</v>
      </c>
      <c r="B341">
        <v>140.45400000000001</v>
      </c>
      <c r="C341">
        <v>211.63499999999999</v>
      </c>
      <c r="D341">
        <v>7154.33</v>
      </c>
      <c r="E341">
        <v>3.6929099999999999</v>
      </c>
      <c r="F341">
        <v>8570.6200000000008</v>
      </c>
      <c r="G341">
        <v>18.480799999999999</v>
      </c>
    </row>
    <row r="342" spans="1:7" x14ac:dyDescent="0.25">
      <c r="A342">
        <v>3</v>
      </c>
      <c r="B342">
        <v>174.47</v>
      </c>
      <c r="C342">
        <v>175.41499999999999</v>
      </c>
      <c r="D342">
        <v>7422.05</v>
      </c>
      <c r="E342">
        <v>3.8582700000000001</v>
      </c>
      <c r="F342">
        <v>3358.18</v>
      </c>
      <c r="G342">
        <v>106.91500000000001</v>
      </c>
    </row>
    <row r="343" spans="1:7" x14ac:dyDescent="0.25">
      <c r="A343">
        <v>3</v>
      </c>
      <c r="B343">
        <v>171.63499999999999</v>
      </c>
      <c r="C343">
        <v>196.83199999999999</v>
      </c>
      <c r="D343">
        <v>7422.05</v>
      </c>
      <c r="E343">
        <v>3.6929099999999999</v>
      </c>
      <c r="F343">
        <v>3899.01</v>
      </c>
      <c r="G343">
        <v>106.077</v>
      </c>
    </row>
    <row r="344" spans="1:7" x14ac:dyDescent="0.25">
      <c r="A344">
        <v>3</v>
      </c>
      <c r="B344">
        <v>145.494</v>
      </c>
      <c r="C344">
        <v>195.887</v>
      </c>
      <c r="D344">
        <v>5012.6000000000004</v>
      </c>
      <c r="E344">
        <v>3.3149600000000001</v>
      </c>
      <c r="F344">
        <v>6539.73</v>
      </c>
      <c r="G344">
        <v>21.848099999999999</v>
      </c>
    </row>
    <row r="345" spans="1:7" x14ac:dyDescent="0.25">
      <c r="A345">
        <v>3</v>
      </c>
      <c r="B345">
        <v>156.202</v>
      </c>
      <c r="C345">
        <v>205.65100000000001</v>
      </c>
      <c r="D345">
        <v>3138.58</v>
      </c>
      <c r="E345">
        <v>2.74803</v>
      </c>
      <c r="F345">
        <v>4860.4399999999996</v>
      </c>
      <c r="G345">
        <v>28.7561</v>
      </c>
    </row>
    <row r="346" spans="1:7" x14ac:dyDescent="0.25">
      <c r="A346">
        <v>3</v>
      </c>
      <c r="B346">
        <v>158.72200000000001</v>
      </c>
      <c r="C346">
        <v>197.14699999999999</v>
      </c>
      <c r="D346">
        <v>2870.87</v>
      </c>
      <c r="E346">
        <v>3.8110200000000001</v>
      </c>
      <c r="F346">
        <v>4263.33</v>
      </c>
      <c r="G346">
        <v>38.460900000000002</v>
      </c>
    </row>
    <row r="347" spans="1:7" x14ac:dyDescent="0.25">
      <c r="A347">
        <v>3</v>
      </c>
      <c r="B347">
        <v>137.62</v>
      </c>
      <c r="C347">
        <v>197.77699999999999</v>
      </c>
      <c r="D347">
        <v>7154.33</v>
      </c>
      <c r="E347">
        <v>3.8818899999999998</v>
      </c>
      <c r="F347">
        <v>8594.08</v>
      </c>
      <c r="G347">
        <v>17.114599999999999</v>
      </c>
    </row>
    <row r="348" spans="1:7" x14ac:dyDescent="0.25">
      <c r="A348">
        <v>3</v>
      </c>
      <c r="B348">
        <v>161.24199999999999</v>
      </c>
      <c r="C348">
        <v>205.02099999999999</v>
      </c>
      <c r="D348">
        <v>1800</v>
      </c>
      <c r="E348">
        <v>1.07087</v>
      </c>
      <c r="F348">
        <v>5290.12</v>
      </c>
      <c r="G348">
        <v>26.030200000000001</v>
      </c>
    </row>
    <row r="349" spans="1:7" x14ac:dyDescent="0.25">
      <c r="A349">
        <v>3</v>
      </c>
      <c r="B349">
        <v>135.41499999999999</v>
      </c>
      <c r="C349">
        <v>205.65100000000001</v>
      </c>
      <c r="D349">
        <v>7154.33</v>
      </c>
      <c r="E349">
        <v>2.7716500000000002</v>
      </c>
      <c r="F349">
        <v>8961.17</v>
      </c>
      <c r="G349">
        <v>14.0649</v>
      </c>
    </row>
    <row r="350" spans="1:7" x14ac:dyDescent="0.25">
      <c r="A350">
        <v>3</v>
      </c>
      <c r="B350">
        <v>173.21</v>
      </c>
      <c r="C350">
        <v>196.83199999999999</v>
      </c>
      <c r="D350">
        <v>7422.05</v>
      </c>
      <c r="E350">
        <v>3.8818899999999998</v>
      </c>
      <c r="F350">
        <v>3576</v>
      </c>
      <c r="G350">
        <v>106.724</v>
      </c>
    </row>
    <row r="351" spans="1:7" x14ac:dyDescent="0.25">
      <c r="A351">
        <v>3</v>
      </c>
      <c r="B351">
        <v>155.572</v>
      </c>
      <c r="C351">
        <v>211.95</v>
      </c>
      <c r="D351">
        <v>3406.3</v>
      </c>
      <c r="E351">
        <v>2.5826799999999999</v>
      </c>
      <c r="F351">
        <v>5065.6899999999996</v>
      </c>
      <c r="G351">
        <v>26.941400000000002</v>
      </c>
    </row>
    <row r="352" spans="1:7" x14ac:dyDescent="0.25">
      <c r="A352">
        <v>3</v>
      </c>
      <c r="B352">
        <v>156.202</v>
      </c>
      <c r="C352">
        <v>205.65100000000001</v>
      </c>
      <c r="D352">
        <v>3138.58</v>
      </c>
      <c r="E352">
        <v>2.8425199999999999</v>
      </c>
      <c r="F352">
        <v>4753.7700000000004</v>
      </c>
      <c r="G352">
        <v>29.0214</v>
      </c>
    </row>
    <row r="361" spans="1:7" x14ac:dyDescent="0.25">
      <c r="A361">
        <v>4</v>
      </c>
      <c r="B361">
        <v>137.62</v>
      </c>
      <c r="C361">
        <v>197.77699999999999</v>
      </c>
      <c r="D361">
        <v>7154.33</v>
      </c>
      <c r="E361">
        <v>3.8818899999999998</v>
      </c>
      <c r="F361">
        <v>8594.08</v>
      </c>
      <c r="G361">
        <v>17.114599999999999</v>
      </c>
    </row>
    <row r="362" spans="1:7" x14ac:dyDescent="0.25">
      <c r="A362">
        <v>4</v>
      </c>
      <c r="B362">
        <v>136.04499999999999</v>
      </c>
      <c r="C362">
        <v>210.691</v>
      </c>
      <c r="D362">
        <v>7154.33</v>
      </c>
      <c r="E362">
        <v>3.2440899999999999</v>
      </c>
      <c r="F362">
        <v>8654.58</v>
      </c>
      <c r="G362">
        <v>14.382300000000001</v>
      </c>
    </row>
    <row r="363" spans="1:7" x14ac:dyDescent="0.25">
      <c r="A363">
        <v>4</v>
      </c>
      <c r="B363">
        <v>135.41499999999999</v>
      </c>
      <c r="C363">
        <v>205.65100000000001</v>
      </c>
      <c r="D363">
        <v>7154.33</v>
      </c>
      <c r="E363">
        <v>2.7716500000000002</v>
      </c>
      <c r="F363">
        <v>8961.17</v>
      </c>
      <c r="G363">
        <v>14.0649</v>
      </c>
    </row>
    <row r="364" spans="1:7" x14ac:dyDescent="0.25">
      <c r="A364">
        <v>4</v>
      </c>
      <c r="B364">
        <v>158.72200000000001</v>
      </c>
      <c r="C364">
        <v>197.14699999999999</v>
      </c>
      <c r="D364">
        <v>2870.87</v>
      </c>
      <c r="E364">
        <v>3.8110200000000001</v>
      </c>
      <c r="F364">
        <v>4263.33</v>
      </c>
      <c r="G364">
        <v>38.460900000000002</v>
      </c>
    </row>
    <row r="365" spans="1:7" x14ac:dyDescent="0.25">
      <c r="A365">
        <v>4</v>
      </c>
      <c r="B365">
        <v>163.761</v>
      </c>
      <c r="C365">
        <v>196.202</v>
      </c>
      <c r="D365">
        <v>2870.87</v>
      </c>
      <c r="E365">
        <v>3.9291299999999998</v>
      </c>
      <c r="F365">
        <v>4077.06</v>
      </c>
      <c r="G365">
        <v>80.999899999999997</v>
      </c>
    </row>
    <row r="366" spans="1:7" x14ac:dyDescent="0.25">
      <c r="A366">
        <v>4</v>
      </c>
      <c r="B366">
        <v>137.935</v>
      </c>
      <c r="C366">
        <v>208.17099999999999</v>
      </c>
      <c r="D366">
        <v>7154.33</v>
      </c>
      <c r="E366">
        <v>3.90551</v>
      </c>
      <c r="F366">
        <v>8538.65</v>
      </c>
      <c r="G366">
        <v>17.1496</v>
      </c>
    </row>
    <row r="367" spans="1:7" x14ac:dyDescent="0.25">
      <c r="A367">
        <v>4</v>
      </c>
      <c r="B367">
        <v>158.72200000000001</v>
      </c>
      <c r="C367">
        <v>205.65100000000001</v>
      </c>
      <c r="D367">
        <v>2870.87</v>
      </c>
      <c r="E367">
        <v>3.0551200000000001</v>
      </c>
      <c r="F367">
        <v>4541.95</v>
      </c>
      <c r="G367">
        <v>48.884999999999998</v>
      </c>
    </row>
    <row r="368" spans="1:7" x14ac:dyDescent="0.25">
      <c r="A368">
        <v>4</v>
      </c>
      <c r="B368">
        <v>161.24199999999999</v>
      </c>
      <c r="C368">
        <v>201.87200000000001</v>
      </c>
      <c r="D368">
        <v>7154.33</v>
      </c>
      <c r="E368">
        <v>2.6771699999999998</v>
      </c>
      <c r="F368">
        <v>8541.2800000000007</v>
      </c>
      <c r="G368">
        <v>28.816800000000001</v>
      </c>
    </row>
    <row r="369" spans="1:7" x14ac:dyDescent="0.25">
      <c r="A369">
        <v>4</v>
      </c>
      <c r="B369">
        <v>155.572</v>
      </c>
      <c r="C369">
        <v>205.65100000000001</v>
      </c>
      <c r="D369">
        <v>7154.33</v>
      </c>
      <c r="E369">
        <v>1.07087</v>
      </c>
      <c r="F369">
        <v>10471.5</v>
      </c>
      <c r="G369">
        <v>37.923299999999998</v>
      </c>
    </row>
    <row r="370" spans="1:7" x14ac:dyDescent="0.25">
      <c r="A370">
        <v>4</v>
      </c>
      <c r="B370">
        <v>156.202</v>
      </c>
      <c r="C370">
        <v>207.541</v>
      </c>
      <c r="D370">
        <v>3004.72</v>
      </c>
      <c r="E370">
        <v>3.9763799999999998</v>
      </c>
      <c r="F370">
        <v>4360.51</v>
      </c>
      <c r="G370">
        <v>36.148800000000001</v>
      </c>
    </row>
    <row r="371" spans="1:7" x14ac:dyDescent="0.25">
      <c r="A371">
        <v>4</v>
      </c>
      <c r="B371">
        <v>136.04499999999999</v>
      </c>
      <c r="C371">
        <v>205.65100000000001</v>
      </c>
      <c r="D371">
        <v>7288.19</v>
      </c>
      <c r="E371">
        <v>3.2440899999999999</v>
      </c>
      <c r="F371">
        <v>8780.77</v>
      </c>
      <c r="G371">
        <v>14.721</v>
      </c>
    </row>
    <row r="372" spans="1:7" x14ac:dyDescent="0.25">
      <c r="A372">
        <v>4</v>
      </c>
      <c r="B372">
        <v>165.65100000000001</v>
      </c>
      <c r="C372">
        <v>200.92699999999999</v>
      </c>
      <c r="D372">
        <v>5548.03</v>
      </c>
      <c r="E372">
        <v>2.5590600000000001</v>
      </c>
      <c r="F372">
        <v>6453.21</v>
      </c>
      <c r="G372">
        <v>88.205600000000004</v>
      </c>
    </row>
    <row r="373" spans="1:7" x14ac:dyDescent="0.25">
      <c r="A373">
        <v>4</v>
      </c>
      <c r="B373">
        <v>173.21</v>
      </c>
      <c r="C373">
        <v>207.541</v>
      </c>
      <c r="D373">
        <v>2870.87</v>
      </c>
      <c r="E373">
        <v>2.5590600000000001</v>
      </c>
      <c r="F373">
        <v>3803.24</v>
      </c>
      <c r="G373">
        <v>117.142</v>
      </c>
    </row>
    <row r="374" spans="1:7" x14ac:dyDescent="0.25">
      <c r="A374">
        <v>4</v>
      </c>
      <c r="B374">
        <v>156.202</v>
      </c>
      <c r="C374">
        <v>205.02099999999999</v>
      </c>
      <c r="D374">
        <v>6083.46</v>
      </c>
      <c r="E374">
        <v>1.02362</v>
      </c>
      <c r="F374">
        <v>5936.56</v>
      </c>
      <c r="G374">
        <v>38.229999999999997</v>
      </c>
    </row>
    <row r="375" spans="1:7" x14ac:dyDescent="0.25">
      <c r="A375">
        <v>4</v>
      </c>
      <c r="B375">
        <v>156.202</v>
      </c>
      <c r="C375">
        <v>205.65100000000001</v>
      </c>
      <c r="D375">
        <v>2870.87</v>
      </c>
      <c r="E375">
        <v>2.8661400000000001</v>
      </c>
      <c r="F375">
        <v>4726.76</v>
      </c>
      <c r="G375">
        <v>37.055199999999999</v>
      </c>
    </row>
    <row r="376" spans="1:7" x14ac:dyDescent="0.25">
      <c r="A376">
        <v>4</v>
      </c>
      <c r="B376">
        <v>156.202</v>
      </c>
      <c r="C376">
        <v>196.202</v>
      </c>
      <c r="D376">
        <v>3004.72</v>
      </c>
      <c r="E376">
        <v>1.44882</v>
      </c>
      <c r="F376">
        <v>5580.95</v>
      </c>
      <c r="G376">
        <v>26.047799999999999</v>
      </c>
    </row>
    <row r="377" spans="1:7" x14ac:dyDescent="0.25">
      <c r="A377">
        <v>4</v>
      </c>
      <c r="B377">
        <v>173.21</v>
      </c>
      <c r="C377">
        <v>198.09200000000001</v>
      </c>
      <c r="D377">
        <v>7422.05</v>
      </c>
      <c r="E377">
        <v>3.8818899999999998</v>
      </c>
      <c r="F377">
        <v>3576</v>
      </c>
      <c r="G377">
        <v>106.724</v>
      </c>
    </row>
    <row r="378" spans="1:7" x14ac:dyDescent="0.25">
      <c r="A378">
        <v>4</v>
      </c>
      <c r="B378">
        <v>168.80099999999999</v>
      </c>
      <c r="C378">
        <v>198.40700000000001</v>
      </c>
      <c r="D378">
        <v>7154.33</v>
      </c>
      <c r="E378">
        <v>3.7165400000000002</v>
      </c>
      <c r="F378">
        <v>4701.1400000000003</v>
      </c>
      <c r="G378">
        <v>42.593600000000002</v>
      </c>
    </row>
    <row r="379" spans="1:7" x14ac:dyDescent="0.25">
      <c r="A379">
        <v>4</v>
      </c>
      <c r="B379">
        <v>156.202</v>
      </c>
      <c r="C379">
        <v>200.61199999999999</v>
      </c>
      <c r="D379">
        <v>3406.3</v>
      </c>
      <c r="E379">
        <v>2.7716500000000002</v>
      </c>
      <c r="F379">
        <v>5016.43</v>
      </c>
      <c r="G379">
        <v>28.8216</v>
      </c>
    </row>
    <row r="380" spans="1:7" x14ac:dyDescent="0.25">
      <c r="A380">
        <v>4</v>
      </c>
      <c r="B380">
        <v>165.65100000000001</v>
      </c>
      <c r="C380">
        <v>205.65100000000001</v>
      </c>
      <c r="D380">
        <v>7154.33</v>
      </c>
      <c r="E380">
        <v>3.90551</v>
      </c>
      <c r="F380">
        <v>6599.79</v>
      </c>
      <c r="G380">
        <v>81.491600000000005</v>
      </c>
    </row>
    <row r="381" spans="1:7" x14ac:dyDescent="0.25">
      <c r="A381">
        <v>4</v>
      </c>
      <c r="B381">
        <v>163.761</v>
      </c>
      <c r="C381">
        <v>207.541</v>
      </c>
      <c r="D381">
        <v>2870.87</v>
      </c>
      <c r="E381">
        <v>3.7873999999999999</v>
      </c>
      <c r="F381">
        <v>4078.6</v>
      </c>
      <c r="G381">
        <v>81.278599999999997</v>
      </c>
    </row>
    <row r="382" spans="1:7" x14ac:dyDescent="0.25">
      <c r="A382">
        <v>4</v>
      </c>
      <c r="B382">
        <v>136.04499999999999</v>
      </c>
      <c r="C382">
        <v>210.691</v>
      </c>
      <c r="D382">
        <v>7154.33</v>
      </c>
      <c r="E382">
        <v>3.2440899999999999</v>
      </c>
      <c r="F382">
        <v>8654.58</v>
      </c>
      <c r="G382">
        <v>14.382300000000001</v>
      </c>
    </row>
    <row r="383" spans="1:7" x14ac:dyDescent="0.25">
      <c r="A383">
        <v>4</v>
      </c>
      <c r="B383">
        <v>158.72200000000001</v>
      </c>
      <c r="C383">
        <v>196.83199999999999</v>
      </c>
      <c r="D383">
        <v>3540.16</v>
      </c>
      <c r="E383">
        <v>3.5748000000000002</v>
      </c>
      <c r="F383">
        <v>4830.8599999999997</v>
      </c>
      <c r="G383">
        <v>56.798699999999997</v>
      </c>
    </row>
    <row r="384" spans="1:7" x14ac:dyDescent="0.25">
      <c r="A384">
        <v>4</v>
      </c>
      <c r="B384">
        <v>158.72200000000001</v>
      </c>
      <c r="C384">
        <v>195.572</v>
      </c>
      <c r="D384">
        <v>11437.8</v>
      </c>
      <c r="E384">
        <v>3.0551200000000001</v>
      </c>
      <c r="F384">
        <v>12721.1</v>
      </c>
      <c r="G384">
        <v>57.535800000000002</v>
      </c>
    </row>
    <row r="385" spans="1:7" x14ac:dyDescent="0.25">
      <c r="A385">
        <v>4</v>
      </c>
      <c r="B385">
        <v>171.32</v>
      </c>
      <c r="C385">
        <v>195.572</v>
      </c>
      <c r="D385">
        <v>7555.91</v>
      </c>
      <c r="E385">
        <v>2.1574800000000001</v>
      </c>
      <c r="F385">
        <v>4303.7299999999996</v>
      </c>
      <c r="G385">
        <v>94.798000000000002</v>
      </c>
    </row>
    <row r="386" spans="1:7" x14ac:dyDescent="0.25">
      <c r="A386">
        <v>4</v>
      </c>
      <c r="B386">
        <v>162.81700000000001</v>
      </c>
      <c r="C386">
        <v>197.46199999999999</v>
      </c>
      <c r="D386">
        <v>2870.87</v>
      </c>
      <c r="E386">
        <v>3.9763799999999998</v>
      </c>
      <c r="F386">
        <v>4217.33</v>
      </c>
      <c r="G386">
        <v>79.893900000000002</v>
      </c>
    </row>
    <row r="387" spans="1:7" x14ac:dyDescent="0.25">
      <c r="A387">
        <v>4</v>
      </c>
      <c r="B387">
        <v>158.09200000000001</v>
      </c>
      <c r="C387">
        <v>199.667</v>
      </c>
      <c r="D387">
        <v>2870.87</v>
      </c>
      <c r="E387">
        <v>3.9763799999999998</v>
      </c>
      <c r="F387">
        <v>4220.8</v>
      </c>
      <c r="G387">
        <v>37.315100000000001</v>
      </c>
    </row>
    <row r="388" spans="1:7" x14ac:dyDescent="0.25">
      <c r="A388">
        <v>4</v>
      </c>
      <c r="B388">
        <v>165.65100000000001</v>
      </c>
      <c r="C388">
        <v>195.25700000000001</v>
      </c>
      <c r="D388">
        <v>3138.58</v>
      </c>
      <c r="E388">
        <v>3.6929099999999999</v>
      </c>
      <c r="F388">
        <v>4322.2299999999996</v>
      </c>
      <c r="G388">
        <v>81.948700000000002</v>
      </c>
    </row>
    <row r="389" spans="1:7" x14ac:dyDescent="0.25">
      <c r="A389">
        <v>4</v>
      </c>
      <c r="B389">
        <v>135.1</v>
      </c>
      <c r="C389">
        <v>195.572</v>
      </c>
      <c r="D389">
        <v>7154.33</v>
      </c>
      <c r="E389">
        <v>2.74803</v>
      </c>
      <c r="F389">
        <v>8964.41</v>
      </c>
      <c r="G389">
        <v>15.3666</v>
      </c>
    </row>
    <row r="390" spans="1:7" x14ac:dyDescent="0.25">
      <c r="A390">
        <v>4</v>
      </c>
      <c r="B390">
        <v>168.80099999999999</v>
      </c>
      <c r="C390">
        <v>196.83199999999999</v>
      </c>
      <c r="D390">
        <v>2870.87</v>
      </c>
      <c r="E390">
        <v>3.14961</v>
      </c>
      <c r="F390">
        <v>4277.7700000000004</v>
      </c>
      <c r="G390">
        <v>82.929599999999994</v>
      </c>
    </row>
    <row r="391" spans="1:7" x14ac:dyDescent="0.25">
      <c r="A391">
        <v>4</v>
      </c>
      <c r="B391">
        <v>170.376</v>
      </c>
      <c r="C391">
        <v>197.77699999999999</v>
      </c>
      <c r="D391">
        <v>7422.05</v>
      </c>
      <c r="E391">
        <v>2.74803</v>
      </c>
      <c r="F391">
        <v>4377.1000000000004</v>
      </c>
      <c r="G391">
        <v>85.0304</v>
      </c>
    </row>
    <row r="392" spans="1:7" x14ac:dyDescent="0.25">
      <c r="A392">
        <v>4</v>
      </c>
      <c r="B392">
        <v>156.202</v>
      </c>
      <c r="C392">
        <v>206.28100000000001</v>
      </c>
      <c r="D392">
        <v>3004.72</v>
      </c>
      <c r="E392">
        <v>3.5275599999999998</v>
      </c>
      <c r="F392">
        <v>4488.49</v>
      </c>
      <c r="G392">
        <v>37.297699999999999</v>
      </c>
    </row>
    <row r="393" spans="1:7" x14ac:dyDescent="0.25">
      <c r="A393">
        <v>4</v>
      </c>
      <c r="B393">
        <v>168.17099999999999</v>
      </c>
      <c r="C393">
        <v>195.572</v>
      </c>
      <c r="D393">
        <v>7422.05</v>
      </c>
      <c r="E393">
        <v>3.2204700000000002</v>
      </c>
      <c r="F393">
        <v>4935.53</v>
      </c>
      <c r="G393">
        <v>82.679100000000005</v>
      </c>
    </row>
    <row r="394" spans="1:7" x14ac:dyDescent="0.25">
      <c r="A394">
        <v>4</v>
      </c>
      <c r="B394">
        <v>155.887</v>
      </c>
      <c r="C394">
        <v>195.25700000000001</v>
      </c>
      <c r="D394">
        <v>7154.33</v>
      </c>
      <c r="E394">
        <v>3.10236</v>
      </c>
      <c r="F394">
        <v>8718.06</v>
      </c>
      <c r="G394">
        <v>41.151000000000003</v>
      </c>
    </row>
    <row r="395" spans="1:7" x14ac:dyDescent="0.25">
      <c r="A395">
        <v>4</v>
      </c>
      <c r="B395">
        <v>135.41499999999999</v>
      </c>
      <c r="C395">
        <v>195.572</v>
      </c>
      <c r="D395">
        <v>7288.19</v>
      </c>
      <c r="E395">
        <v>1.07087</v>
      </c>
      <c r="F395">
        <v>10796.1</v>
      </c>
      <c r="G395">
        <v>13.130599999999999</v>
      </c>
    </row>
    <row r="396" spans="1:7" x14ac:dyDescent="0.25">
      <c r="A396">
        <v>4</v>
      </c>
      <c r="B396">
        <v>156.202</v>
      </c>
      <c r="C396">
        <v>197.46199999999999</v>
      </c>
      <c r="D396">
        <v>3004.72</v>
      </c>
      <c r="E396">
        <v>3.2440899999999999</v>
      </c>
      <c r="F396">
        <v>4746.22</v>
      </c>
      <c r="G396">
        <v>37.851900000000001</v>
      </c>
    </row>
    <row r="397" spans="1:7" x14ac:dyDescent="0.25">
      <c r="A397">
        <v>4</v>
      </c>
      <c r="B397">
        <v>161.24199999999999</v>
      </c>
      <c r="C397">
        <v>197.46199999999999</v>
      </c>
      <c r="D397">
        <v>2870.87</v>
      </c>
      <c r="E397">
        <v>1.54331</v>
      </c>
      <c r="F397">
        <v>5276.71</v>
      </c>
      <c r="G397">
        <v>66.915499999999994</v>
      </c>
    </row>
    <row r="398" spans="1:7" x14ac:dyDescent="0.25">
      <c r="A398">
        <v>4</v>
      </c>
      <c r="B398">
        <v>156.202</v>
      </c>
      <c r="C398">
        <v>205.65100000000001</v>
      </c>
      <c r="D398">
        <v>7154.33</v>
      </c>
      <c r="E398">
        <v>2.8425199999999999</v>
      </c>
      <c r="F398">
        <v>8680.2999999999993</v>
      </c>
      <c r="G398">
        <v>41.644399999999997</v>
      </c>
    </row>
    <row r="399" spans="1:7" x14ac:dyDescent="0.25">
      <c r="A399">
        <v>4</v>
      </c>
      <c r="B399">
        <v>173.21</v>
      </c>
      <c r="C399">
        <v>197.14699999999999</v>
      </c>
      <c r="D399">
        <v>2870.87</v>
      </c>
      <c r="E399">
        <v>3.7873999999999999</v>
      </c>
      <c r="F399">
        <v>3575.56</v>
      </c>
      <c r="G399">
        <v>107.048</v>
      </c>
    </row>
    <row r="400" spans="1:7" x14ac:dyDescent="0.25">
      <c r="A400">
        <v>4</v>
      </c>
      <c r="B400">
        <v>135.41499999999999</v>
      </c>
      <c r="C400">
        <v>205.65100000000001</v>
      </c>
      <c r="D400">
        <v>7154.33</v>
      </c>
      <c r="E400">
        <v>2.7716500000000002</v>
      </c>
      <c r="F400">
        <v>8961.17</v>
      </c>
      <c r="G400">
        <v>14.0649</v>
      </c>
    </row>
    <row r="401" spans="1:7" x14ac:dyDescent="0.25">
      <c r="A401">
        <v>4</v>
      </c>
      <c r="B401">
        <v>168.17099999999999</v>
      </c>
      <c r="C401">
        <v>202.50200000000001</v>
      </c>
      <c r="D401">
        <v>2870.87</v>
      </c>
      <c r="E401">
        <v>3.7165400000000002</v>
      </c>
      <c r="F401">
        <v>4062.18</v>
      </c>
      <c r="G401">
        <v>76.772000000000006</v>
      </c>
    </row>
    <row r="402" spans="1:7" x14ac:dyDescent="0.25">
      <c r="A402">
        <v>4</v>
      </c>
      <c r="B402">
        <v>160.61199999999999</v>
      </c>
      <c r="C402">
        <v>211.32</v>
      </c>
      <c r="D402">
        <v>1800</v>
      </c>
      <c r="E402">
        <v>2.8425199999999999</v>
      </c>
      <c r="F402">
        <v>3690.12</v>
      </c>
      <c r="G402">
        <v>73.507800000000003</v>
      </c>
    </row>
    <row r="403" spans="1:7" x14ac:dyDescent="0.25">
      <c r="A403">
        <v>4</v>
      </c>
      <c r="B403">
        <v>156.202</v>
      </c>
      <c r="C403">
        <v>205.33600000000001</v>
      </c>
      <c r="D403">
        <v>5012.6000000000004</v>
      </c>
      <c r="E403">
        <v>2.74803</v>
      </c>
      <c r="F403">
        <v>6673.72</v>
      </c>
      <c r="G403">
        <v>34.154200000000003</v>
      </c>
    </row>
    <row r="404" spans="1:7" x14ac:dyDescent="0.25">
      <c r="A404">
        <v>4</v>
      </c>
      <c r="B404">
        <v>168.80099999999999</v>
      </c>
      <c r="C404">
        <v>195.572</v>
      </c>
      <c r="D404">
        <v>7154.33</v>
      </c>
      <c r="E404">
        <v>2.1810999999999998</v>
      </c>
      <c r="F404">
        <v>5066.6000000000004</v>
      </c>
      <c r="G404">
        <v>92.904399999999995</v>
      </c>
    </row>
    <row r="405" spans="1:7" x14ac:dyDescent="0.25">
      <c r="A405">
        <v>4</v>
      </c>
      <c r="B405">
        <v>163.131</v>
      </c>
      <c r="C405">
        <v>195.887</v>
      </c>
      <c r="D405">
        <v>2870.87</v>
      </c>
      <c r="E405">
        <v>3.4094500000000001</v>
      </c>
      <c r="F405">
        <v>4172.18</v>
      </c>
      <c r="G405">
        <v>81.347499999999997</v>
      </c>
    </row>
    <row r="406" spans="1:7" x14ac:dyDescent="0.25">
      <c r="A406">
        <v>4</v>
      </c>
      <c r="B406">
        <v>137.935</v>
      </c>
      <c r="C406">
        <v>198.40700000000001</v>
      </c>
      <c r="D406">
        <v>7154.33</v>
      </c>
      <c r="E406">
        <v>3.8818899999999998</v>
      </c>
      <c r="F406">
        <v>8604.5499999999993</v>
      </c>
      <c r="G406">
        <v>17.0366</v>
      </c>
    </row>
    <row r="407" spans="1:7" x14ac:dyDescent="0.25">
      <c r="A407">
        <v>4</v>
      </c>
      <c r="B407">
        <v>160.61199999999999</v>
      </c>
      <c r="C407">
        <v>196.202</v>
      </c>
      <c r="D407">
        <v>2870.87</v>
      </c>
      <c r="E407">
        <v>3.6220500000000002</v>
      </c>
      <c r="F407">
        <v>4183.45</v>
      </c>
      <c r="G407">
        <v>28.847799999999999</v>
      </c>
    </row>
    <row r="408" spans="1:7" x14ac:dyDescent="0.25">
      <c r="A408">
        <v>4</v>
      </c>
      <c r="B408">
        <v>135.41499999999999</v>
      </c>
      <c r="C408">
        <v>205.65100000000001</v>
      </c>
      <c r="D408">
        <v>3674.02</v>
      </c>
      <c r="E408">
        <v>1.2598400000000001</v>
      </c>
      <c r="F408">
        <v>7028.63</v>
      </c>
      <c r="G408">
        <v>56.518700000000003</v>
      </c>
    </row>
    <row r="409" spans="1:7" x14ac:dyDescent="0.25">
      <c r="A409">
        <v>4</v>
      </c>
      <c r="B409">
        <v>168.17099999999999</v>
      </c>
      <c r="C409">
        <v>197.14699999999999</v>
      </c>
      <c r="D409">
        <v>2870.87</v>
      </c>
      <c r="E409">
        <v>3.8110200000000001</v>
      </c>
      <c r="F409">
        <v>3961.22</v>
      </c>
      <c r="G409">
        <v>50.840899999999998</v>
      </c>
    </row>
    <row r="410" spans="1:7" x14ac:dyDescent="0.25">
      <c r="A410">
        <v>4</v>
      </c>
      <c r="B410">
        <v>160.61199999999999</v>
      </c>
      <c r="C410">
        <v>212.58</v>
      </c>
      <c r="D410">
        <v>3406.3</v>
      </c>
      <c r="E410">
        <v>1.3307100000000001</v>
      </c>
      <c r="F410">
        <v>6555.23</v>
      </c>
      <c r="G410">
        <v>25.168900000000001</v>
      </c>
    </row>
    <row r="411" spans="1:7" x14ac:dyDescent="0.25">
      <c r="A411">
        <v>4</v>
      </c>
      <c r="B411">
        <v>155.572</v>
      </c>
      <c r="C411">
        <v>202.81700000000001</v>
      </c>
      <c r="D411">
        <v>2335.4299999999998</v>
      </c>
      <c r="E411">
        <v>1.7086600000000001</v>
      </c>
      <c r="F411">
        <v>4880.76</v>
      </c>
      <c r="G411">
        <v>50.233800000000002</v>
      </c>
    </row>
    <row r="412" spans="1:7" x14ac:dyDescent="0.25">
      <c r="A412">
        <v>4</v>
      </c>
      <c r="B412">
        <v>156.202</v>
      </c>
      <c r="C412">
        <v>198.72200000000001</v>
      </c>
      <c r="D412">
        <v>1800</v>
      </c>
      <c r="E412">
        <v>2.6771699999999998</v>
      </c>
      <c r="F412">
        <v>3804.86</v>
      </c>
      <c r="G412">
        <v>76.507099999999994</v>
      </c>
    </row>
    <row r="413" spans="1:7" x14ac:dyDescent="0.25">
      <c r="A413">
        <v>4</v>
      </c>
      <c r="B413">
        <v>158.09200000000001</v>
      </c>
      <c r="C413">
        <v>195.572</v>
      </c>
      <c r="D413">
        <v>3272.44</v>
      </c>
      <c r="E413">
        <v>3.8818899999999998</v>
      </c>
      <c r="F413">
        <v>4486.76</v>
      </c>
      <c r="G413">
        <v>53.834699999999998</v>
      </c>
    </row>
    <row r="414" spans="1:7" x14ac:dyDescent="0.25">
      <c r="A414">
        <v>4</v>
      </c>
      <c r="B414">
        <v>135.41499999999999</v>
      </c>
      <c r="C414">
        <v>205.65100000000001</v>
      </c>
      <c r="D414">
        <v>3004.72</v>
      </c>
      <c r="E414">
        <v>3.4803099999999998</v>
      </c>
      <c r="F414">
        <v>4754.9799999999996</v>
      </c>
      <c r="G414">
        <v>104.666</v>
      </c>
    </row>
    <row r="415" spans="1:7" x14ac:dyDescent="0.25">
      <c r="A415">
        <v>4</v>
      </c>
      <c r="B415">
        <v>137.62</v>
      </c>
      <c r="C415">
        <v>197.77699999999999</v>
      </c>
      <c r="D415">
        <v>7154.33</v>
      </c>
      <c r="E415">
        <v>3.8818899999999998</v>
      </c>
      <c r="F415">
        <v>8594.08</v>
      </c>
      <c r="G415">
        <v>17.114599999999999</v>
      </c>
    </row>
    <row r="416" spans="1:7" x14ac:dyDescent="0.25">
      <c r="A416">
        <v>4</v>
      </c>
      <c r="B416">
        <v>146.124</v>
      </c>
      <c r="C416">
        <v>197.14699999999999</v>
      </c>
      <c r="D416">
        <v>5012.6000000000004</v>
      </c>
      <c r="E416">
        <v>3.6929099999999999</v>
      </c>
      <c r="F416">
        <v>6303.48</v>
      </c>
      <c r="G416">
        <v>23.261099999999999</v>
      </c>
    </row>
    <row r="417" spans="1:7" x14ac:dyDescent="0.25">
      <c r="A417">
        <v>4</v>
      </c>
      <c r="B417">
        <v>158.72200000000001</v>
      </c>
      <c r="C417">
        <v>207.226</v>
      </c>
      <c r="D417">
        <v>2870.87</v>
      </c>
      <c r="E417">
        <v>2.6771699999999998</v>
      </c>
      <c r="F417">
        <v>4697.8599999999997</v>
      </c>
      <c r="G417">
        <v>51.361199999999997</v>
      </c>
    </row>
    <row r="418" spans="1:7" x14ac:dyDescent="0.25">
      <c r="A418">
        <v>4</v>
      </c>
      <c r="B418">
        <v>173.21</v>
      </c>
      <c r="C418">
        <v>197.46199999999999</v>
      </c>
      <c r="D418">
        <v>2870.87</v>
      </c>
      <c r="E418">
        <v>3.8110200000000001</v>
      </c>
      <c r="F418">
        <v>3575.6</v>
      </c>
      <c r="G418">
        <v>106.96899999999999</v>
      </c>
    </row>
    <row r="419" spans="1:7" x14ac:dyDescent="0.25">
      <c r="A419">
        <v>4</v>
      </c>
      <c r="B419">
        <v>156.202</v>
      </c>
      <c r="C419">
        <v>205.65100000000001</v>
      </c>
      <c r="D419">
        <v>3004.72</v>
      </c>
      <c r="E419">
        <v>3.2204700000000002</v>
      </c>
      <c r="F419">
        <v>4697.3900000000003</v>
      </c>
      <c r="G419">
        <v>42.2134</v>
      </c>
    </row>
    <row r="420" spans="1:7" x14ac:dyDescent="0.25">
      <c r="A420">
        <v>4</v>
      </c>
      <c r="B420">
        <v>170.691</v>
      </c>
      <c r="C420">
        <v>196.83199999999999</v>
      </c>
      <c r="D420">
        <v>7288.19</v>
      </c>
      <c r="E420">
        <v>1.2362200000000001</v>
      </c>
      <c r="F420">
        <v>5235</v>
      </c>
      <c r="G420">
        <v>88.299599999999998</v>
      </c>
    </row>
    <row r="421" spans="1:7" x14ac:dyDescent="0.25">
      <c r="A421">
        <v>4</v>
      </c>
      <c r="B421">
        <v>166.28100000000001</v>
      </c>
      <c r="C421">
        <v>195.572</v>
      </c>
      <c r="D421">
        <v>7288.19</v>
      </c>
      <c r="E421">
        <v>1.02362</v>
      </c>
      <c r="F421">
        <v>7152.81</v>
      </c>
      <c r="G421">
        <v>19.911000000000001</v>
      </c>
    </row>
    <row r="422" spans="1:7" x14ac:dyDescent="0.25">
      <c r="A422">
        <v>4</v>
      </c>
      <c r="B422">
        <v>136.04499999999999</v>
      </c>
      <c r="C422">
        <v>210.691</v>
      </c>
      <c r="D422">
        <v>7154.33</v>
      </c>
      <c r="E422">
        <v>3.2440899999999999</v>
      </c>
      <c r="F422">
        <v>8654.58</v>
      </c>
      <c r="G422">
        <v>14.382300000000001</v>
      </c>
    </row>
    <row r="423" spans="1:7" x14ac:dyDescent="0.25">
      <c r="A423">
        <v>4</v>
      </c>
      <c r="B423">
        <v>136.04499999999999</v>
      </c>
      <c r="C423">
        <v>210.691</v>
      </c>
      <c r="D423">
        <v>7154.33</v>
      </c>
      <c r="E423">
        <v>3.2440899999999999</v>
      </c>
      <c r="F423">
        <v>8654.58</v>
      </c>
      <c r="G423">
        <v>14.382300000000001</v>
      </c>
    </row>
    <row r="424" spans="1:7" x14ac:dyDescent="0.25">
      <c r="A424">
        <v>4</v>
      </c>
      <c r="B424">
        <v>174.47</v>
      </c>
      <c r="C424">
        <v>175.41499999999999</v>
      </c>
      <c r="D424">
        <v>7422.05</v>
      </c>
      <c r="E424">
        <v>3.8582700000000001</v>
      </c>
      <c r="F424">
        <v>3358.18</v>
      </c>
      <c r="G424">
        <v>106.91500000000001</v>
      </c>
    </row>
    <row r="425" spans="1:7" x14ac:dyDescent="0.25">
      <c r="A425">
        <v>4</v>
      </c>
      <c r="B425">
        <v>168.17099999999999</v>
      </c>
      <c r="C425">
        <v>197.14699999999999</v>
      </c>
      <c r="D425">
        <v>2870.87</v>
      </c>
      <c r="E425">
        <v>3.8110200000000001</v>
      </c>
      <c r="F425">
        <v>3961.22</v>
      </c>
      <c r="G425">
        <v>50.840899999999998</v>
      </c>
    </row>
    <row r="426" spans="1:7" x14ac:dyDescent="0.25">
      <c r="A426">
        <v>4</v>
      </c>
      <c r="B426">
        <v>160.61199999999999</v>
      </c>
      <c r="C426">
        <v>211.32</v>
      </c>
      <c r="D426">
        <v>1800</v>
      </c>
      <c r="E426">
        <v>2.8425199999999999</v>
      </c>
      <c r="F426">
        <v>3690.12</v>
      </c>
      <c r="G426">
        <v>73.507800000000003</v>
      </c>
    </row>
    <row r="427" spans="1:7" x14ac:dyDescent="0.25">
      <c r="A427">
        <v>4</v>
      </c>
      <c r="B427">
        <v>160.61199999999999</v>
      </c>
      <c r="C427">
        <v>196.202</v>
      </c>
      <c r="D427">
        <v>2870.87</v>
      </c>
      <c r="E427">
        <v>3.6220500000000002</v>
      </c>
      <c r="F427">
        <v>4183.45</v>
      </c>
      <c r="G427">
        <v>28.847799999999999</v>
      </c>
    </row>
    <row r="428" spans="1:7" x14ac:dyDescent="0.25">
      <c r="A428">
        <v>4</v>
      </c>
      <c r="B428">
        <v>160.61199999999999</v>
      </c>
      <c r="C428">
        <v>213.84</v>
      </c>
      <c r="D428">
        <v>2335.4299999999998</v>
      </c>
      <c r="E428">
        <v>1.3307100000000001</v>
      </c>
      <c r="F428">
        <v>5313.69</v>
      </c>
      <c r="G428">
        <v>25.168900000000001</v>
      </c>
    </row>
    <row r="429" spans="1:7" x14ac:dyDescent="0.25">
      <c r="A429">
        <v>4</v>
      </c>
      <c r="B429">
        <v>160.61199999999999</v>
      </c>
      <c r="C429">
        <v>196.202</v>
      </c>
      <c r="D429">
        <v>2870.87</v>
      </c>
      <c r="E429">
        <v>3.6220500000000002</v>
      </c>
      <c r="F429">
        <v>4183.45</v>
      </c>
      <c r="G429">
        <v>28.847799999999999</v>
      </c>
    </row>
    <row r="430" spans="1:7" x14ac:dyDescent="0.25">
      <c r="A430">
        <v>4</v>
      </c>
      <c r="B430">
        <v>160.61199999999999</v>
      </c>
      <c r="C430">
        <v>213.84</v>
      </c>
      <c r="D430">
        <v>2335.4299999999998</v>
      </c>
      <c r="E430">
        <v>1.3307100000000001</v>
      </c>
      <c r="F430">
        <v>5313.69</v>
      </c>
      <c r="G430">
        <v>25.168900000000001</v>
      </c>
    </row>
    <row r="431" spans="1:7" x14ac:dyDescent="0.25">
      <c r="A431">
        <v>4</v>
      </c>
      <c r="B431">
        <v>137.935</v>
      </c>
      <c r="C431">
        <v>208.17099999999999</v>
      </c>
      <c r="D431">
        <v>7154.33</v>
      </c>
      <c r="E431">
        <v>3.90551</v>
      </c>
      <c r="F431">
        <v>8538.65</v>
      </c>
      <c r="G431">
        <v>17.1496</v>
      </c>
    </row>
    <row r="432" spans="1:7" x14ac:dyDescent="0.25">
      <c r="A432">
        <v>4</v>
      </c>
      <c r="B432">
        <v>174.47</v>
      </c>
      <c r="C432">
        <v>175.41499999999999</v>
      </c>
      <c r="D432">
        <v>7422.05</v>
      </c>
      <c r="E432">
        <v>3.8582700000000001</v>
      </c>
      <c r="F432">
        <v>3358.18</v>
      </c>
      <c r="G432">
        <v>106.91500000000001</v>
      </c>
    </row>
    <row r="433" spans="1:7" x14ac:dyDescent="0.25">
      <c r="A433">
        <v>4</v>
      </c>
      <c r="B433">
        <v>160.61199999999999</v>
      </c>
      <c r="C433">
        <v>211.32</v>
      </c>
      <c r="D433">
        <v>1800</v>
      </c>
      <c r="E433">
        <v>2.8425199999999999</v>
      </c>
      <c r="F433">
        <v>3690.12</v>
      </c>
      <c r="G433">
        <v>73.507800000000003</v>
      </c>
    </row>
    <row r="434" spans="1:7" x14ac:dyDescent="0.25">
      <c r="A434">
        <v>4</v>
      </c>
      <c r="B434">
        <v>145.494</v>
      </c>
      <c r="C434">
        <v>195.887</v>
      </c>
      <c r="D434">
        <v>5012.6000000000004</v>
      </c>
      <c r="E434">
        <v>3.3149600000000001</v>
      </c>
      <c r="F434">
        <v>6539.73</v>
      </c>
      <c r="G434">
        <v>21.848099999999999</v>
      </c>
    </row>
    <row r="435" spans="1:7" x14ac:dyDescent="0.25">
      <c r="A435">
        <v>4</v>
      </c>
      <c r="B435">
        <v>156.202</v>
      </c>
      <c r="C435">
        <v>205.65100000000001</v>
      </c>
      <c r="D435">
        <v>3138.58</v>
      </c>
      <c r="E435">
        <v>2.74803</v>
      </c>
      <c r="F435">
        <v>4860.4399999999996</v>
      </c>
      <c r="G435">
        <v>28.7561</v>
      </c>
    </row>
    <row r="436" spans="1:7" x14ac:dyDescent="0.25">
      <c r="A436">
        <v>4</v>
      </c>
      <c r="B436">
        <v>160.61199999999999</v>
      </c>
      <c r="C436">
        <v>196.202</v>
      </c>
      <c r="D436">
        <v>2870.87</v>
      </c>
      <c r="E436">
        <v>3.6220500000000002</v>
      </c>
      <c r="F436">
        <v>4183.45</v>
      </c>
      <c r="G436">
        <v>28.847799999999999</v>
      </c>
    </row>
    <row r="437" spans="1:7" x14ac:dyDescent="0.25">
      <c r="A437">
        <v>4</v>
      </c>
      <c r="B437">
        <v>137.62</v>
      </c>
      <c r="C437">
        <v>197.77699999999999</v>
      </c>
      <c r="D437">
        <v>7154.33</v>
      </c>
      <c r="E437">
        <v>3.8818899999999998</v>
      </c>
      <c r="F437">
        <v>8594.08</v>
      </c>
      <c r="G437">
        <v>17.114599999999999</v>
      </c>
    </row>
    <row r="438" spans="1:7" x14ac:dyDescent="0.25">
      <c r="A438">
        <v>4</v>
      </c>
      <c r="B438">
        <v>161.24199999999999</v>
      </c>
      <c r="C438">
        <v>205.02099999999999</v>
      </c>
      <c r="D438">
        <v>1800</v>
      </c>
      <c r="E438">
        <v>1.07087</v>
      </c>
      <c r="F438">
        <v>5290.12</v>
      </c>
      <c r="G438">
        <v>26.030200000000001</v>
      </c>
    </row>
    <row r="439" spans="1:7" x14ac:dyDescent="0.25">
      <c r="A439">
        <v>4</v>
      </c>
      <c r="B439">
        <v>135.41499999999999</v>
      </c>
      <c r="C439">
        <v>205.65100000000001</v>
      </c>
      <c r="D439">
        <v>7154.33</v>
      </c>
      <c r="E439">
        <v>2.7716500000000002</v>
      </c>
      <c r="F439">
        <v>8961.17</v>
      </c>
      <c r="G439">
        <v>14.0649</v>
      </c>
    </row>
    <row r="440" spans="1:7" x14ac:dyDescent="0.25">
      <c r="A440">
        <v>4</v>
      </c>
      <c r="B440">
        <v>173.21</v>
      </c>
      <c r="C440">
        <v>198.09200000000001</v>
      </c>
      <c r="D440">
        <v>7422.05</v>
      </c>
      <c r="E440">
        <v>3.8818899999999998</v>
      </c>
      <c r="F440">
        <v>3576</v>
      </c>
      <c r="G440">
        <v>106.724</v>
      </c>
    </row>
    <row r="441" spans="1:7" x14ac:dyDescent="0.25">
      <c r="A441">
        <v>4</v>
      </c>
      <c r="B441">
        <v>155.572</v>
      </c>
      <c r="C441">
        <v>211.95</v>
      </c>
      <c r="D441">
        <v>3406.3</v>
      </c>
      <c r="E441">
        <v>2.5826799999999999</v>
      </c>
      <c r="F441">
        <v>5065.6899999999996</v>
      </c>
      <c r="G441">
        <v>26.941400000000002</v>
      </c>
    </row>
    <row r="442" spans="1:7" x14ac:dyDescent="0.25">
      <c r="A442">
        <v>4</v>
      </c>
      <c r="B442">
        <v>160.61199999999999</v>
      </c>
      <c r="C442">
        <v>196.202</v>
      </c>
      <c r="D442">
        <v>2870.87</v>
      </c>
      <c r="E442">
        <v>3.6220500000000002</v>
      </c>
      <c r="F442">
        <v>4183.45</v>
      </c>
      <c r="G442">
        <v>28.847799999999999</v>
      </c>
    </row>
    <row r="443" spans="1:7" x14ac:dyDescent="0.25">
      <c r="A443">
        <v>4</v>
      </c>
      <c r="B443">
        <v>135.41499999999999</v>
      </c>
      <c r="C443">
        <v>195.572</v>
      </c>
      <c r="D443">
        <v>7288.19</v>
      </c>
      <c r="E443">
        <v>1.07087</v>
      </c>
      <c r="F443">
        <v>10796.1</v>
      </c>
      <c r="G443">
        <v>13.130599999999999</v>
      </c>
    </row>
    <row r="444" spans="1:7" x14ac:dyDescent="0.25">
      <c r="A444">
        <v>4</v>
      </c>
      <c r="B444">
        <v>137.935</v>
      </c>
      <c r="C444">
        <v>198.40700000000001</v>
      </c>
      <c r="D444">
        <v>7154.33</v>
      </c>
      <c r="E444">
        <v>3.8818899999999998</v>
      </c>
      <c r="F444">
        <v>8604.5499999999993</v>
      </c>
      <c r="G444">
        <v>17.0366</v>
      </c>
    </row>
    <row r="445" spans="1:7" x14ac:dyDescent="0.25">
      <c r="A445">
        <v>4</v>
      </c>
      <c r="B445">
        <v>146.124</v>
      </c>
      <c r="C445">
        <v>197.14699999999999</v>
      </c>
      <c r="D445">
        <v>5012.6000000000004</v>
      </c>
      <c r="E445">
        <v>3.6929099999999999</v>
      </c>
      <c r="F445">
        <v>6303.48</v>
      </c>
      <c r="G445">
        <v>23.261099999999999</v>
      </c>
    </row>
    <row r="451" spans="1:7" x14ac:dyDescent="0.25">
      <c r="A451">
        <v>5</v>
      </c>
      <c r="B451">
        <v>156.202</v>
      </c>
      <c r="C451">
        <v>196.202</v>
      </c>
      <c r="D451">
        <v>3004.72</v>
      </c>
      <c r="E451">
        <v>1.44882</v>
      </c>
      <c r="F451">
        <v>5580.95</v>
      </c>
      <c r="G451">
        <v>26.047799999999999</v>
      </c>
    </row>
    <row r="452" spans="1:7" x14ac:dyDescent="0.25">
      <c r="A452">
        <v>5</v>
      </c>
      <c r="B452">
        <v>156.202</v>
      </c>
      <c r="C452">
        <v>200.61199999999999</v>
      </c>
      <c r="D452">
        <v>3406.3</v>
      </c>
      <c r="E452">
        <v>2.7716500000000002</v>
      </c>
      <c r="F452">
        <v>5016.43</v>
      </c>
      <c r="G452">
        <v>28.8216</v>
      </c>
    </row>
    <row r="453" spans="1:7" x14ac:dyDescent="0.25">
      <c r="A453">
        <v>5</v>
      </c>
      <c r="B453">
        <v>135.41499999999999</v>
      </c>
      <c r="C453">
        <v>195.572</v>
      </c>
      <c r="D453">
        <v>7288.19</v>
      </c>
      <c r="E453">
        <v>1.07087</v>
      </c>
      <c r="F453">
        <v>10796.1</v>
      </c>
      <c r="G453">
        <v>13.130599999999999</v>
      </c>
    </row>
    <row r="454" spans="1:7" x14ac:dyDescent="0.25">
      <c r="A454">
        <v>5</v>
      </c>
      <c r="B454">
        <v>160.61199999999999</v>
      </c>
      <c r="C454">
        <v>196.202</v>
      </c>
      <c r="D454">
        <v>2870.87</v>
      </c>
      <c r="E454">
        <v>3.6220500000000002</v>
      </c>
      <c r="F454">
        <v>4183.45</v>
      </c>
      <c r="G454">
        <v>28.847799999999999</v>
      </c>
    </row>
    <row r="455" spans="1:7" x14ac:dyDescent="0.25">
      <c r="A455">
        <v>5</v>
      </c>
      <c r="B455">
        <v>155.572</v>
      </c>
      <c r="C455">
        <v>200.61199999999999</v>
      </c>
      <c r="D455">
        <v>7154.33</v>
      </c>
      <c r="E455">
        <v>2.7716500000000002</v>
      </c>
      <c r="F455">
        <v>8796.65</v>
      </c>
      <c r="G455">
        <v>39.8386</v>
      </c>
    </row>
    <row r="456" spans="1:7" x14ac:dyDescent="0.25">
      <c r="A456">
        <v>5</v>
      </c>
      <c r="B456">
        <v>161.24199999999999</v>
      </c>
      <c r="C456">
        <v>196.202</v>
      </c>
      <c r="D456">
        <v>2870.87</v>
      </c>
      <c r="E456">
        <v>1.54331</v>
      </c>
      <c r="F456">
        <v>5276.71</v>
      </c>
      <c r="G456">
        <v>66.915499999999994</v>
      </c>
    </row>
    <row r="457" spans="1:7" x14ac:dyDescent="0.25">
      <c r="A457">
        <v>5</v>
      </c>
      <c r="B457">
        <v>160.61199999999999</v>
      </c>
      <c r="C457">
        <v>199.982</v>
      </c>
      <c r="D457">
        <v>1800</v>
      </c>
      <c r="E457">
        <v>3.0314999999999999</v>
      </c>
      <c r="F457">
        <v>3590.8</v>
      </c>
      <c r="G457">
        <v>75.763999999999996</v>
      </c>
    </row>
    <row r="458" spans="1:7" x14ac:dyDescent="0.25">
      <c r="A458">
        <v>5</v>
      </c>
      <c r="B458">
        <v>173.21</v>
      </c>
      <c r="C458">
        <v>198.72200000000001</v>
      </c>
      <c r="D458">
        <v>2870.87</v>
      </c>
      <c r="E458">
        <v>4</v>
      </c>
      <c r="F458">
        <v>3577.89</v>
      </c>
      <c r="G458">
        <v>106.288</v>
      </c>
    </row>
    <row r="459" spans="1:7" x14ac:dyDescent="0.25">
      <c r="A459">
        <v>5</v>
      </c>
      <c r="B459">
        <v>135.1</v>
      </c>
      <c r="C459">
        <v>200.61199999999999</v>
      </c>
      <c r="D459">
        <v>2870.87</v>
      </c>
      <c r="E459">
        <v>2.74803</v>
      </c>
      <c r="F459">
        <v>4944.63</v>
      </c>
      <c r="G459">
        <v>99.827200000000005</v>
      </c>
    </row>
    <row r="460" spans="1:7" x14ac:dyDescent="0.25">
      <c r="A460">
        <v>5</v>
      </c>
      <c r="B460">
        <v>163.131</v>
      </c>
      <c r="C460">
        <v>198.72200000000001</v>
      </c>
      <c r="D460">
        <v>3406.3</v>
      </c>
      <c r="E460">
        <v>2.4645700000000001</v>
      </c>
      <c r="F460">
        <v>5064.3100000000004</v>
      </c>
      <c r="G460">
        <v>27.234999999999999</v>
      </c>
    </row>
    <row r="461" spans="1:7" x14ac:dyDescent="0.25">
      <c r="A461">
        <v>5</v>
      </c>
      <c r="B461">
        <v>140.45400000000001</v>
      </c>
      <c r="C461">
        <v>195.572</v>
      </c>
      <c r="D461">
        <v>7288.19</v>
      </c>
      <c r="E461">
        <v>3.3385799999999999</v>
      </c>
      <c r="F461">
        <v>9003.1200000000008</v>
      </c>
      <c r="G461">
        <v>18.6143</v>
      </c>
    </row>
    <row r="462" spans="1:7" x14ac:dyDescent="0.25">
      <c r="A462">
        <v>5</v>
      </c>
      <c r="B462">
        <v>158.09200000000001</v>
      </c>
      <c r="C462">
        <v>198.40700000000001</v>
      </c>
      <c r="D462">
        <v>7154.33</v>
      </c>
      <c r="E462">
        <v>3.9763799999999998</v>
      </c>
      <c r="F462">
        <v>8325.5499999999993</v>
      </c>
      <c r="G462">
        <v>56.882300000000001</v>
      </c>
    </row>
    <row r="463" spans="1:7" x14ac:dyDescent="0.25">
      <c r="A463">
        <v>5</v>
      </c>
      <c r="B463">
        <v>137.935</v>
      </c>
      <c r="C463">
        <v>197.77699999999999</v>
      </c>
      <c r="D463">
        <v>7288.19</v>
      </c>
      <c r="E463">
        <v>2.7716500000000002</v>
      </c>
      <c r="F463">
        <v>9071.9699999999993</v>
      </c>
      <c r="G463">
        <v>15.4247</v>
      </c>
    </row>
    <row r="464" spans="1:7" x14ac:dyDescent="0.25">
      <c r="A464">
        <v>5</v>
      </c>
      <c r="B464">
        <v>165.65100000000001</v>
      </c>
      <c r="C464">
        <v>195.887</v>
      </c>
      <c r="D464">
        <v>7154.33</v>
      </c>
      <c r="E464">
        <v>3.2440899999999999</v>
      </c>
      <c r="F464">
        <v>6572.85</v>
      </c>
      <c r="G464">
        <v>83.819199999999995</v>
      </c>
    </row>
    <row r="465" spans="1:7" x14ac:dyDescent="0.25">
      <c r="A465">
        <v>5</v>
      </c>
      <c r="B465">
        <v>163.131</v>
      </c>
      <c r="C465">
        <v>197.46199999999999</v>
      </c>
      <c r="D465">
        <v>3004.72</v>
      </c>
      <c r="E465">
        <v>2.20472</v>
      </c>
      <c r="F465">
        <v>4871.2700000000004</v>
      </c>
      <c r="G465">
        <v>25.2303</v>
      </c>
    </row>
    <row r="466" spans="1:7" x14ac:dyDescent="0.25">
      <c r="A466">
        <v>5</v>
      </c>
      <c r="B466">
        <v>155.572</v>
      </c>
      <c r="C466">
        <v>196.202</v>
      </c>
      <c r="D466">
        <v>3004.72</v>
      </c>
      <c r="E466">
        <v>1.54331</v>
      </c>
      <c r="F466">
        <v>5510.73</v>
      </c>
      <c r="G466">
        <v>25.675699999999999</v>
      </c>
    </row>
    <row r="467" spans="1:7" x14ac:dyDescent="0.25">
      <c r="A467">
        <v>5</v>
      </c>
      <c r="B467">
        <v>135.41499999999999</v>
      </c>
      <c r="C467">
        <v>208.17099999999999</v>
      </c>
      <c r="D467">
        <v>2870.87</v>
      </c>
      <c r="E467">
        <v>4</v>
      </c>
      <c r="F467">
        <v>4504.28</v>
      </c>
      <c r="G467">
        <v>112.19499999999999</v>
      </c>
    </row>
    <row r="468" spans="1:7" x14ac:dyDescent="0.25">
      <c r="A468">
        <v>5</v>
      </c>
      <c r="B468">
        <v>155.572</v>
      </c>
      <c r="C468">
        <v>196.83199999999999</v>
      </c>
      <c r="D468">
        <v>7288.19</v>
      </c>
      <c r="E468">
        <v>3.3385799999999999</v>
      </c>
      <c r="F468">
        <v>8633.02</v>
      </c>
      <c r="G468">
        <v>40.577199999999998</v>
      </c>
    </row>
    <row r="469" spans="1:7" x14ac:dyDescent="0.25">
      <c r="A469">
        <v>5</v>
      </c>
      <c r="B469">
        <v>135.41499999999999</v>
      </c>
      <c r="C469">
        <v>205.65100000000001</v>
      </c>
      <c r="D469">
        <v>7154.33</v>
      </c>
      <c r="E469">
        <v>3.2440899999999999</v>
      </c>
      <c r="F469">
        <v>8728.9699999999993</v>
      </c>
      <c r="G469">
        <v>13.9887</v>
      </c>
    </row>
    <row r="470" spans="1:7" x14ac:dyDescent="0.25">
      <c r="A470">
        <v>5</v>
      </c>
      <c r="B470">
        <v>158.09200000000001</v>
      </c>
      <c r="C470">
        <v>197.14699999999999</v>
      </c>
      <c r="D470">
        <v>2870.87</v>
      </c>
      <c r="E470">
        <v>3.7873999999999999</v>
      </c>
      <c r="F470">
        <v>4281.8500000000004</v>
      </c>
      <c r="G470">
        <v>37.7928</v>
      </c>
    </row>
    <row r="471" spans="1:7" x14ac:dyDescent="0.25">
      <c r="A471">
        <v>5</v>
      </c>
      <c r="B471">
        <v>136.04499999999999</v>
      </c>
      <c r="C471">
        <v>198.09200000000001</v>
      </c>
      <c r="D471">
        <v>6083.46</v>
      </c>
      <c r="E471">
        <v>2.5826799999999999</v>
      </c>
      <c r="F471">
        <v>8031.81</v>
      </c>
      <c r="G471">
        <v>21.354600000000001</v>
      </c>
    </row>
    <row r="472" spans="1:7" x14ac:dyDescent="0.25">
      <c r="A472">
        <v>5</v>
      </c>
      <c r="B472">
        <v>135.41499999999999</v>
      </c>
      <c r="C472">
        <v>197.46199999999999</v>
      </c>
      <c r="D472">
        <v>2870.87</v>
      </c>
      <c r="E472">
        <v>3.7873999999999999</v>
      </c>
      <c r="F472">
        <v>4654.38</v>
      </c>
      <c r="G472">
        <v>116.65900000000001</v>
      </c>
    </row>
    <row r="473" spans="1:7" x14ac:dyDescent="0.25">
      <c r="A473">
        <v>5</v>
      </c>
      <c r="B473">
        <v>161.24199999999999</v>
      </c>
      <c r="C473">
        <v>198.72200000000001</v>
      </c>
      <c r="D473">
        <v>1800</v>
      </c>
      <c r="E473">
        <v>2.8425199999999999</v>
      </c>
      <c r="F473">
        <v>3588.18</v>
      </c>
      <c r="G473">
        <v>71.782499999999999</v>
      </c>
    </row>
    <row r="474" spans="1:7" x14ac:dyDescent="0.25">
      <c r="A474">
        <v>5</v>
      </c>
      <c r="B474">
        <v>135.41499999999999</v>
      </c>
      <c r="C474">
        <v>208.17099999999999</v>
      </c>
      <c r="D474">
        <v>7154.33</v>
      </c>
      <c r="E474">
        <v>2.3936999999999999</v>
      </c>
      <c r="F474">
        <v>9073.94</v>
      </c>
      <c r="G474">
        <v>14.130699999999999</v>
      </c>
    </row>
    <row r="475" spans="1:7" x14ac:dyDescent="0.25">
      <c r="A475">
        <v>5</v>
      </c>
      <c r="B475">
        <v>135.41499999999999</v>
      </c>
      <c r="C475">
        <v>211.32</v>
      </c>
      <c r="D475">
        <v>7154.33</v>
      </c>
      <c r="E475">
        <v>2.8661400000000001</v>
      </c>
      <c r="F475">
        <v>8885.1200000000008</v>
      </c>
      <c r="G475">
        <v>14.049099999999999</v>
      </c>
    </row>
    <row r="476" spans="1:7" x14ac:dyDescent="0.25">
      <c r="A476">
        <v>5</v>
      </c>
      <c r="B476">
        <v>168.17099999999999</v>
      </c>
      <c r="C476">
        <v>196.202</v>
      </c>
      <c r="D476">
        <v>2870.87</v>
      </c>
      <c r="E476">
        <v>2.20472</v>
      </c>
      <c r="F476">
        <v>4604.37</v>
      </c>
      <c r="G476">
        <v>92.132099999999994</v>
      </c>
    </row>
    <row r="477" spans="1:7" x14ac:dyDescent="0.25">
      <c r="A477">
        <v>5</v>
      </c>
      <c r="B477">
        <v>165.65100000000001</v>
      </c>
      <c r="C477">
        <v>201.87200000000001</v>
      </c>
      <c r="D477">
        <v>3406.3</v>
      </c>
      <c r="E477">
        <v>3.90551</v>
      </c>
      <c r="F477">
        <v>4432.76</v>
      </c>
      <c r="G477">
        <v>81.491600000000005</v>
      </c>
    </row>
    <row r="478" spans="1:7" x14ac:dyDescent="0.25">
      <c r="A478">
        <v>5</v>
      </c>
      <c r="B478">
        <v>168.17099999999999</v>
      </c>
      <c r="C478">
        <v>197.14699999999999</v>
      </c>
      <c r="D478">
        <v>2870.87</v>
      </c>
      <c r="E478">
        <v>3.8110200000000001</v>
      </c>
      <c r="F478">
        <v>3961.22</v>
      </c>
      <c r="G478">
        <v>50.840899999999998</v>
      </c>
    </row>
    <row r="479" spans="1:7" x14ac:dyDescent="0.25">
      <c r="A479">
        <v>5</v>
      </c>
      <c r="B479">
        <v>160.61199999999999</v>
      </c>
      <c r="C479">
        <v>195.887</v>
      </c>
      <c r="D479">
        <v>2870.87</v>
      </c>
      <c r="E479">
        <v>2.8425199999999999</v>
      </c>
      <c r="F479">
        <v>4523.75</v>
      </c>
      <c r="G479">
        <v>35.036099999999998</v>
      </c>
    </row>
    <row r="480" spans="1:7" x14ac:dyDescent="0.25">
      <c r="A480">
        <v>5</v>
      </c>
      <c r="B480">
        <v>156.202</v>
      </c>
      <c r="C480">
        <v>205.65100000000001</v>
      </c>
      <c r="D480">
        <v>7154.33</v>
      </c>
      <c r="E480">
        <v>3.2440899999999999</v>
      </c>
      <c r="F480">
        <v>8451.34</v>
      </c>
      <c r="G480">
        <v>42.159799999999997</v>
      </c>
    </row>
    <row r="481" spans="1:7" x14ac:dyDescent="0.25">
      <c r="A481">
        <v>5</v>
      </c>
      <c r="B481">
        <v>173.21</v>
      </c>
      <c r="C481">
        <v>197.46199999999999</v>
      </c>
      <c r="D481">
        <v>2870.87</v>
      </c>
      <c r="E481">
        <v>3.8110200000000001</v>
      </c>
      <c r="F481">
        <v>3575.6</v>
      </c>
      <c r="G481">
        <v>106.96899999999999</v>
      </c>
    </row>
    <row r="482" spans="1:7" x14ac:dyDescent="0.25">
      <c r="A482">
        <v>5</v>
      </c>
      <c r="B482">
        <v>135.41499999999999</v>
      </c>
      <c r="C482">
        <v>195.572</v>
      </c>
      <c r="D482">
        <v>7288.19</v>
      </c>
      <c r="E482">
        <v>1.2598400000000001</v>
      </c>
      <c r="F482">
        <v>10395.700000000001</v>
      </c>
      <c r="G482">
        <v>12.433299999999999</v>
      </c>
    </row>
    <row r="483" spans="1:7" x14ac:dyDescent="0.25">
      <c r="A483">
        <v>5</v>
      </c>
      <c r="B483">
        <v>140.13900000000001</v>
      </c>
      <c r="C483">
        <v>201.24199999999999</v>
      </c>
      <c r="D483">
        <v>3406.3</v>
      </c>
      <c r="E483">
        <v>3.5039400000000001</v>
      </c>
      <c r="F483">
        <v>5136.3100000000004</v>
      </c>
      <c r="G483">
        <v>79.173699999999997</v>
      </c>
    </row>
    <row r="484" spans="1:7" x14ac:dyDescent="0.25">
      <c r="A484">
        <v>5</v>
      </c>
      <c r="B484">
        <v>160.61199999999999</v>
      </c>
      <c r="C484">
        <v>196.202</v>
      </c>
      <c r="D484">
        <v>2870.87</v>
      </c>
      <c r="E484">
        <v>2.6771699999999998</v>
      </c>
      <c r="F484">
        <v>4677.3</v>
      </c>
      <c r="G484">
        <v>37.174300000000002</v>
      </c>
    </row>
    <row r="485" spans="1:7" x14ac:dyDescent="0.25">
      <c r="A485">
        <v>5</v>
      </c>
      <c r="B485">
        <v>173.21</v>
      </c>
      <c r="C485">
        <v>197.14699999999999</v>
      </c>
      <c r="D485">
        <v>2870.87</v>
      </c>
      <c r="E485">
        <v>3.6220500000000002</v>
      </c>
      <c r="F485">
        <v>3576.84</v>
      </c>
      <c r="G485">
        <v>107.56399999999999</v>
      </c>
    </row>
    <row r="486" spans="1:7" x14ac:dyDescent="0.25">
      <c r="A486">
        <v>5</v>
      </c>
      <c r="B486">
        <v>165.65100000000001</v>
      </c>
      <c r="C486">
        <v>207.541</v>
      </c>
      <c r="D486">
        <v>2870.87</v>
      </c>
      <c r="E486">
        <v>3.2440899999999999</v>
      </c>
      <c r="F486">
        <v>4174.5</v>
      </c>
      <c r="G486">
        <v>83.819199999999995</v>
      </c>
    </row>
    <row r="487" spans="1:7" x14ac:dyDescent="0.25">
      <c r="A487">
        <v>5</v>
      </c>
      <c r="B487">
        <v>170.691</v>
      </c>
      <c r="C487">
        <v>212.26499999999999</v>
      </c>
      <c r="D487">
        <v>2870.87</v>
      </c>
      <c r="E487">
        <v>3.4094500000000001</v>
      </c>
      <c r="F487">
        <v>4015.03</v>
      </c>
      <c r="G487">
        <v>105.40600000000001</v>
      </c>
    </row>
    <row r="488" spans="1:7" x14ac:dyDescent="0.25">
      <c r="A488">
        <v>5</v>
      </c>
      <c r="B488">
        <v>146.124</v>
      </c>
      <c r="C488">
        <v>197.14699999999999</v>
      </c>
      <c r="D488">
        <v>5012.6000000000004</v>
      </c>
      <c r="E488">
        <v>3.0314999999999999</v>
      </c>
      <c r="F488">
        <v>6618.82</v>
      </c>
      <c r="G488">
        <v>23.766500000000001</v>
      </c>
    </row>
    <row r="489" spans="1:7" x14ac:dyDescent="0.25">
      <c r="A489">
        <v>5</v>
      </c>
      <c r="B489">
        <v>156.202</v>
      </c>
      <c r="C489">
        <v>196.83199999999999</v>
      </c>
      <c r="D489">
        <v>3004.72</v>
      </c>
      <c r="E489">
        <v>1.54331</v>
      </c>
      <c r="F489">
        <v>5700.32</v>
      </c>
      <c r="G489">
        <v>22.826499999999999</v>
      </c>
    </row>
    <row r="490" spans="1:7" x14ac:dyDescent="0.25">
      <c r="A490">
        <v>5</v>
      </c>
      <c r="B490">
        <v>155.572</v>
      </c>
      <c r="C490">
        <v>197.46199999999999</v>
      </c>
      <c r="D490">
        <v>3004.72</v>
      </c>
      <c r="E490">
        <v>3.8110200000000001</v>
      </c>
      <c r="F490">
        <v>4586.9399999999996</v>
      </c>
      <c r="G490">
        <v>33.599499999999999</v>
      </c>
    </row>
    <row r="491" spans="1:7" x14ac:dyDescent="0.25">
      <c r="A491">
        <v>5</v>
      </c>
      <c r="B491">
        <v>158.09200000000001</v>
      </c>
      <c r="C491">
        <v>195.572</v>
      </c>
      <c r="D491">
        <v>3138.58</v>
      </c>
      <c r="E491">
        <v>3.5039400000000001</v>
      </c>
      <c r="F491">
        <v>4535.97</v>
      </c>
      <c r="G491">
        <v>53.172400000000003</v>
      </c>
    </row>
    <row r="492" spans="1:7" x14ac:dyDescent="0.25">
      <c r="A492">
        <v>5</v>
      </c>
      <c r="B492">
        <v>136.04499999999999</v>
      </c>
      <c r="C492">
        <v>196.202</v>
      </c>
      <c r="D492">
        <v>7288.19</v>
      </c>
      <c r="E492">
        <v>2.9606300000000001</v>
      </c>
      <c r="F492">
        <v>8919.89</v>
      </c>
      <c r="G492">
        <v>14.6838</v>
      </c>
    </row>
    <row r="493" spans="1:7" x14ac:dyDescent="0.25">
      <c r="A493">
        <v>5</v>
      </c>
      <c r="B493">
        <v>160.61199999999999</v>
      </c>
      <c r="C493">
        <v>200.61199999999999</v>
      </c>
      <c r="D493">
        <v>2870.87</v>
      </c>
      <c r="E493">
        <v>3.8110200000000001</v>
      </c>
      <c r="F493">
        <v>4242.51</v>
      </c>
      <c r="G493">
        <v>28.171600000000002</v>
      </c>
    </row>
    <row r="494" spans="1:7" x14ac:dyDescent="0.25">
      <c r="A494">
        <v>5</v>
      </c>
      <c r="B494">
        <v>156.202</v>
      </c>
      <c r="C494">
        <v>211.32</v>
      </c>
      <c r="D494">
        <v>2870.87</v>
      </c>
      <c r="E494">
        <v>1.1417299999999999</v>
      </c>
      <c r="F494">
        <v>6272.13</v>
      </c>
      <c r="G494">
        <v>45.776400000000002</v>
      </c>
    </row>
    <row r="495" spans="1:7" x14ac:dyDescent="0.25">
      <c r="A495">
        <v>5</v>
      </c>
      <c r="B495">
        <v>163.131</v>
      </c>
      <c r="C495">
        <v>198.09200000000001</v>
      </c>
      <c r="D495">
        <v>7422.05</v>
      </c>
      <c r="E495">
        <v>3.8818899999999998</v>
      </c>
      <c r="F495">
        <v>8386.84</v>
      </c>
      <c r="G495">
        <v>80.485100000000003</v>
      </c>
    </row>
    <row r="496" spans="1:7" x14ac:dyDescent="0.25">
      <c r="A496">
        <v>5</v>
      </c>
      <c r="B496">
        <v>173.21</v>
      </c>
      <c r="C496">
        <v>196.202</v>
      </c>
      <c r="D496">
        <v>2870.87</v>
      </c>
      <c r="E496">
        <v>4</v>
      </c>
      <c r="F496">
        <v>3577.89</v>
      </c>
      <c r="G496">
        <v>106.288</v>
      </c>
    </row>
    <row r="497" spans="1:7" x14ac:dyDescent="0.25">
      <c r="A497">
        <v>5</v>
      </c>
      <c r="B497">
        <v>158.09200000000001</v>
      </c>
      <c r="C497">
        <v>208.80099999999999</v>
      </c>
      <c r="D497">
        <v>7154.33</v>
      </c>
      <c r="E497">
        <v>3.1259800000000002</v>
      </c>
      <c r="F497">
        <v>8477.67</v>
      </c>
      <c r="G497">
        <v>57.392899999999997</v>
      </c>
    </row>
    <row r="498" spans="1:7" x14ac:dyDescent="0.25">
      <c r="A498">
        <v>5</v>
      </c>
      <c r="B498">
        <v>173.21</v>
      </c>
      <c r="C498">
        <v>197.46199999999999</v>
      </c>
      <c r="D498">
        <v>2870.87</v>
      </c>
      <c r="E498">
        <v>3.8110200000000001</v>
      </c>
      <c r="F498">
        <v>3575.6</v>
      </c>
      <c r="G498">
        <v>106.96899999999999</v>
      </c>
    </row>
    <row r="499" spans="1:7" x14ac:dyDescent="0.25">
      <c r="A499">
        <v>5</v>
      </c>
      <c r="B499">
        <v>135.41499999999999</v>
      </c>
      <c r="C499">
        <v>197.46199999999999</v>
      </c>
      <c r="D499">
        <v>9429.92</v>
      </c>
      <c r="E499">
        <v>2.9606300000000001</v>
      </c>
      <c r="F499">
        <v>11179.8</v>
      </c>
      <c r="G499">
        <v>16.0337</v>
      </c>
    </row>
    <row r="500" spans="1:7" x14ac:dyDescent="0.25">
      <c r="A500">
        <v>5</v>
      </c>
      <c r="B500">
        <v>163.131</v>
      </c>
      <c r="C500">
        <v>200.61199999999999</v>
      </c>
      <c r="D500">
        <v>7154.33</v>
      </c>
      <c r="E500">
        <v>2.4645700000000001</v>
      </c>
      <c r="F500">
        <v>8603.9699999999993</v>
      </c>
      <c r="G500">
        <v>27.234999999999999</v>
      </c>
    </row>
    <row r="501" spans="1:7" x14ac:dyDescent="0.25">
      <c r="A501">
        <v>5</v>
      </c>
      <c r="B501">
        <v>156.202</v>
      </c>
      <c r="C501">
        <v>200.61199999999999</v>
      </c>
      <c r="D501">
        <v>7154.33</v>
      </c>
      <c r="E501">
        <v>3.14961</v>
      </c>
      <c r="F501">
        <v>8514.7900000000009</v>
      </c>
      <c r="G501">
        <v>42.049199999999999</v>
      </c>
    </row>
    <row r="502" spans="1:7" x14ac:dyDescent="0.25">
      <c r="A502">
        <v>5</v>
      </c>
      <c r="B502">
        <v>137.935</v>
      </c>
      <c r="C502">
        <v>208.17099999999999</v>
      </c>
      <c r="D502">
        <v>7154.33</v>
      </c>
      <c r="E502">
        <v>3.90551</v>
      </c>
      <c r="F502">
        <v>8538.65</v>
      </c>
      <c r="G502">
        <v>17.1496</v>
      </c>
    </row>
    <row r="503" spans="1:7" x14ac:dyDescent="0.25">
      <c r="A503">
        <v>5</v>
      </c>
      <c r="B503">
        <v>137.935</v>
      </c>
      <c r="C503">
        <v>208.17099999999999</v>
      </c>
      <c r="D503">
        <v>7154.33</v>
      </c>
      <c r="E503">
        <v>3.90551</v>
      </c>
      <c r="F503">
        <v>8538.65</v>
      </c>
      <c r="G503">
        <v>17.1496</v>
      </c>
    </row>
    <row r="504" spans="1:7" x14ac:dyDescent="0.25">
      <c r="A504">
        <v>5</v>
      </c>
      <c r="B504">
        <v>135.41499999999999</v>
      </c>
      <c r="C504">
        <v>195.25700000000001</v>
      </c>
      <c r="D504">
        <v>7154.33</v>
      </c>
      <c r="E504">
        <v>1.6377999999999999</v>
      </c>
      <c r="F504">
        <v>9533.4500000000007</v>
      </c>
      <c r="G504">
        <v>14.1493</v>
      </c>
    </row>
    <row r="505" spans="1:7" x14ac:dyDescent="0.25">
      <c r="A505">
        <v>5</v>
      </c>
      <c r="B505">
        <v>168.17099999999999</v>
      </c>
      <c r="C505">
        <v>197.14699999999999</v>
      </c>
      <c r="D505">
        <v>2870.87</v>
      </c>
      <c r="E505">
        <v>3.7873999999999999</v>
      </c>
      <c r="F505">
        <v>3971.22</v>
      </c>
      <c r="G505">
        <v>51.542000000000002</v>
      </c>
    </row>
    <row r="506" spans="1:7" x14ac:dyDescent="0.25">
      <c r="A506">
        <v>5</v>
      </c>
      <c r="B506">
        <v>168.17099999999999</v>
      </c>
      <c r="C506">
        <v>197.46199999999999</v>
      </c>
      <c r="D506">
        <v>2870.87</v>
      </c>
      <c r="E506">
        <v>3.8110200000000001</v>
      </c>
      <c r="F506">
        <v>3961.22</v>
      </c>
      <c r="G506">
        <v>50.840899999999998</v>
      </c>
    </row>
    <row r="507" spans="1:7" x14ac:dyDescent="0.25">
      <c r="A507">
        <v>5</v>
      </c>
      <c r="B507">
        <v>155.887</v>
      </c>
      <c r="C507">
        <v>202.81700000000001</v>
      </c>
      <c r="D507">
        <v>3004.72</v>
      </c>
      <c r="E507">
        <v>1.44882</v>
      </c>
      <c r="F507">
        <v>5739.79</v>
      </c>
      <c r="G507">
        <v>28.649100000000001</v>
      </c>
    </row>
    <row r="508" spans="1:7" x14ac:dyDescent="0.25">
      <c r="A508">
        <v>5</v>
      </c>
      <c r="B508">
        <v>140.45400000000001</v>
      </c>
      <c r="C508">
        <v>198.09200000000001</v>
      </c>
      <c r="D508">
        <v>7555.91</v>
      </c>
      <c r="E508">
        <v>2.7716500000000002</v>
      </c>
      <c r="F508">
        <v>9168.1</v>
      </c>
      <c r="G508">
        <v>19.72</v>
      </c>
    </row>
    <row r="509" spans="1:7" x14ac:dyDescent="0.25">
      <c r="A509">
        <v>5</v>
      </c>
      <c r="B509">
        <v>135.41499999999999</v>
      </c>
      <c r="C509">
        <v>196.202</v>
      </c>
      <c r="D509">
        <v>7154.33</v>
      </c>
      <c r="E509">
        <v>3.5275599999999998</v>
      </c>
      <c r="F509">
        <v>8572.7800000000007</v>
      </c>
      <c r="G509">
        <v>19.6737</v>
      </c>
    </row>
    <row r="510" spans="1:7" x14ac:dyDescent="0.25">
      <c r="A510">
        <v>5</v>
      </c>
      <c r="B510">
        <v>136.04499999999999</v>
      </c>
      <c r="C510">
        <v>197.46199999999999</v>
      </c>
      <c r="D510">
        <v>7154.33</v>
      </c>
      <c r="E510">
        <v>3.3149600000000001</v>
      </c>
      <c r="F510">
        <v>8612.81</v>
      </c>
      <c r="G510">
        <v>15.494</v>
      </c>
    </row>
    <row r="511" spans="1:7" x14ac:dyDescent="0.25">
      <c r="A511">
        <v>5</v>
      </c>
      <c r="B511">
        <v>166.28100000000001</v>
      </c>
      <c r="C511">
        <v>195.572</v>
      </c>
      <c r="D511">
        <v>7288.19</v>
      </c>
      <c r="E511">
        <v>1.02362</v>
      </c>
      <c r="F511">
        <v>7152.81</v>
      </c>
      <c r="G511">
        <v>19.911000000000001</v>
      </c>
    </row>
    <row r="512" spans="1:7" x14ac:dyDescent="0.25">
      <c r="A512">
        <v>5</v>
      </c>
      <c r="B512">
        <v>136.04499999999999</v>
      </c>
      <c r="C512">
        <v>210.691</v>
      </c>
      <c r="D512">
        <v>7154.33</v>
      </c>
      <c r="E512">
        <v>3.2440899999999999</v>
      </c>
      <c r="F512">
        <v>8654.58</v>
      </c>
      <c r="G512">
        <v>14.382300000000001</v>
      </c>
    </row>
    <row r="513" spans="1:7" x14ac:dyDescent="0.25">
      <c r="A513">
        <v>5</v>
      </c>
      <c r="B513">
        <v>136.04499999999999</v>
      </c>
      <c r="C513">
        <v>210.691</v>
      </c>
      <c r="D513">
        <v>7154.33</v>
      </c>
      <c r="E513">
        <v>3.2440899999999999</v>
      </c>
      <c r="F513">
        <v>8654.58</v>
      </c>
      <c r="G513">
        <v>14.382300000000001</v>
      </c>
    </row>
    <row r="514" spans="1:7" x14ac:dyDescent="0.25">
      <c r="A514">
        <v>5</v>
      </c>
      <c r="B514">
        <v>174.47</v>
      </c>
      <c r="C514">
        <v>175.41499999999999</v>
      </c>
      <c r="D514">
        <v>7422.05</v>
      </c>
      <c r="E514">
        <v>3.8582700000000001</v>
      </c>
      <c r="F514">
        <v>3358.18</v>
      </c>
      <c r="G514">
        <v>106.91500000000001</v>
      </c>
    </row>
    <row r="515" spans="1:7" x14ac:dyDescent="0.25">
      <c r="A515">
        <v>5</v>
      </c>
      <c r="B515">
        <v>168.17099999999999</v>
      </c>
      <c r="C515">
        <v>197.14699999999999</v>
      </c>
      <c r="D515">
        <v>2870.87</v>
      </c>
      <c r="E515">
        <v>3.8110200000000001</v>
      </c>
      <c r="F515">
        <v>3961.22</v>
      </c>
      <c r="G515">
        <v>50.840899999999998</v>
      </c>
    </row>
    <row r="516" spans="1:7" x14ac:dyDescent="0.25">
      <c r="A516">
        <v>5</v>
      </c>
      <c r="B516">
        <v>161.24199999999999</v>
      </c>
      <c r="C516">
        <v>198.72200000000001</v>
      </c>
      <c r="D516">
        <v>1800</v>
      </c>
      <c r="E516">
        <v>2.8425199999999999</v>
      </c>
      <c r="F516">
        <v>3588.18</v>
      </c>
      <c r="G516">
        <v>71.782499999999999</v>
      </c>
    </row>
    <row r="517" spans="1:7" x14ac:dyDescent="0.25">
      <c r="A517">
        <v>5</v>
      </c>
      <c r="B517">
        <v>160.61199999999999</v>
      </c>
      <c r="C517">
        <v>196.202</v>
      </c>
      <c r="D517">
        <v>2870.87</v>
      </c>
      <c r="E517">
        <v>3.6220500000000002</v>
      </c>
      <c r="F517">
        <v>4183.45</v>
      </c>
      <c r="G517">
        <v>28.847799999999999</v>
      </c>
    </row>
    <row r="518" spans="1:7" x14ac:dyDescent="0.25">
      <c r="A518">
        <v>5</v>
      </c>
      <c r="B518">
        <v>160.61199999999999</v>
      </c>
      <c r="C518">
        <v>213.84</v>
      </c>
      <c r="D518">
        <v>2335.4299999999998</v>
      </c>
      <c r="E518">
        <v>1.3307100000000001</v>
      </c>
      <c r="F518">
        <v>5313.69</v>
      </c>
      <c r="G518">
        <v>25.168900000000001</v>
      </c>
    </row>
    <row r="519" spans="1:7" x14ac:dyDescent="0.25">
      <c r="A519">
        <v>5</v>
      </c>
      <c r="B519">
        <v>160.61199999999999</v>
      </c>
      <c r="C519">
        <v>196.202</v>
      </c>
      <c r="D519">
        <v>2870.87</v>
      </c>
      <c r="E519">
        <v>3.6220500000000002</v>
      </c>
      <c r="F519">
        <v>4183.45</v>
      </c>
      <c r="G519">
        <v>28.847799999999999</v>
      </c>
    </row>
    <row r="520" spans="1:7" x14ac:dyDescent="0.25">
      <c r="A520">
        <v>5</v>
      </c>
      <c r="B520">
        <v>160.61199999999999</v>
      </c>
      <c r="C520">
        <v>213.84</v>
      </c>
      <c r="D520">
        <v>2335.4299999999998</v>
      </c>
      <c r="E520">
        <v>1.3307100000000001</v>
      </c>
      <c r="F520">
        <v>5313.69</v>
      </c>
      <c r="G520">
        <v>25.168900000000001</v>
      </c>
    </row>
    <row r="521" spans="1:7" x14ac:dyDescent="0.25">
      <c r="A521">
        <v>5</v>
      </c>
      <c r="B521">
        <v>137.935</v>
      </c>
      <c r="C521">
        <v>208.17099999999999</v>
      </c>
      <c r="D521">
        <v>7154.33</v>
      </c>
      <c r="E521">
        <v>3.90551</v>
      </c>
      <c r="F521">
        <v>8538.65</v>
      </c>
      <c r="G521">
        <v>17.1496</v>
      </c>
    </row>
    <row r="522" spans="1:7" x14ac:dyDescent="0.25">
      <c r="A522">
        <v>5</v>
      </c>
      <c r="B522">
        <v>174.47</v>
      </c>
      <c r="C522">
        <v>175.41499999999999</v>
      </c>
      <c r="D522">
        <v>7422.05</v>
      </c>
      <c r="E522">
        <v>3.8582700000000001</v>
      </c>
      <c r="F522">
        <v>3358.18</v>
      </c>
      <c r="G522">
        <v>106.91500000000001</v>
      </c>
    </row>
    <row r="523" spans="1:7" x14ac:dyDescent="0.25">
      <c r="A523">
        <v>5</v>
      </c>
      <c r="B523">
        <v>161.24199999999999</v>
      </c>
      <c r="C523">
        <v>198.72200000000001</v>
      </c>
      <c r="D523">
        <v>1800</v>
      </c>
      <c r="E523">
        <v>2.8425199999999999</v>
      </c>
      <c r="F523">
        <v>3588.18</v>
      </c>
      <c r="G523">
        <v>71.782499999999999</v>
      </c>
    </row>
    <row r="524" spans="1:7" x14ac:dyDescent="0.25">
      <c r="A524">
        <v>5</v>
      </c>
      <c r="B524">
        <v>145.494</v>
      </c>
      <c r="C524">
        <v>195.887</v>
      </c>
      <c r="D524">
        <v>5012.6000000000004</v>
      </c>
      <c r="E524">
        <v>3.3149600000000001</v>
      </c>
      <c r="F524">
        <v>6539.73</v>
      </c>
      <c r="G524">
        <v>21.848099999999999</v>
      </c>
    </row>
    <row r="525" spans="1:7" x14ac:dyDescent="0.25">
      <c r="A525">
        <v>5</v>
      </c>
      <c r="B525">
        <v>160.61199999999999</v>
      </c>
      <c r="C525">
        <v>200.61199999999999</v>
      </c>
      <c r="D525">
        <v>2870.87</v>
      </c>
      <c r="E525">
        <v>3.8110200000000001</v>
      </c>
      <c r="F525">
        <v>4242.51</v>
      </c>
      <c r="G525">
        <v>28.171600000000002</v>
      </c>
    </row>
    <row r="526" spans="1:7" x14ac:dyDescent="0.25">
      <c r="A526">
        <v>5</v>
      </c>
      <c r="B526">
        <v>160.61199999999999</v>
      </c>
      <c r="C526">
        <v>196.202</v>
      </c>
      <c r="D526">
        <v>2870.87</v>
      </c>
      <c r="E526">
        <v>3.6220500000000002</v>
      </c>
      <c r="F526">
        <v>4183.45</v>
      </c>
      <c r="G526">
        <v>28.847799999999999</v>
      </c>
    </row>
    <row r="527" spans="1:7" x14ac:dyDescent="0.25">
      <c r="A527">
        <v>5</v>
      </c>
      <c r="B527">
        <v>137.62</v>
      </c>
      <c r="C527">
        <v>197.77699999999999</v>
      </c>
      <c r="D527">
        <v>7154.33</v>
      </c>
      <c r="E527">
        <v>3.8818899999999998</v>
      </c>
      <c r="F527">
        <v>8594.08</v>
      </c>
      <c r="G527">
        <v>17.114599999999999</v>
      </c>
    </row>
    <row r="528" spans="1:7" x14ac:dyDescent="0.25">
      <c r="A528">
        <v>5</v>
      </c>
      <c r="B528">
        <v>163.131</v>
      </c>
      <c r="C528">
        <v>197.46199999999999</v>
      </c>
      <c r="D528">
        <v>3004.72</v>
      </c>
      <c r="E528">
        <v>2.20472</v>
      </c>
      <c r="F528">
        <v>4871.2700000000004</v>
      </c>
      <c r="G528">
        <v>25.2303</v>
      </c>
    </row>
    <row r="529" spans="1:7" x14ac:dyDescent="0.25">
      <c r="A529">
        <v>5</v>
      </c>
      <c r="B529">
        <v>135.41499999999999</v>
      </c>
      <c r="C529">
        <v>205.65100000000001</v>
      </c>
      <c r="D529">
        <v>7154.33</v>
      </c>
      <c r="E529">
        <v>3.2440899999999999</v>
      </c>
      <c r="F529">
        <v>8728.9699999999993</v>
      </c>
      <c r="G529">
        <v>13.9887</v>
      </c>
    </row>
    <row r="530" spans="1:7" x14ac:dyDescent="0.25">
      <c r="A530">
        <v>5</v>
      </c>
      <c r="B530">
        <v>173.21</v>
      </c>
      <c r="C530">
        <v>198.09200000000001</v>
      </c>
      <c r="D530">
        <v>7422.05</v>
      </c>
      <c r="E530">
        <v>3.8818899999999998</v>
      </c>
      <c r="F530">
        <v>3576</v>
      </c>
      <c r="G530">
        <v>106.724</v>
      </c>
    </row>
    <row r="531" spans="1:7" x14ac:dyDescent="0.25">
      <c r="A531">
        <v>5</v>
      </c>
      <c r="B531">
        <v>163.131</v>
      </c>
      <c r="C531">
        <v>197.46199999999999</v>
      </c>
      <c r="D531">
        <v>3004.72</v>
      </c>
      <c r="E531">
        <v>2.20472</v>
      </c>
      <c r="F531">
        <v>4871.2700000000004</v>
      </c>
      <c r="G531">
        <v>25.2303</v>
      </c>
    </row>
    <row r="532" spans="1:7" x14ac:dyDescent="0.25">
      <c r="A532">
        <v>5</v>
      </c>
      <c r="B532">
        <v>160.61199999999999</v>
      </c>
      <c r="C532">
        <v>196.202</v>
      </c>
      <c r="D532">
        <v>2870.87</v>
      </c>
      <c r="E532">
        <v>3.6220500000000002</v>
      </c>
      <c r="F532">
        <v>4183.45</v>
      </c>
      <c r="G532">
        <v>28.847799999999999</v>
      </c>
    </row>
    <row r="533" spans="1:7" x14ac:dyDescent="0.25">
      <c r="A533">
        <v>5</v>
      </c>
      <c r="B533">
        <v>135.41499999999999</v>
      </c>
      <c r="C533">
        <v>195.572</v>
      </c>
      <c r="D533">
        <v>7288.19</v>
      </c>
      <c r="E533">
        <v>1.2598400000000001</v>
      </c>
      <c r="F533">
        <v>10395.700000000001</v>
      </c>
      <c r="G533">
        <v>12.433299999999999</v>
      </c>
    </row>
    <row r="534" spans="1:7" x14ac:dyDescent="0.25">
      <c r="A534">
        <v>5</v>
      </c>
      <c r="B534">
        <v>137.935</v>
      </c>
      <c r="C534">
        <v>198.40700000000001</v>
      </c>
      <c r="D534">
        <v>7154.33</v>
      </c>
      <c r="E534">
        <v>3.8818899999999998</v>
      </c>
      <c r="F534">
        <v>8604.5499999999993</v>
      </c>
      <c r="G534">
        <v>17.0366</v>
      </c>
    </row>
    <row r="535" spans="1:7" x14ac:dyDescent="0.25">
      <c r="A535">
        <v>5</v>
      </c>
      <c r="B535">
        <v>156.202</v>
      </c>
      <c r="C535">
        <v>196.83199999999999</v>
      </c>
      <c r="D535">
        <v>3004.72</v>
      </c>
      <c r="E535">
        <v>1.54331</v>
      </c>
      <c r="F535">
        <v>5700.32</v>
      </c>
      <c r="G535">
        <v>22.826499999999999</v>
      </c>
    </row>
    <row r="536" spans="1:7" x14ac:dyDescent="0.25">
      <c r="A536">
        <v>5</v>
      </c>
      <c r="B536">
        <v>136.04499999999999</v>
      </c>
      <c r="C536">
        <v>197.46199999999999</v>
      </c>
      <c r="D536">
        <v>7154.33</v>
      </c>
      <c r="E536">
        <v>3.3149600000000001</v>
      </c>
      <c r="F536">
        <v>8612.81</v>
      </c>
      <c r="G536">
        <v>15.494</v>
      </c>
    </row>
    <row r="541" spans="1:7" x14ac:dyDescent="0.25">
      <c r="A541">
        <v>6</v>
      </c>
      <c r="B541">
        <v>136.04499999999999</v>
      </c>
      <c r="C541">
        <v>198.09200000000001</v>
      </c>
      <c r="D541">
        <v>6083.46</v>
      </c>
      <c r="E541">
        <v>2.5826799999999999</v>
      </c>
      <c r="F541">
        <v>8031.81</v>
      </c>
      <c r="G541">
        <v>21.354600000000001</v>
      </c>
    </row>
    <row r="542" spans="1:7" x14ac:dyDescent="0.25">
      <c r="A542">
        <v>6</v>
      </c>
      <c r="B542">
        <v>156.202</v>
      </c>
      <c r="C542">
        <v>196.83199999999999</v>
      </c>
      <c r="D542">
        <v>3004.72</v>
      </c>
      <c r="E542">
        <v>1.54331</v>
      </c>
      <c r="F542">
        <v>5700.32</v>
      </c>
      <c r="G542">
        <v>22.826499999999999</v>
      </c>
    </row>
    <row r="543" spans="1:7" x14ac:dyDescent="0.25">
      <c r="A543">
        <v>6</v>
      </c>
      <c r="B543">
        <v>160.61199999999999</v>
      </c>
      <c r="C543">
        <v>196.202</v>
      </c>
      <c r="D543">
        <v>2870.87</v>
      </c>
      <c r="E543">
        <v>3.6220500000000002</v>
      </c>
      <c r="F543">
        <v>4183.45</v>
      </c>
      <c r="G543">
        <v>28.847799999999999</v>
      </c>
    </row>
    <row r="544" spans="1:7" x14ac:dyDescent="0.25">
      <c r="A544">
        <v>6</v>
      </c>
      <c r="B544">
        <v>163.131</v>
      </c>
      <c r="C544">
        <v>197.46199999999999</v>
      </c>
      <c r="D544">
        <v>3004.72</v>
      </c>
      <c r="E544">
        <v>2.20472</v>
      </c>
      <c r="F544">
        <v>4871.2700000000004</v>
      </c>
      <c r="G544">
        <v>25.2303</v>
      </c>
    </row>
    <row r="545" spans="1:7" x14ac:dyDescent="0.25">
      <c r="A545">
        <v>6</v>
      </c>
      <c r="B545">
        <v>161.24199999999999</v>
      </c>
      <c r="C545">
        <v>198.72200000000001</v>
      </c>
      <c r="D545">
        <v>1800</v>
      </c>
      <c r="E545">
        <v>2.8425199999999999</v>
      </c>
      <c r="F545">
        <v>3588.18</v>
      </c>
      <c r="G545">
        <v>71.782499999999999</v>
      </c>
    </row>
    <row r="546" spans="1:7" x14ac:dyDescent="0.25">
      <c r="A546">
        <v>6</v>
      </c>
      <c r="B546">
        <v>156.202</v>
      </c>
      <c r="C546">
        <v>213.84</v>
      </c>
      <c r="D546">
        <v>1800</v>
      </c>
      <c r="E546">
        <v>2.8425199999999999</v>
      </c>
      <c r="F546">
        <v>3647.9</v>
      </c>
      <c r="G546">
        <v>82.457099999999997</v>
      </c>
    </row>
    <row r="547" spans="1:7" x14ac:dyDescent="0.25">
      <c r="A547">
        <v>6</v>
      </c>
      <c r="B547">
        <v>135.41499999999999</v>
      </c>
      <c r="C547">
        <v>205.65100000000001</v>
      </c>
      <c r="D547">
        <v>7288.19</v>
      </c>
      <c r="E547">
        <v>3.14961</v>
      </c>
      <c r="F547">
        <v>8822.52</v>
      </c>
      <c r="G547">
        <v>14.3718</v>
      </c>
    </row>
    <row r="548" spans="1:7" x14ac:dyDescent="0.25">
      <c r="A548">
        <v>6</v>
      </c>
      <c r="B548">
        <v>135.41499999999999</v>
      </c>
      <c r="C548">
        <v>206.28100000000001</v>
      </c>
      <c r="D548">
        <v>7154.33</v>
      </c>
      <c r="E548">
        <v>3.8110200000000001</v>
      </c>
      <c r="F548">
        <v>8586.14</v>
      </c>
      <c r="G548">
        <v>17.787299999999998</v>
      </c>
    </row>
    <row r="549" spans="1:7" x14ac:dyDescent="0.25">
      <c r="A549">
        <v>6</v>
      </c>
      <c r="B549">
        <v>168.17099999999999</v>
      </c>
      <c r="C549">
        <v>197.14699999999999</v>
      </c>
      <c r="D549">
        <v>2870.87</v>
      </c>
      <c r="E549">
        <v>3.8110200000000001</v>
      </c>
      <c r="F549">
        <v>3961.22</v>
      </c>
      <c r="G549">
        <v>50.840899999999998</v>
      </c>
    </row>
    <row r="550" spans="1:7" x14ac:dyDescent="0.25">
      <c r="A550">
        <v>6</v>
      </c>
      <c r="B550">
        <v>136.04499999999999</v>
      </c>
      <c r="C550">
        <v>196.83199999999999</v>
      </c>
      <c r="D550">
        <v>1800</v>
      </c>
      <c r="E550">
        <v>1.1653500000000001</v>
      </c>
      <c r="F550">
        <v>5509.6</v>
      </c>
      <c r="G550">
        <v>84.482100000000003</v>
      </c>
    </row>
    <row r="551" spans="1:7" x14ac:dyDescent="0.25">
      <c r="A551">
        <v>6</v>
      </c>
      <c r="B551">
        <v>135.41499999999999</v>
      </c>
      <c r="C551">
        <v>197.46199999999999</v>
      </c>
      <c r="D551">
        <v>7154.33</v>
      </c>
      <c r="E551">
        <v>3.0551200000000001</v>
      </c>
      <c r="F551">
        <v>8749.24</v>
      </c>
      <c r="G551">
        <v>15.751099999999999</v>
      </c>
    </row>
    <row r="552" spans="1:7" x14ac:dyDescent="0.25">
      <c r="A552">
        <v>6</v>
      </c>
      <c r="B552">
        <v>158.09200000000001</v>
      </c>
      <c r="C552">
        <v>195.572</v>
      </c>
      <c r="D552">
        <v>7288.19</v>
      </c>
      <c r="E552">
        <v>2.9606300000000001</v>
      </c>
      <c r="F552">
        <v>8779.7000000000007</v>
      </c>
      <c r="G552">
        <v>57.640999999999998</v>
      </c>
    </row>
    <row r="553" spans="1:7" x14ac:dyDescent="0.25">
      <c r="A553">
        <v>6</v>
      </c>
      <c r="B553">
        <v>171.32</v>
      </c>
      <c r="C553">
        <v>202.50200000000001</v>
      </c>
      <c r="D553">
        <v>2870.87</v>
      </c>
      <c r="E553">
        <v>2.65354</v>
      </c>
      <c r="F553">
        <v>4131</v>
      </c>
      <c r="G553">
        <v>85.126000000000005</v>
      </c>
    </row>
    <row r="554" spans="1:7" x14ac:dyDescent="0.25">
      <c r="A554">
        <v>6</v>
      </c>
      <c r="B554">
        <v>158.09200000000001</v>
      </c>
      <c r="C554">
        <v>198.09200000000001</v>
      </c>
      <c r="D554">
        <v>7288.19</v>
      </c>
      <c r="E554">
        <v>2.0157500000000002</v>
      </c>
      <c r="F554">
        <v>9505.3700000000008</v>
      </c>
      <c r="G554">
        <v>32.338799999999999</v>
      </c>
    </row>
    <row r="555" spans="1:7" x14ac:dyDescent="0.25">
      <c r="A555">
        <v>6</v>
      </c>
      <c r="B555">
        <v>135.41499999999999</v>
      </c>
      <c r="C555">
        <v>197.46199999999999</v>
      </c>
      <c r="D555">
        <v>7288.19</v>
      </c>
      <c r="E555">
        <v>3.0551200000000001</v>
      </c>
      <c r="F555">
        <v>8865.6299999999992</v>
      </c>
      <c r="G555">
        <v>14.6426</v>
      </c>
    </row>
    <row r="556" spans="1:7" x14ac:dyDescent="0.25">
      <c r="A556">
        <v>6</v>
      </c>
      <c r="B556">
        <v>155.572</v>
      </c>
      <c r="C556">
        <v>199.667</v>
      </c>
      <c r="D556">
        <v>2870.87</v>
      </c>
      <c r="E556">
        <v>3.0314999999999999</v>
      </c>
      <c r="F556">
        <v>4683.55</v>
      </c>
      <c r="G556">
        <v>35.698900000000002</v>
      </c>
    </row>
    <row r="557" spans="1:7" x14ac:dyDescent="0.25">
      <c r="A557">
        <v>6</v>
      </c>
      <c r="B557">
        <v>160.61199999999999</v>
      </c>
      <c r="C557">
        <v>198.72200000000001</v>
      </c>
      <c r="D557">
        <v>2870.87</v>
      </c>
      <c r="E557">
        <v>2.8425199999999999</v>
      </c>
      <c r="F557">
        <v>4523.75</v>
      </c>
      <c r="G557">
        <v>35.036099999999998</v>
      </c>
    </row>
    <row r="558" spans="1:7" x14ac:dyDescent="0.25">
      <c r="A558">
        <v>6</v>
      </c>
      <c r="B558">
        <v>156.202</v>
      </c>
      <c r="C558">
        <v>198.72200000000001</v>
      </c>
      <c r="D558">
        <v>7154.33</v>
      </c>
      <c r="E558">
        <v>2.74803</v>
      </c>
      <c r="F558">
        <v>8707.08</v>
      </c>
      <c r="G558">
        <v>34.154200000000003</v>
      </c>
    </row>
    <row r="559" spans="1:7" x14ac:dyDescent="0.25">
      <c r="A559">
        <v>6</v>
      </c>
      <c r="B559">
        <v>140.45400000000001</v>
      </c>
      <c r="C559">
        <v>196.83199999999999</v>
      </c>
      <c r="D559">
        <v>2870.87</v>
      </c>
      <c r="E559">
        <v>3.8110200000000001</v>
      </c>
      <c r="F559">
        <v>4573.7700000000004</v>
      </c>
      <c r="G559">
        <v>102.616</v>
      </c>
    </row>
    <row r="560" spans="1:7" x14ac:dyDescent="0.25">
      <c r="A560">
        <v>6</v>
      </c>
      <c r="B560">
        <v>168.17099999999999</v>
      </c>
      <c r="C560">
        <v>197.46199999999999</v>
      </c>
      <c r="D560">
        <v>3138.58</v>
      </c>
      <c r="E560">
        <v>2.20472</v>
      </c>
      <c r="F560">
        <v>4909.4399999999996</v>
      </c>
      <c r="G560">
        <v>92.132099999999994</v>
      </c>
    </row>
    <row r="561" spans="1:7" x14ac:dyDescent="0.25">
      <c r="A561">
        <v>6</v>
      </c>
      <c r="B561">
        <v>160.61199999999999</v>
      </c>
      <c r="C561">
        <v>200.61199999999999</v>
      </c>
      <c r="D561">
        <v>3004.72</v>
      </c>
      <c r="E561">
        <v>3.8110200000000001</v>
      </c>
      <c r="F561">
        <v>4219.75</v>
      </c>
      <c r="G561">
        <v>27.2697</v>
      </c>
    </row>
    <row r="562" spans="1:7" x14ac:dyDescent="0.25">
      <c r="A562">
        <v>6</v>
      </c>
      <c r="B562">
        <v>136.04499999999999</v>
      </c>
      <c r="C562">
        <v>198.09200000000001</v>
      </c>
      <c r="D562">
        <v>7154.33</v>
      </c>
      <c r="E562">
        <v>2.7716500000000002</v>
      </c>
      <c r="F562">
        <v>8994.7900000000009</v>
      </c>
      <c r="G562">
        <v>14.3866</v>
      </c>
    </row>
    <row r="563" spans="1:7" x14ac:dyDescent="0.25">
      <c r="A563">
        <v>6</v>
      </c>
      <c r="B563">
        <v>155.572</v>
      </c>
      <c r="C563">
        <v>195.572</v>
      </c>
      <c r="D563">
        <v>3004.72</v>
      </c>
      <c r="E563">
        <v>1.54331</v>
      </c>
      <c r="F563">
        <v>5510.73</v>
      </c>
      <c r="G563">
        <v>25.675699999999999</v>
      </c>
    </row>
    <row r="564" spans="1:7" x14ac:dyDescent="0.25">
      <c r="A564">
        <v>6</v>
      </c>
      <c r="B564">
        <v>155.572</v>
      </c>
      <c r="C564">
        <v>200.61199999999999</v>
      </c>
      <c r="D564">
        <v>2870.87</v>
      </c>
      <c r="E564">
        <v>2.9606300000000001</v>
      </c>
      <c r="F564">
        <v>4710.5600000000004</v>
      </c>
      <c r="G564">
        <v>35.869399999999999</v>
      </c>
    </row>
    <row r="565" spans="1:7" x14ac:dyDescent="0.25">
      <c r="A565">
        <v>6</v>
      </c>
      <c r="B565">
        <v>155.572</v>
      </c>
      <c r="C565">
        <v>196.202</v>
      </c>
      <c r="D565">
        <v>1933.86</v>
      </c>
      <c r="E565">
        <v>1.54331</v>
      </c>
      <c r="F565">
        <v>4819.1400000000003</v>
      </c>
      <c r="G565">
        <v>60.775500000000001</v>
      </c>
    </row>
    <row r="566" spans="1:7" x14ac:dyDescent="0.25">
      <c r="A566">
        <v>6</v>
      </c>
      <c r="B566">
        <v>135.41499999999999</v>
      </c>
      <c r="C566">
        <v>195.572</v>
      </c>
      <c r="D566">
        <v>2870.87</v>
      </c>
      <c r="E566">
        <v>4</v>
      </c>
      <c r="F566">
        <v>4692.74</v>
      </c>
      <c r="G566">
        <v>118.658</v>
      </c>
    </row>
    <row r="567" spans="1:7" x14ac:dyDescent="0.25">
      <c r="A567">
        <v>6</v>
      </c>
      <c r="B567">
        <v>135.41499999999999</v>
      </c>
      <c r="C567">
        <v>196.202</v>
      </c>
      <c r="D567">
        <v>7154.33</v>
      </c>
      <c r="E567">
        <v>1.6377999999999999</v>
      </c>
      <c r="F567">
        <v>9533.4500000000007</v>
      </c>
      <c r="G567">
        <v>14.1493</v>
      </c>
    </row>
    <row r="568" spans="1:7" x14ac:dyDescent="0.25">
      <c r="A568">
        <v>6</v>
      </c>
      <c r="B568">
        <v>163.761</v>
      </c>
      <c r="C568">
        <v>197.46199999999999</v>
      </c>
      <c r="D568">
        <v>3004.72</v>
      </c>
      <c r="E568">
        <v>1.54331</v>
      </c>
      <c r="F568">
        <v>5336.53</v>
      </c>
      <c r="G568">
        <v>69.167299999999997</v>
      </c>
    </row>
    <row r="569" spans="1:7" x14ac:dyDescent="0.25">
      <c r="A569">
        <v>6</v>
      </c>
      <c r="B569">
        <v>173.21</v>
      </c>
      <c r="C569">
        <v>196.202</v>
      </c>
      <c r="D569">
        <v>3406.3</v>
      </c>
      <c r="E569">
        <v>2.4645700000000001</v>
      </c>
      <c r="F569">
        <v>3832.02</v>
      </c>
      <c r="G569">
        <v>112.518</v>
      </c>
    </row>
    <row r="570" spans="1:7" x14ac:dyDescent="0.25">
      <c r="A570">
        <v>6</v>
      </c>
      <c r="B570">
        <v>170.691</v>
      </c>
      <c r="C570">
        <v>196.202</v>
      </c>
      <c r="D570">
        <v>2870.87</v>
      </c>
      <c r="E570">
        <v>3.6220500000000002</v>
      </c>
      <c r="F570">
        <v>3937.77</v>
      </c>
      <c r="G570">
        <v>105.018</v>
      </c>
    </row>
    <row r="571" spans="1:7" x14ac:dyDescent="0.25">
      <c r="A571">
        <v>6</v>
      </c>
      <c r="B571">
        <v>155.572</v>
      </c>
      <c r="C571">
        <v>195.887</v>
      </c>
      <c r="D571">
        <v>2870.87</v>
      </c>
      <c r="E571">
        <v>2.8425199999999999</v>
      </c>
      <c r="F571">
        <v>4758.7</v>
      </c>
      <c r="G571">
        <v>36.097799999999999</v>
      </c>
    </row>
    <row r="572" spans="1:7" x14ac:dyDescent="0.25">
      <c r="A572">
        <v>6</v>
      </c>
      <c r="B572">
        <v>136.04499999999999</v>
      </c>
      <c r="C572">
        <v>195.572</v>
      </c>
      <c r="D572">
        <v>6083.46</v>
      </c>
      <c r="E572">
        <v>3.3385799999999999</v>
      </c>
      <c r="F572">
        <v>7658.11</v>
      </c>
      <c r="G572">
        <v>32.505200000000002</v>
      </c>
    </row>
    <row r="573" spans="1:7" x14ac:dyDescent="0.25">
      <c r="A573">
        <v>6</v>
      </c>
      <c r="B573">
        <v>155.572</v>
      </c>
      <c r="C573">
        <v>196.202</v>
      </c>
      <c r="D573">
        <v>7288.19</v>
      </c>
      <c r="E573">
        <v>1.2362200000000001</v>
      </c>
      <c r="F573">
        <v>9838.67</v>
      </c>
      <c r="G573">
        <v>38.270400000000002</v>
      </c>
    </row>
    <row r="574" spans="1:7" x14ac:dyDescent="0.25">
      <c r="A574">
        <v>6</v>
      </c>
      <c r="B574">
        <v>136.04499999999999</v>
      </c>
      <c r="C574">
        <v>197.46199999999999</v>
      </c>
      <c r="D574">
        <v>2870.87</v>
      </c>
      <c r="E574">
        <v>1.51969</v>
      </c>
      <c r="F574">
        <v>5975.91</v>
      </c>
      <c r="G574">
        <v>76.675299999999993</v>
      </c>
    </row>
    <row r="575" spans="1:7" x14ac:dyDescent="0.25">
      <c r="A575">
        <v>6</v>
      </c>
      <c r="B575">
        <v>136.04499999999999</v>
      </c>
      <c r="C575">
        <v>197.46199999999999</v>
      </c>
      <c r="D575">
        <v>7154.33</v>
      </c>
      <c r="E575">
        <v>3.3149600000000001</v>
      </c>
      <c r="F575">
        <v>8612.81</v>
      </c>
      <c r="G575">
        <v>15.494</v>
      </c>
    </row>
    <row r="576" spans="1:7" x14ac:dyDescent="0.25">
      <c r="A576">
        <v>6</v>
      </c>
      <c r="B576">
        <v>142.97399999999999</v>
      </c>
      <c r="C576">
        <v>210.06100000000001</v>
      </c>
      <c r="D576">
        <v>7288.19</v>
      </c>
      <c r="E576">
        <v>2.3936999999999999</v>
      </c>
      <c r="F576">
        <v>9214.0400000000009</v>
      </c>
      <c r="G576">
        <v>23.4618</v>
      </c>
    </row>
    <row r="577" spans="1:7" x14ac:dyDescent="0.25">
      <c r="A577">
        <v>6</v>
      </c>
      <c r="B577">
        <v>160.61199999999999</v>
      </c>
      <c r="C577">
        <v>197.46199999999999</v>
      </c>
      <c r="D577">
        <v>3004.72</v>
      </c>
      <c r="E577">
        <v>1.54331</v>
      </c>
      <c r="F577">
        <v>5346.85</v>
      </c>
      <c r="G577">
        <v>38.192100000000003</v>
      </c>
    </row>
    <row r="578" spans="1:7" x14ac:dyDescent="0.25">
      <c r="A578">
        <v>6</v>
      </c>
      <c r="B578">
        <v>163.131</v>
      </c>
      <c r="C578">
        <v>197.46199999999999</v>
      </c>
      <c r="D578">
        <v>3004.72</v>
      </c>
      <c r="E578">
        <v>2.20472</v>
      </c>
      <c r="F578">
        <v>4871.2700000000004</v>
      </c>
      <c r="G578">
        <v>25.2303</v>
      </c>
    </row>
    <row r="579" spans="1:7" x14ac:dyDescent="0.25">
      <c r="A579">
        <v>6</v>
      </c>
      <c r="B579">
        <v>135.41499999999999</v>
      </c>
      <c r="C579">
        <v>206.28100000000001</v>
      </c>
      <c r="D579">
        <v>5012.6000000000004</v>
      </c>
      <c r="E579">
        <v>3.2440899999999999</v>
      </c>
      <c r="F579">
        <v>6672.69</v>
      </c>
      <c r="G579">
        <v>52.480400000000003</v>
      </c>
    </row>
    <row r="580" spans="1:7" x14ac:dyDescent="0.25">
      <c r="A580">
        <v>6</v>
      </c>
      <c r="B580">
        <v>161.24199999999999</v>
      </c>
      <c r="C580">
        <v>197.46199999999999</v>
      </c>
      <c r="D580">
        <v>2870.87</v>
      </c>
      <c r="E580">
        <v>2.29921</v>
      </c>
      <c r="F580">
        <v>4837.87</v>
      </c>
      <c r="G580">
        <v>56.912300000000002</v>
      </c>
    </row>
    <row r="581" spans="1:7" x14ac:dyDescent="0.25">
      <c r="A581">
        <v>6</v>
      </c>
      <c r="B581">
        <v>160.61199999999999</v>
      </c>
      <c r="C581">
        <v>195.572</v>
      </c>
      <c r="D581">
        <v>2870.87</v>
      </c>
      <c r="E581">
        <v>3.0551200000000001</v>
      </c>
      <c r="F581">
        <v>4387.93</v>
      </c>
      <c r="G581">
        <v>32.828600000000002</v>
      </c>
    </row>
    <row r="582" spans="1:7" x14ac:dyDescent="0.25">
      <c r="A582">
        <v>6</v>
      </c>
      <c r="B582">
        <v>156.202</v>
      </c>
      <c r="C582">
        <v>196.83199999999999</v>
      </c>
      <c r="D582">
        <v>2067.7199999999998</v>
      </c>
      <c r="E582">
        <v>3.0314999999999999</v>
      </c>
      <c r="F582">
        <v>3854.72</v>
      </c>
      <c r="G582">
        <v>67.567499999999995</v>
      </c>
    </row>
    <row r="583" spans="1:7" x14ac:dyDescent="0.25">
      <c r="A583">
        <v>6</v>
      </c>
      <c r="B583">
        <v>140.45400000000001</v>
      </c>
      <c r="C583">
        <v>208.80099999999999</v>
      </c>
      <c r="D583">
        <v>7154.33</v>
      </c>
      <c r="E583">
        <v>3.0314999999999999</v>
      </c>
      <c r="F583">
        <v>8764.9</v>
      </c>
      <c r="G583">
        <v>18.722100000000001</v>
      </c>
    </row>
    <row r="584" spans="1:7" x14ac:dyDescent="0.25">
      <c r="A584">
        <v>6</v>
      </c>
      <c r="B584">
        <v>155.572</v>
      </c>
      <c r="C584">
        <v>196.83199999999999</v>
      </c>
      <c r="D584">
        <v>3004.72</v>
      </c>
      <c r="E584">
        <v>1.35433</v>
      </c>
      <c r="F584">
        <v>5728.42</v>
      </c>
      <c r="G584">
        <v>32.310099999999998</v>
      </c>
    </row>
    <row r="585" spans="1:7" x14ac:dyDescent="0.25">
      <c r="A585">
        <v>6</v>
      </c>
      <c r="B585">
        <v>135.41499999999999</v>
      </c>
      <c r="C585">
        <v>201.24199999999999</v>
      </c>
      <c r="D585">
        <v>7154.33</v>
      </c>
      <c r="E585">
        <v>2.8661400000000001</v>
      </c>
      <c r="F585">
        <v>8885.1200000000008</v>
      </c>
      <c r="G585">
        <v>14.049099999999999</v>
      </c>
    </row>
    <row r="586" spans="1:7" x14ac:dyDescent="0.25">
      <c r="A586">
        <v>6</v>
      </c>
      <c r="B586">
        <v>160.61199999999999</v>
      </c>
      <c r="C586">
        <v>196.202</v>
      </c>
      <c r="D586">
        <v>2870.87</v>
      </c>
      <c r="E586">
        <v>4</v>
      </c>
      <c r="F586">
        <v>4101.1499999999996</v>
      </c>
      <c r="G586">
        <v>27.514500000000002</v>
      </c>
    </row>
    <row r="587" spans="1:7" x14ac:dyDescent="0.25">
      <c r="A587">
        <v>6</v>
      </c>
      <c r="B587">
        <v>135.41499999999999</v>
      </c>
      <c r="C587">
        <v>196.202</v>
      </c>
      <c r="D587">
        <v>7154.33</v>
      </c>
      <c r="E587">
        <v>2.7716500000000002</v>
      </c>
      <c r="F587">
        <v>8961.17</v>
      </c>
      <c r="G587">
        <v>14.0649</v>
      </c>
    </row>
    <row r="588" spans="1:7" x14ac:dyDescent="0.25">
      <c r="A588">
        <v>6</v>
      </c>
      <c r="B588">
        <v>135.41499999999999</v>
      </c>
      <c r="C588">
        <v>195.572</v>
      </c>
      <c r="D588">
        <v>7154.33</v>
      </c>
      <c r="E588">
        <v>2.3936999999999999</v>
      </c>
      <c r="F588">
        <v>9073.94</v>
      </c>
      <c r="G588">
        <v>14.130699999999999</v>
      </c>
    </row>
    <row r="589" spans="1:7" x14ac:dyDescent="0.25">
      <c r="A589">
        <v>6</v>
      </c>
      <c r="B589">
        <v>160.61199999999999</v>
      </c>
      <c r="C589">
        <v>197.46199999999999</v>
      </c>
      <c r="D589">
        <v>3004.72</v>
      </c>
      <c r="E589">
        <v>2.20472</v>
      </c>
      <c r="F589">
        <v>4934.26</v>
      </c>
      <c r="G589">
        <v>60.9649</v>
      </c>
    </row>
    <row r="590" spans="1:7" x14ac:dyDescent="0.25">
      <c r="A590">
        <v>6</v>
      </c>
      <c r="B590">
        <v>141.084</v>
      </c>
      <c r="C590">
        <v>197.46199999999999</v>
      </c>
      <c r="D590">
        <v>7154.33</v>
      </c>
      <c r="E590">
        <v>3.6929099999999999</v>
      </c>
      <c r="F590">
        <v>8594.9500000000007</v>
      </c>
      <c r="G590">
        <v>19.6477</v>
      </c>
    </row>
    <row r="591" spans="1:7" x14ac:dyDescent="0.25">
      <c r="A591">
        <v>6</v>
      </c>
      <c r="B591">
        <v>137.935</v>
      </c>
      <c r="C591">
        <v>208.17099999999999</v>
      </c>
      <c r="D591">
        <v>7154.33</v>
      </c>
      <c r="E591">
        <v>3.90551</v>
      </c>
      <c r="F591">
        <v>8538.65</v>
      </c>
      <c r="G591">
        <v>17.1496</v>
      </c>
    </row>
    <row r="592" spans="1:7" x14ac:dyDescent="0.25">
      <c r="A592">
        <v>6</v>
      </c>
      <c r="B592">
        <v>136.04499999999999</v>
      </c>
      <c r="C592">
        <v>200.61199999999999</v>
      </c>
      <c r="D592">
        <v>7154.33</v>
      </c>
      <c r="E592">
        <v>2.5826799999999999</v>
      </c>
      <c r="F592">
        <v>8921.31</v>
      </c>
      <c r="G592">
        <v>14.390700000000001</v>
      </c>
    </row>
    <row r="593" spans="1:7" x14ac:dyDescent="0.25">
      <c r="A593">
        <v>6</v>
      </c>
      <c r="B593">
        <v>136.04499999999999</v>
      </c>
      <c r="C593">
        <v>195.572</v>
      </c>
      <c r="D593">
        <v>6083.46</v>
      </c>
      <c r="E593">
        <v>1.1653500000000001</v>
      </c>
      <c r="F593">
        <v>9446.7000000000007</v>
      </c>
      <c r="G593">
        <v>11.3193</v>
      </c>
    </row>
    <row r="594" spans="1:7" x14ac:dyDescent="0.25">
      <c r="A594">
        <v>6</v>
      </c>
      <c r="B594">
        <v>170.691</v>
      </c>
      <c r="C594">
        <v>210.691</v>
      </c>
      <c r="D594">
        <v>2870.87</v>
      </c>
      <c r="E594">
        <v>4</v>
      </c>
      <c r="F594">
        <v>3906.05</v>
      </c>
      <c r="G594">
        <v>104.16500000000001</v>
      </c>
    </row>
    <row r="595" spans="1:7" x14ac:dyDescent="0.25">
      <c r="A595">
        <v>6</v>
      </c>
      <c r="B595">
        <v>160.61199999999999</v>
      </c>
      <c r="C595">
        <v>196.202</v>
      </c>
      <c r="D595">
        <v>2870.87</v>
      </c>
      <c r="E595">
        <v>3.4330699999999998</v>
      </c>
      <c r="F595">
        <v>4235.12</v>
      </c>
      <c r="G595">
        <v>29.4831</v>
      </c>
    </row>
    <row r="596" spans="1:7" x14ac:dyDescent="0.25">
      <c r="A596">
        <v>6</v>
      </c>
      <c r="B596">
        <v>137.935</v>
      </c>
      <c r="C596">
        <v>210.06100000000001</v>
      </c>
      <c r="D596">
        <v>7154.33</v>
      </c>
      <c r="E596">
        <v>3.6692900000000002</v>
      </c>
      <c r="F596">
        <v>8491.42</v>
      </c>
      <c r="G596">
        <v>15.9948</v>
      </c>
    </row>
    <row r="597" spans="1:7" x14ac:dyDescent="0.25">
      <c r="A597">
        <v>6</v>
      </c>
      <c r="B597">
        <v>173.21</v>
      </c>
      <c r="C597">
        <v>196.202</v>
      </c>
      <c r="D597">
        <v>2870.87</v>
      </c>
      <c r="E597">
        <v>3.7165400000000002</v>
      </c>
      <c r="F597">
        <v>3575.8</v>
      </c>
      <c r="G597">
        <v>107.276</v>
      </c>
    </row>
    <row r="598" spans="1:7" x14ac:dyDescent="0.25">
      <c r="A598">
        <v>6</v>
      </c>
      <c r="B598">
        <v>156.202</v>
      </c>
      <c r="C598">
        <v>197.14699999999999</v>
      </c>
      <c r="D598">
        <v>1800</v>
      </c>
      <c r="E598">
        <v>3.2204700000000002</v>
      </c>
      <c r="F598">
        <v>3648.7</v>
      </c>
      <c r="G598">
        <v>90.058700000000002</v>
      </c>
    </row>
    <row r="599" spans="1:7" x14ac:dyDescent="0.25">
      <c r="A599">
        <v>6</v>
      </c>
      <c r="B599">
        <v>163.131</v>
      </c>
      <c r="C599">
        <v>197.46199999999999</v>
      </c>
      <c r="D599">
        <v>3004.72</v>
      </c>
      <c r="E599">
        <v>2.20472</v>
      </c>
      <c r="F599">
        <v>4871.2700000000004</v>
      </c>
      <c r="G599">
        <v>25.2303</v>
      </c>
    </row>
    <row r="600" spans="1:7" x14ac:dyDescent="0.25">
      <c r="A600">
        <v>6</v>
      </c>
      <c r="B600">
        <v>156.202</v>
      </c>
      <c r="C600">
        <v>195.572</v>
      </c>
      <c r="D600">
        <v>3004.72</v>
      </c>
      <c r="E600">
        <v>1.6377999999999999</v>
      </c>
      <c r="F600">
        <v>5544</v>
      </c>
      <c r="G600">
        <v>23.644500000000001</v>
      </c>
    </row>
    <row r="601" spans="1:7" x14ac:dyDescent="0.25">
      <c r="A601">
        <v>6</v>
      </c>
      <c r="B601">
        <v>166.28100000000001</v>
      </c>
      <c r="C601">
        <v>195.572</v>
      </c>
      <c r="D601">
        <v>7288.19</v>
      </c>
      <c r="E601">
        <v>1.02362</v>
      </c>
      <c r="F601">
        <v>7152.81</v>
      </c>
      <c r="G601">
        <v>19.911000000000001</v>
      </c>
    </row>
    <row r="602" spans="1:7" x14ac:dyDescent="0.25">
      <c r="A602">
        <v>6</v>
      </c>
      <c r="B602">
        <v>136.04499999999999</v>
      </c>
      <c r="C602">
        <v>210.691</v>
      </c>
      <c r="D602">
        <v>7154.33</v>
      </c>
      <c r="E602">
        <v>3.2440899999999999</v>
      </c>
      <c r="F602">
        <v>8654.58</v>
      </c>
      <c r="G602">
        <v>14.382300000000001</v>
      </c>
    </row>
    <row r="603" spans="1:7" x14ac:dyDescent="0.25">
      <c r="A603">
        <v>6</v>
      </c>
      <c r="B603">
        <v>136.04499999999999</v>
      </c>
      <c r="C603">
        <v>210.691</v>
      </c>
      <c r="D603">
        <v>7154.33</v>
      </c>
      <c r="E603">
        <v>3.2440899999999999</v>
      </c>
      <c r="F603">
        <v>8654.58</v>
      </c>
      <c r="G603">
        <v>14.382300000000001</v>
      </c>
    </row>
    <row r="604" spans="1:7" x14ac:dyDescent="0.25">
      <c r="A604">
        <v>6</v>
      </c>
      <c r="B604">
        <v>174.47</v>
      </c>
      <c r="C604">
        <v>175.41499999999999</v>
      </c>
      <c r="D604">
        <v>7422.05</v>
      </c>
      <c r="E604">
        <v>3.8582700000000001</v>
      </c>
      <c r="F604">
        <v>3358.18</v>
      </c>
      <c r="G604">
        <v>106.91500000000001</v>
      </c>
    </row>
    <row r="605" spans="1:7" x14ac:dyDescent="0.25">
      <c r="A605">
        <v>6</v>
      </c>
      <c r="B605">
        <v>168.17099999999999</v>
      </c>
      <c r="C605">
        <v>197.14699999999999</v>
      </c>
      <c r="D605">
        <v>2870.87</v>
      </c>
      <c r="E605">
        <v>3.8110200000000001</v>
      </c>
      <c r="F605">
        <v>3961.22</v>
      </c>
      <c r="G605">
        <v>50.840899999999998</v>
      </c>
    </row>
    <row r="606" spans="1:7" x14ac:dyDescent="0.25">
      <c r="A606">
        <v>6</v>
      </c>
      <c r="B606">
        <v>161.24199999999999</v>
      </c>
      <c r="C606">
        <v>198.72200000000001</v>
      </c>
      <c r="D606">
        <v>1800</v>
      </c>
      <c r="E606">
        <v>2.8425199999999999</v>
      </c>
      <c r="F606">
        <v>3588.18</v>
      </c>
      <c r="G606">
        <v>71.782499999999999</v>
      </c>
    </row>
    <row r="607" spans="1:7" x14ac:dyDescent="0.25">
      <c r="A607">
        <v>6</v>
      </c>
      <c r="B607">
        <v>160.61199999999999</v>
      </c>
      <c r="C607">
        <v>196.202</v>
      </c>
      <c r="D607">
        <v>2870.87</v>
      </c>
      <c r="E607">
        <v>4</v>
      </c>
      <c r="F607">
        <v>4101.1499999999996</v>
      </c>
      <c r="G607">
        <v>27.514500000000002</v>
      </c>
    </row>
    <row r="608" spans="1:7" x14ac:dyDescent="0.25">
      <c r="A608">
        <v>6</v>
      </c>
      <c r="B608">
        <v>160.61199999999999</v>
      </c>
      <c r="C608">
        <v>213.84</v>
      </c>
      <c r="D608">
        <v>2335.4299999999998</v>
      </c>
      <c r="E608">
        <v>1.3307100000000001</v>
      </c>
      <c r="F608">
        <v>5313.69</v>
      </c>
      <c r="G608">
        <v>25.168900000000001</v>
      </c>
    </row>
    <row r="609" spans="1:7" x14ac:dyDescent="0.25">
      <c r="A609">
        <v>6</v>
      </c>
      <c r="B609">
        <v>160.61199999999999</v>
      </c>
      <c r="C609">
        <v>196.202</v>
      </c>
      <c r="D609">
        <v>2870.87</v>
      </c>
      <c r="E609">
        <v>4</v>
      </c>
      <c r="F609">
        <v>4101.1499999999996</v>
      </c>
      <c r="G609">
        <v>27.514500000000002</v>
      </c>
    </row>
    <row r="610" spans="1:7" x14ac:dyDescent="0.25">
      <c r="A610">
        <v>6</v>
      </c>
      <c r="B610">
        <v>160.61199999999999</v>
      </c>
      <c r="C610">
        <v>213.84</v>
      </c>
      <c r="D610">
        <v>2335.4299999999998</v>
      </c>
      <c r="E610">
        <v>1.3307100000000001</v>
      </c>
      <c r="F610">
        <v>5313.69</v>
      </c>
      <c r="G610">
        <v>25.168900000000001</v>
      </c>
    </row>
    <row r="611" spans="1:7" x14ac:dyDescent="0.25">
      <c r="A611">
        <v>6</v>
      </c>
      <c r="B611">
        <v>137.935</v>
      </c>
      <c r="C611">
        <v>210.06100000000001</v>
      </c>
      <c r="D611">
        <v>7154.33</v>
      </c>
      <c r="E611">
        <v>3.6692900000000002</v>
      </c>
      <c r="F611">
        <v>8491.42</v>
      </c>
      <c r="G611">
        <v>15.9948</v>
      </c>
    </row>
    <row r="612" spans="1:7" x14ac:dyDescent="0.25">
      <c r="A612">
        <v>6</v>
      </c>
      <c r="B612">
        <v>174.47</v>
      </c>
      <c r="C612">
        <v>175.41499999999999</v>
      </c>
      <c r="D612">
        <v>7422.05</v>
      </c>
      <c r="E612">
        <v>3.8582700000000001</v>
      </c>
      <c r="F612">
        <v>3358.18</v>
      </c>
      <c r="G612">
        <v>106.91500000000001</v>
      </c>
    </row>
    <row r="613" spans="1:7" x14ac:dyDescent="0.25">
      <c r="A613">
        <v>6</v>
      </c>
      <c r="B613">
        <v>161.24199999999999</v>
      </c>
      <c r="C613">
        <v>198.72200000000001</v>
      </c>
      <c r="D613">
        <v>1800</v>
      </c>
      <c r="E613">
        <v>2.8425199999999999</v>
      </c>
      <c r="F613">
        <v>3588.18</v>
      </c>
      <c r="G613">
        <v>71.782499999999999</v>
      </c>
    </row>
    <row r="614" spans="1:7" x14ac:dyDescent="0.25">
      <c r="A614">
        <v>6</v>
      </c>
      <c r="B614">
        <v>145.494</v>
      </c>
      <c r="C614">
        <v>195.887</v>
      </c>
      <c r="D614">
        <v>5012.6000000000004</v>
      </c>
      <c r="E614">
        <v>3.3149600000000001</v>
      </c>
      <c r="F614">
        <v>6539.73</v>
      </c>
      <c r="G614">
        <v>21.848099999999999</v>
      </c>
    </row>
    <row r="615" spans="1:7" x14ac:dyDescent="0.25">
      <c r="A615">
        <v>6</v>
      </c>
      <c r="B615">
        <v>160.61199999999999</v>
      </c>
      <c r="C615">
        <v>200.61199999999999</v>
      </c>
      <c r="D615">
        <v>3004.72</v>
      </c>
      <c r="E615">
        <v>3.8110200000000001</v>
      </c>
      <c r="F615">
        <v>4219.75</v>
      </c>
      <c r="G615">
        <v>27.2697</v>
      </c>
    </row>
    <row r="616" spans="1:7" x14ac:dyDescent="0.25">
      <c r="A616">
        <v>6</v>
      </c>
      <c r="B616">
        <v>160.61199999999999</v>
      </c>
      <c r="C616">
        <v>196.202</v>
      </c>
      <c r="D616">
        <v>2870.87</v>
      </c>
      <c r="E616">
        <v>4</v>
      </c>
      <c r="F616">
        <v>4101.1499999999996</v>
      </c>
      <c r="G616">
        <v>27.514500000000002</v>
      </c>
    </row>
    <row r="617" spans="1:7" x14ac:dyDescent="0.25">
      <c r="A617">
        <v>6</v>
      </c>
      <c r="B617">
        <v>137.935</v>
      </c>
      <c r="C617">
        <v>210.06100000000001</v>
      </c>
      <c r="D617">
        <v>7154.33</v>
      </c>
      <c r="E617">
        <v>3.6692900000000002</v>
      </c>
      <c r="F617">
        <v>8491.42</v>
      </c>
      <c r="G617">
        <v>15.9948</v>
      </c>
    </row>
    <row r="618" spans="1:7" x14ac:dyDescent="0.25">
      <c r="A618">
        <v>6</v>
      </c>
      <c r="B618">
        <v>163.131</v>
      </c>
      <c r="C618">
        <v>197.46199999999999</v>
      </c>
      <c r="D618">
        <v>3004.72</v>
      </c>
      <c r="E618">
        <v>2.20472</v>
      </c>
      <c r="F618">
        <v>4871.2700000000004</v>
      </c>
      <c r="G618">
        <v>25.2303</v>
      </c>
    </row>
    <row r="619" spans="1:7" x14ac:dyDescent="0.25">
      <c r="A619">
        <v>6</v>
      </c>
      <c r="B619">
        <v>135.41499999999999</v>
      </c>
      <c r="C619">
        <v>205.65100000000001</v>
      </c>
      <c r="D619">
        <v>7154.33</v>
      </c>
      <c r="E619">
        <v>3.2440899999999999</v>
      </c>
      <c r="F619">
        <v>8728.9699999999993</v>
      </c>
      <c r="G619">
        <v>13.9887</v>
      </c>
    </row>
    <row r="620" spans="1:7" x14ac:dyDescent="0.25">
      <c r="A620">
        <v>6</v>
      </c>
      <c r="B620">
        <v>173.21</v>
      </c>
      <c r="C620">
        <v>198.09200000000001</v>
      </c>
      <c r="D620">
        <v>7422.05</v>
      </c>
      <c r="E620">
        <v>3.8818899999999998</v>
      </c>
      <c r="F620">
        <v>3576</v>
      </c>
      <c r="G620">
        <v>106.724</v>
      </c>
    </row>
    <row r="621" spans="1:7" x14ac:dyDescent="0.25">
      <c r="A621">
        <v>6</v>
      </c>
      <c r="B621">
        <v>163.131</v>
      </c>
      <c r="C621">
        <v>197.46199999999999</v>
      </c>
      <c r="D621">
        <v>3004.72</v>
      </c>
      <c r="E621">
        <v>2.20472</v>
      </c>
      <c r="F621">
        <v>4871.2700000000004</v>
      </c>
      <c r="G621">
        <v>25.2303</v>
      </c>
    </row>
    <row r="622" spans="1:7" x14ac:dyDescent="0.25">
      <c r="A622">
        <v>6</v>
      </c>
      <c r="B622">
        <v>160.61199999999999</v>
      </c>
      <c r="C622">
        <v>196.202</v>
      </c>
      <c r="D622">
        <v>2870.87</v>
      </c>
      <c r="E622">
        <v>4</v>
      </c>
      <c r="F622">
        <v>4101.1499999999996</v>
      </c>
      <c r="G622">
        <v>27.514500000000002</v>
      </c>
    </row>
    <row r="623" spans="1:7" x14ac:dyDescent="0.25">
      <c r="A623">
        <v>6</v>
      </c>
      <c r="B623">
        <v>136.04499999999999</v>
      </c>
      <c r="C623">
        <v>195.572</v>
      </c>
      <c r="D623">
        <v>6083.46</v>
      </c>
      <c r="E623">
        <v>1.1653500000000001</v>
      </c>
      <c r="F623">
        <v>9446.7000000000007</v>
      </c>
      <c r="G623">
        <v>11.3193</v>
      </c>
    </row>
    <row r="624" spans="1:7" x14ac:dyDescent="0.25">
      <c r="A624">
        <v>6</v>
      </c>
      <c r="B624">
        <v>137.935</v>
      </c>
      <c r="C624">
        <v>210.06100000000001</v>
      </c>
      <c r="D624">
        <v>7154.33</v>
      </c>
      <c r="E624">
        <v>3.6692900000000002</v>
      </c>
      <c r="F624">
        <v>8491.42</v>
      </c>
      <c r="G624">
        <v>15.9948</v>
      </c>
    </row>
    <row r="625" spans="1:7" x14ac:dyDescent="0.25">
      <c r="A625">
        <v>6</v>
      </c>
      <c r="B625">
        <v>156.202</v>
      </c>
      <c r="C625">
        <v>196.83199999999999</v>
      </c>
      <c r="D625">
        <v>3004.72</v>
      </c>
      <c r="E625">
        <v>1.54331</v>
      </c>
      <c r="F625">
        <v>5700.32</v>
      </c>
      <c r="G625">
        <v>22.826499999999999</v>
      </c>
    </row>
    <row r="626" spans="1:7" x14ac:dyDescent="0.25">
      <c r="A626">
        <v>6</v>
      </c>
      <c r="B626">
        <v>136.04499999999999</v>
      </c>
      <c r="C626">
        <v>197.46199999999999</v>
      </c>
      <c r="D626">
        <v>7154.33</v>
      </c>
      <c r="E626">
        <v>3.3149600000000001</v>
      </c>
      <c r="F626">
        <v>8612.81</v>
      </c>
      <c r="G626">
        <v>15.494</v>
      </c>
    </row>
    <row r="627" spans="1:7" x14ac:dyDescent="0.25">
      <c r="A627">
        <v>6</v>
      </c>
      <c r="B627">
        <v>156.202</v>
      </c>
      <c r="C627">
        <v>196.83199999999999</v>
      </c>
      <c r="D627">
        <v>2067.7199999999998</v>
      </c>
      <c r="E627">
        <v>3.0314999999999999</v>
      </c>
      <c r="F627">
        <v>3854.72</v>
      </c>
      <c r="G627">
        <v>67.567499999999995</v>
      </c>
    </row>
    <row r="628" spans="1:7" x14ac:dyDescent="0.25">
      <c r="A628">
        <v>6</v>
      </c>
      <c r="B628">
        <v>156.202</v>
      </c>
      <c r="C628">
        <v>195.572</v>
      </c>
      <c r="D628">
        <v>3004.72</v>
      </c>
      <c r="E628">
        <v>1.6377999999999999</v>
      </c>
      <c r="F628">
        <v>5544</v>
      </c>
      <c r="G628">
        <v>23.644500000000001</v>
      </c>
    </row>
    <row r="631" spans="1:7" x14ac:dyDescent="0.25">
      <c r="A631">
        <v>7</v>
      </c>
      <c r="B631">
        <v>136.04499999999999</v>
      </c>
      <c r="C631">
        <v>198.09200000000001</v>
      </c>
      <c r="D631">
        <v>6083.46</v>
      </c>
      <c r="E631">
        <v>2.5826799999999999</v>
      </c>
      <c r="F631">
        <v>8031.81</v>
      </c>
      <c r="G631">
        <v>21.354600000000001</v>
      </c>
    </row>
    <row r="632" spans="1:7" x14ac:dyDescent="0.25">
      <c r="A632">
        <v>7</v>
      </c>
      <c r="B632">
        <v>168.17099999999999</v>
      </c>
      <c r="C632">
        <v>197.14699999999999</v>
      </c>
      <c r="D632">
        <v>2870.87</v>
      </c>
      <c r="E632">
        <v>3.8110200000000001</v>
      </c>
      <c r="F632">
        <v>3961.22</v>
      </c>
      <c r="G632">
        <v>50.840899999999998</v>
      </c>
    </row>
    <row r="633" spans="1:7" x14ac:dyDescent="0.25">
      <c r="A633">
        <v>7</v>
      </c>
      <c r="B633">
        <v>136.04499999999999</v>
      </c>
      <c r="C633">
        <v>195.572</v>
      </c>
      <c r="D633">
        <v>6083.46</v>
      </c>
      <c r="E633">
        <v>1.1653500000000001</v>
      </c>
      <c r="F633">
        <v>9446.7000000000007</v>
      </c>
      <c r="G633">
        <v>11.3193</v>
      </c>
    </row>
    <row r="634" spans="1:7" x14ac:dyDescent="0.25">
      <c r="A634">
        <v>7</v>
      </c>
      <c r="B634">
        <v>156.202</v>
      </c>
      <c r="C634">
        <v>196.83199999999999</v>
      </c>
      <c r="D634">
        <v>3004.72</v>
      </c>
      <c r="E634">
        <v>1.54331</v>
      </c>
      <c r="F634">
        <v>5700.32</v>
      </c>
      <c r="G634">
        <v>22.826499999999999</v>
      </c>
    </row>
    <row r="635" spans="1:7" x14ac:dyDescent="0.25">
      <c r="A635">
        <v>7</v>
      </c>
      <c r="B635">
        <v>168.80099999999999</v>
      </c>
      <c r="C635">
        <v>195.572</v>
      </c>
      <c r="D635">
        <v>3406.3</v>
      </c>
      <c r="E635">
        <v>1.6141700000000001</v>
      </c>
      <c r="F635">
        <v>5485.25</v>
      </c>
      <c r="G635">
        <v>23.9512</v>
      </c>
    </row>
    <row r="636" spans="1:7" x14ac:dyDescent="0.25">
      <c r="A636">
        <v>7</v>
      </c>
      <c r="B636">
        <v>155.572</v>
      </c>
      <c r="C636">
        <v>196.202</v>
      </c>
      <c r="D636">
        <v>7154.33</v>
      </c>
      <c r="E636">
        <v>2.29921</v>
      </c>
      <c r="F636">
        <v>8965.18</v>
      </c>
      <c r="G636">
        <v>38.688200000000002</v>
      </c>
    </row>
    <row r="637" spans="1:7" x14ac:dyDescent="0.25">
      <c r="A637">
        <v>7</v>
      </c>
      <c r="B637">
        <v>166.28100000000001</v>
      </c>
      <c r="C637">
        <v>197.46199999999999</v>
      </c>
      <c r="D637">
        <v>2870.87</v>
      </c>
      <c r="E637">
        <v>3.8110200000000001</v>
      </c>
      <c r="F637">
        <v>4111.7299999999996</v>
      </c>
      <c r="G637">
        <v>81.188999999999993</v>
      </c>
    </row>
    <row r="638" spans="1:7" x14ac:dyDescent="0.25">
      <c r="A638">
        <v>7</v>
      </c>
      <c r="B638">
        <v>136.04499999999999</v>
      </c>
      <c r="C638">
        <v>195.572</v>
      </c>
      <c r="D638">
        <v>3004.72</v>
      </c>
      <c r="E638">
        <v>2.29921</v>
      </c>
      <c r="F638">
        <v>5346.23</v>
      </c>
      <c r="G638">
        <v>91.036100000000005</v>
      </c>
    </row>
    <row r="639" spans="1:7" x14ac:dyDescent="0.25">
      <c r="A639">
        <v>7</v>
      </c>
      <c r="B639">
        <v>156.202</v>
      </c>
      <c r="C639">
        <v>207.541</v>
      </c>
      <c r="D639">
        <v>2067.7199999999998</v>
      </c>
      <c r="E639">
        <v>3.2204700000000002</v>
      </c>
      <c r="F639">
        <v>3724.2</v>
      </c>
      <c r="G639">
        <v>72.778199999999998</v>
      </c>
    </row>
    <row r="640" spans="1:7" x14ac:dyDescent="0.25">
      <c r="A640">
        <v>7</v>
      </c>
      <c r="B640">
        <v>163.131</v>
      </c>
      <c r="C640">
        <v>195.572</v>
      </c>
      <c r="D640">
        <v>1800</v>
      </c>
      <c r="E640">
        <v>1.54331</v>
      </c>
      <c r="F640">
        <v>4641.96</v>
      </c>
      <c r="G640">
        <v>64.390900000000002</v>
      </c>
    </row>
    <row r="641" spans="1:7" x14ac:dyDescent="0.25">
      <c r="A641">
        <v>7</v>
      </c>
      <c r="B641">
        <v>161.24199999999999</v>
      </c>
      <c r="C641">
        <v>197.14699999999999</v>
      </c>
      <c r="D641">
        <v>2870.87</v>
      </c>
      <c r="E641">
        <v>3.59843</v>
      </c>
      <c r="F641">
        <v>4175.8500000000004</v>
      </c>
      <c r="G641">
        <v>28.032900000000001</v>
      </c>
    </row>
    <row r="642" spans="1:7" x14ac:dyDescent="0.25">
      <c r="A642">
        <v>7</v>
      </c>
      <c r="B642">
        <v>136.04499999999999</v>
      </c>
      <c r="C642">
        <v>195.572</v>
      </c>
      <c r="D642">
        <v>6083.46</v>
      </c>
      <c r="E642">
        <v>1.1653500000000001</v>
      </c>
      <c r="F642">
        <v>9446.7000000000007</v>
      </c>
      <c r="G642">
        <v>11.3193</v>
      </c>
    </row>
    <row r="643" spans="1:7" x14ac:dyDescent="0.25">
      <c r="A643">
        <v>7</v>
      </c>
      <c r="B643">
        <v>135.41499999999999</v>
      </c>
      <c r="C643">
        <v>205.65100000000001</v>
      </c>
      <c r="D643">
        <v>7288.19</v>
      </c>
      <c r="E643">
        <v>3.14961</v>
      </c>
      <c r="F643">
        <v>8822.52</v>
      </c>
      <c r="G643">
        <v>14.3718</v>
      </c>
    </row>
    <row r="644" spans="1:7" x14ac:dyDescent="0.25">
      <c r="A644">
        <v>7</v>
      </c>
      <c r="B644">
        <v>160.61199999999999</v>
      </c>
      <c r="C644">
        <v>197.46199999999999</v>
      </c>
      <c r="D644">
        <v>7288.19</v>
      </c>
      <c r="E644">
        <v>1.07087</v>
      </c>
      <c r="F644">
        <v>10787.8</v>
      </c>
      <c r="G644">
        <v>25.289300000000001</v>
      </c>
    </row>
    <row r="645" spans="1:7" x14ac:dyDescent="0.25">
      <c r="A645">
        <v>7</v>
      </c>
      <c r="B645">
        <v>158.72200000000001</v>
      </c>
      <c r="C645">
        <v>197.46199999999999</v>
      </c>
      <c r="D645">
        <v>3004.72</v>
      </c>
      <c r="E645">
        <v>2.29921</v>
      </c>
      <c r="F645">
        <v>4904.38</v>
      </c>
      <c r="G645">
        <v>57.0107</v>
      </c>
    </row>
    <row r="646" spans="1:7" x14ac:dyDescent="0.25">
      <c r="A646">
        <v>7</v>
      </c>
      <c r="B646">
        <v>163.761</v>
      </c>
      <c r="C646">
        <v>200.61199999999999</v>
      </c>
      <c r="D646">
        <v>7154.33</v>
      </c>
      <c r="E646">
        <v>2.6771699999999998</v>
      </c>
      <c r="F646">
        <v>8386.83</v>
      </c>
      <c r="G646">
        <v>84.888099999999994</v>
      </c>
    </row>
    <row r="647" spans="1:7" x14ac:dyDescent="0.25">
      <c r="A647">
        <v>7</v>
      </c>
      <c r="B647">
        <v>163.131</v>
      </c>
      <c r="C647">
        <v>197.46199999999999</v>
      </c>
      <c r="D647">
        <v>3138.58</v>
      </c>
      <c r="E647">
        <v>3.6929099999999999</v>
      </c>
      <c r="F647">
        <v>4293.3900000000003</v>
      </c>
      <c r="G647">
        <v>80.782300000000006</v>
      </c>
    </row>
    <row r="648" spans="1:7" x14ac:dyDescent="0.25">
      <c r="A648">
        <v>7</v>
      </c>
      <c r="B648">
        <v>160.61199999999999</v>
      </c>
      <c r="C648">
        <v>203.761</v>
      </c>
      <c r="D648">
        <v>1800</v>
      </c>
      <c r="E648">
        <v>3.9763799999999998</v>
      </c>
      <c r="F648">
        <v>3229.99</v>
      </c>
      <c r="G648">
        <v>82.210099999999997</v>
      </c>
    </row>
    <row r="649" spans="1:7" x14ac:dyDescent="0.25">
      <c r="A649">
        <v>7</v>
      </c>
      <c r="B649">
        <v>148.643</v>
      </c>
      <c r="C649">
        <v>197.14699999999999</v>
      </c>
      <c r="D649">
        <v>2870.87</v>
      </c>
      <c r="E649">
        <v>3.6929099999999999</v>
      </c>
      <c r="F649">
        <v>4480.95</v>
      </c>
      <c r="G649">
        <v>69.449200000000005</v>
      </c>
    </row>
    <row r="650" spans="1:7" x14ac:dyDescent="0.25">
      <c r="A650">
        <v>7</v>
      </c>
      <c r="B650">
        <v>137.935</v>
      </c>
      <c r="C650">
        <v>199.352</v>
      </c>
      <c r="D650">
        <v>6083.46</v>
      </c>
      <c r="E650">
        <v>1.54331</v>
      </c>
      <c r="F650">
        <v>8551.86</v>
      </c>
      <c r="G650">
        <v>13.282500000000001</v>
      </c>
    </row>
    <row r="651" spans="1:7" x14ac:dyDescent="0.25">
      <c r="A651">
        <v>7</v>
      </c>
      <c r="B651">
        <v>136.04499999999999</v>
      </c>
      <c r="C651">
        <v>211.32</v>
      </c>
      <c r="D651">
        <v>7154.33</v>
      </c>
      <c r="E651">
        <v>2.8425199999999999</v>
      </c>
      <c r="F651">
        <v>8935.2999999999993</v>
      </c>
      <c r="G651">
        <v>14.3855</v>
      </c>
    </row>
    <row r="652" spans="1:7" x14ac:dyDescent="0.25">
      <c r="A652">
        <v>7</v>
      </c>
      <c r="B652">
        <v>146.124</v>
      </c>
      <c r="C652">
        <v>198.72200000000001</v>
      </c>
      <c r="D652">
        <v>6083.46</v>
      </c>
      <c r="E652">
        <v>2.9606300000000001</v>
      </c>
      <c r="F652">
        <v>7527.9</v>
      </c>
      <c r="G652">
        <v>25.950500000000002</v>
      </c>
    </row>
    <row r="653" spans="1:7" x14ac:dyDescent="0.25">
      <c r="A653">
        <v>7</v>
      </c>
      <c r="B653">
        <v>156.202</v>
      </c>
      <c r="C653">
        <v>196.83199999999999</v>
      </c>
      <c r="D653">
        <v>3004.72</v>
      </c>
      <c r="E653">
        <v>1.54331</v>
      </c>
      <c r="F653">
        <v>5700.32</v>
      </c>
      <c r="G653">
        <v>22.826499999999999</v>
      </c>
    </row>
    <row r="654" spans="1:7" x14ac:dyDescent="0.25">
      <c r="A654">
        <v>7</v>
      </c>
      <c r="B654">
        <v>135.41499999999999</v>
      </c>
      <c r="C654">
        <v>195.572</v>
      </c>
      <c r="D654">
        <v>3540.16</v>
      </c>
      <c r="E654">
        <v>3.14961</v>
      </c>
      <c r="F654">
        <v>5497.77</v>
      </c>
      <c r="G654">
        <v>100.084</v>
      </c>
    </row>
    <row r="655" spans="1:7" x14ac:dyDescent="0.25">
      <c r="A655">
        <v>7</v>
      </c>
      <c r="B655">
        <v>148.643</v>
      </c>
      <c r="C655">
        <v>195.25700000000001</v>
      </c>
      <c r="D655">
        <v>1800</v>
      </c>
      <c r="E655">
        <v>3.4330699999999998</v>
      </c>
      <c r="F655">
        <v>3694.2</v>
      </c>
      <c r="G655">
        <v>112.125</v>
      </c>
    </row>
    <row r="656" spans="1:7" x14ac:dyDescent="0.25">
      <c r="A656">
        <v>7</v>
      </c>
      <c r="B656">
        <v>163.131</v>
      </c>
      <c r="C656">
        <v>197.46199999999999</v>
      </c>
      <c r="D656">
        <v>7154.33</v>
      </c>
      <c r="E656">
        <v>3.6692900000000002</v>
      </c>
      <c r="F656">
        <v>8141.31</v>
      </c>
      <c r="G656">
        <v>80.816500000000005</v>
      </c>
    </row>
    <row r="657" spans="1:7" x14ac:dyDescent="0.25">
      <c r="A657">
        <v>7</v>
      </c>
      <c r="B657">
        <v>156.202</v>
      </c>
      <c r="C657">
        <v>200.61199999999999</v>
      </c>
      <c r="D657">
        <v>1800</v>
      </c>
      <c r="E657">
        <v>2.7716500000000002</v>
      </c>
      <c r="F657">
        <v>3753.27</v>
      </c>
      <c r="G657">
        <v>77.284899999999993</v>
      </c>
    </row>
    <row r="658" spans="1:7" x14ac:dyDescent="0.25">
      <c r="A658">
        <v>7</v>
      </c>
      <c r="B658">
        <v>138.565</v>
      </c>
      <c r="C658">
        <v>195.572</v>
      </c>
      <c r="D658">
        <v>7154.33</v>
      </c>
      <c r="E658">
        <v>1.1653500000000001</v>
      </c>
      <c r="F658">
        <v>10573.1</v>
      </c>
      <c r="G658">
        <v>16.915199999999999</v>
      </c>
    </row>
    <row r="659" spans="1:7" x14ac:dyDescent="0.25">
      <c r="A659">
        <v>7</v>
      </c>
      <c r="B659">
        <v>163.131</v>
      </c>
      <c r="C659">
        <v>197.46199999999999</v>
      </c>
      <c r="D659">
        <v>3004.72</v>
      </c>
      <c r="E659">
        <v>3.6929099999999999</v>
      </c>
      <c r="F659">
        <v>4354.42</v>
      </c>
      <c r="G659">
        <v>80.782300000000006</v>
      </c>
    </row>
    <row r="660" spans="1:7" x14ac:dyDescent="0.25">
      <c r="A660">
        <v>7</v>
      </c>
      <c r="B660">
        <v>136.04499999999999</v>
      </c>
      <c r="C660">
        <v>208.80099999999999</v>
      </c>
      <c r="D660">
        <v>7288.19</v>
      </c>
      <c r="E660">
        <v>2.9133900000000001</v>
      </c>
      <c r="F660">
        <v>8946.67</v>
      </c>
      <c r="G660">
        <v>14.678100000000001</v>
      </c>
    </row>
    <row r="661" spans="1:7" x14ac:dyDescent="0.25">
      <c r="A661">
        <v>7</v>
      </c>
      <c r="B661">
        <v>173.21</v>
      </c>
      <c r="C661">
        <v>196.202</v>
      </c>
      <c r="D661">
        <v>2870.87</v>
      </c>
      <c r="E661">
        <v>3.8110200000000001</v>
      </c>
      <c r="F661">
        <v>3575.6</v>
      </c>
      <c r="G661">
        <v>106.96899999999999</v>
      </c>
    </row>
    <row r="662" spans="1:7" x14ac:dyDescent="0.25">
      <c r="A662">
        <v>7</v>
      </c>
      <c r="B662">
        <v>168.17099999999999</v>
      </c>
      <c r="C662">
        <v>197.46199999999999</v>
      </c>
      <c r="D662">
        <v>2870.87</v>
      </c>
      <c r="E662">
        <v>3.8110200000000001</v>
      </c>
      <c r="F662">
        <v>3961.22</v>
      </c>
      <c r="G662">
        <v>50.840899999999998</v>
      </c>
    </row>
    <row r="663" spans="1:7" x14ac:dyDescent="0.25">
      <c r="A663">
        <v>7</v>
      </c>
      <c r="B663">
        <v>135.41499999999999</v>
      </c>
      <c r="C663">
        <v>196.202</v>
      </c>
      <c r="D663">
        <v>7288.19</v>
      </c>
      <c r="E663">
        <v>3.14961</v>
      </c>
      <c r="F663">
        <v>8822.52</v>
      </c>
      <c r="G663">
        <v>15.590400000000001</v>
      </c>
    </row>
    <row r="664" spans="1:7" x14ac:dyDescent="0.25">
      <c r="A664">
        <v>7</v>
      </c>
      <c r="B664">
        <v>148.01300000000001</v>
      </c>
      <c r="C664">
        <v>189.90299999999999</v>
      </c>
      <c r="D664">
        <v>2870.87</v>
      </c>
      <c r="E664">
        <v>3.7165400000000002</v>
      </c>
      <c r="F664">
        <v>4643.18</v>
      </c>
      <c r="G664">
        <v>73.261499999999998</v>
      </c>
    </row>
    <row r="665" spans="1:7" x14ac:dyDescent="0.25">
      <c r="A665">
        <v>7</v>
      </c>
      <c r="B665">
        <v>140.45400000000001</v>
      </c>
      <c r="C665">
        <v>196.202</v>
      </c>
      <c r="D665">
        <v>7154.33</v>
      </c>
      <c r="E665">
        <v>3.2440899999999999</v>
      </c>
      <c r="F665">
        <v>8833.24</v>
      </c>
      <c r="G665">
        <v>18.6463</v>
      </c>
    </row>
    <row r="666" spans="1:7" x14ac:dyDescent="0.25">
      <c r="A666">
        <v>7</v>
      </c>
      <c r="B666">
        <v>155.572</v>
      </c>
      <c r="C666">
        <v>208.17099999999999</v>
      </c>
      <c r="D666">
        <v>2870.87</v>
      </c>
      <c r="E666">
        <v>4</v>
      </c>
      <c r="F666">
        <v>4197.84</v>
      </c>
      <c r="G666">
        <v>35.122999999999998</v>
      </c>
    </row>
    <row r="667" spans="1:7" x14ac:dyDescent="0.25">
      <c r="A667">
        <v>7</v>
      </c>
      <c r="B667">
        <v>140.45400000000001</v>
      </c>
      <c r="C667">
        <v>195.572</v>
      </c>
      <c r="D667">
        <v>2870.87</v>
      </c>
      <c r="E667">
        <v>2.1102400000000001</v>
      </c>
      <c r="F667">
        <v>5231.1899999999996</v>
      </c>
      <c r="G667">
        <v>76.563900000000004</v>
      </c>
    </row>
    <row r="668" spans="1:7" x14ac:dyDescent="0.25">
      <c r="A668">
        <v>7</v>
      </c>
      <c r="B668">
        <v>135.41499999999999</v>
      </c>
      <c r="C668">
        <v>195.572</v>
      </c>
      <c r="D668">
        <v>7154.33</v>
      </c>
      <c r="E668">
        <v>2.7716500000000002</v>
      </c>
      <c r="F668">
        <v>8961.17</v>
      </c>
      <c r="G668">
        <v>14.098699999999999</v>
      </c>
    </row>
    <row r="669" spans="1:7" x14ac:dyDescent="0.25">
      <c r="A669">
        <v>7</v>
      </c>
      <c r="B669">
        <v>156.202</v>
      </c>
      <c r="C669">
        <v>207.541</v>
      </c>
      <c r="D669">
        <v>7154.33</v>
      </c>
      <c r="E669">
        <v>2.8425199999999999</v>
      </c>
      <c r="F669">
        <v>8680.2999999999993</v>
      </c>
      <c r="G669">
        <v>41.644399999999997</v>
      </c>
    </row>
    <row r="670" spans="1:7" x14ac:dyDescent="0.25">
      <c r="A670">
        <v>7</v>
      </c>
      <c r="B670">
        <v>170.691</v>
      </c>
      <c r="C670">
        <v>197.14699999999999</v>
      </c>
      <c r="D670">
        <v>2870.87</v>
      </c>
      <c r="E670">
        <v>4</v>
      </c>
      <c r="F670">
        <v>3906.05</v>
      </c>
      <c r="G670">
        <v>104.16500000000001</v>
      </c>
    </row>
    <row r="671" spans="1:7" x14ac:dyDescent="0.25">
      <c r="A671">
        <v>7</v>
      </c>
      <c r="B671">
        <v>136.04499999999999</v>
      </c>
      <c r="C671">
        <v>199.352</v>
      </c>
      <c r="D671">
        <v>6083.46</v>
      </c>
      <c r="E671">
        <v>3.8110200000000001</v>
      </c>
      <c r="F671">
        <v>7604.3</v>
      </c>
      <c r="G671">
        <v>35.142299999999999</v>
      </c>
    </row>
    <row r="672" spans="1:7" x14ac:dyDescent="0.25">
      <c r="A672">
        <v>7</v>
      </c>
      <c r="B672">
        <v>156.202</v>
      </c>
      <c r="C672">
        <v>198.72200000000001</v>
      </c>
      <c r="D672">
        <v>1800</v>
      </c>
      <c r="E672">
        <v>2.8425199999999999</v>
      </c>
      <c r="F672">
        <v>3743</v>
      </c>
      <c r="G672">
        <v>82.457099999999997</v>
      </c>
    </row>
    <row r="673" spans="1:7" x14ac:dyDescent="0.25">
      <c r="A673">
        <v>7</v>
      </c>
      <c r="B673">
        <v>156.202</v>
      </c>
      <c r="C673">
        <v>203.761</v>
      </c>
      <c r="D673">
        <v>1800</v>
      </c>
      <c r="E673">
        <v>2.8425199999999999</v>
      </c>
      <c r="F673">
        <v>3647.9</v>
      </c>
      <c r="G673">
        <v>82.457099999999997</v>
      </c>
    </row>
    <row r="674" spans="1:7" x14ac:dyDescent="0.25">
      <c r="A674">
        <v>7</v>
      </c>
      <c r="B674">
        <v>136.04499999999999</v>
      </c>
      <c r="C674">
        <v>195.572</v>
      </c>
      <c r="D674">
        <v>6083.46</v>
      </c>
      <c r="E674">
        <v>2.6771699999999998</v>
      </c>
      <c r="F674">
        <v>7964.48</v>
      </c>
      <c r="G674">
        <v>24.494499999999999</v>
      </c>
    </row>
    <row r="675" spans="1:7" x14ac:dyDescent="0.25">
      <c r="A675">
        <v>7</v>
      </c>
      <c r="B675">
        <v>156.83199999999999</v>
      </c>
      <c r="C675">
        <v>201.87200000000001</v>
      </c>
      <c r="D675">
        <v>3004.72</v>
      </c>
      <c r="E675">
        <v>2.29921</v>
      </c>
      <c r="F675">
        <v>4968.34</v>
      </c>
      <c r="G675">
        <v>28.7014</v>
      </c>
    </row>
    <row r="676" spans="1:7" x14ac:dyDescent="0.25">
      <c r="A676">
        <v>7</v>
      </c>
      <c r="B676">
        <v>135.41499999999999</v>
      </c>
      <c r="C676">
        <v>201.24199999999999</v>
      </c>
      <c r="D676">
        <v>7154.33</v>
      </c>
      <c r="E676">
        <v>3.6220500000000002</v>
      </c>
      <c r="F676">
        <v>8672.0499999999993</v>
      </c>
      <c r="G676">
        <v>17.911100000000001</v>
      </c>
    </row>
    <row r="677" spans="1:7" x14ac:dyDescent="0.25">
      <c r="A677">
        <v>7</v>
      </c>
      <c r="B677">
        <v>141.084</v>
      </c>
      <c r="C677">
        <v>196.202</v>
      </c>
      <c r="D677">
        <v>3941.73</v>
      </c>
      <c r="E677">
        <v>1.1417299999999999</v>
      </c>
      <c r="F677">
        <v>7637.26</v>
      </c>
      <c r="G677">
        <v>24.2498</v>
      </c>
    </row>
    <row r="678" spans="1:7" x14ac:dyDescent="0.25">
      <c r="A678">
        <v>7</v>
      </c>
      <c r="B678">
        <v>156.202</v>
      </c>
      <c r="C678">
        <v>196.202</v>
      </c>
      <c r="D678">
        <v>2870.87</v>
      </c>
      <c r="E678">
        <v>2.8425199999999999</v>
      </c>
      <c r="F678">
        <v>4735.9799999999996</v>
      </c>
      <c r="G678">
        <v>37.106900000000003</v>
      </c>
    </row>
    <row r="679" spans="1:7" x14ac:dyDescent="0.25">
      <c r="A679">
        <v>7</v>
      </c>
      <c r="B679">
        <v>156.202</v>
      </c>
      <c r="C679">
        <v>196.83199999999999</v>
      </c>
      <c r="D679">
        <v>2067.7199999999998</v>
      </c>
      <c r="E679">
        <v>3.0314999999999999</v>
      </c>
      <c r="F679">
        <v>3854.72</v>
      </c>
      <c r="G679">
        <v>67.567499999999995</v>
      </c>
    </row>
    <row r="680" spans="1:7" x14ac:dyDescent="0.25">
      <c r="A680">
        <v>7</v>
      </c>
      <c r="B680">
        <v>137.935</v>
      </c>
      <c r="C680">
        <v>208.17099999999999</v>
      </c>
      <c r="D680">
        <v>6083.46</v>
      </c>
      <c r="E680">
        <v>3.5275599999999998</v>
      </c>
      <c r="F680">
        <v>7624.38</v>
      </c>
      <c r="G680">
        <v>17.499500000000001</v>
      </c>
    </row>
    <row r="681" spans="1:7" x14ac:dyDescent="0.25">
      <c r="A681">
        <v>7</v>
      </c>
      <c r="B681">
        <v>160.61199999999999</v>
      </c>
      <c r="C681">
        <v>195.572</v>
      </c>
      <c r="D681">
        <v>3004.72</v>
      </c>
      <c r="E681">
        <v>3.8110200000000001</v>
      </c>
      <c r="F681">
        <v>4285.95</v>
      </c>
      <c r="G681">
        <v>27.2697</v>
      </c>
    </row>
    <row r="682" spans="1:7" x14ac:dyDescent="0.25">
      <c r="A682">
        <v>7</v>
      </c>
      <c r="B682">
        <v>136.04499999999999</v>
      </c>
      <c r="C682">
        <v>199.352</v>
      </c>
      <c r="D682">
        <v>3004.72</v>
      </c>
      <c r="E682">
        <v>3.8110200000000001</v>
      </c>
      <c r="F682">
        <v>4719.28</v>
      </c>
      <c r="G682">
        <v>112.038</v>
      </c>
    </row>
    <row r="683" spans="1:7" x14ac:dyDescent="0.25">
      <c r="A683">
        <v>7</v>
      </c>
      <c r="B683">
        <v>155.572</v>
      </c>
      <c r="C683">
        <v>195.572</v>
      </c>
      <c r="D683">
        <v>2870.87</v>
      </c>
      <c r="E683">
        <v>2.3936999999999999</v>
      </c>
      <c r="F683">
        <v>4857.8900000000003</v>
      </c>
      <c r="G683">
        <v>41.5991</v>
      </c>
    </row>
    <row r="684" spans="1:7" x14ac:dyDescent="0.25">
      <c r="A684">
        <v>7</v>
      </c>
      <c r="B684">
        <v>163.131</v>
      </c>
      <c r="C684">
        <v>195.572</v>
      </c>
      <c r="D684">
        <v>2870.87</v>
      </c>
      <c r="E684">
        <v>3.8110200000000001</v>
      </c>
      <c r="F684">
        <v>4165.62</v>
      </c>
      <c r="G684">
        <v>80.601600000000005</v>
      </c>
    </row>
    <row r="685" spans="1:7" x14ac:dyDescent="0.25">
      <c r="A685">
        <v>7</v>
      </c>
      <c r="B685">
        <v>138.565</v>
      </c>
      <c r="C685">
        <v>205.65100000000001</v>
      </c>
      <c r="D685">
        <v>7288.19</v>
      </c>
      <c r="E685">
        <v>1.73228</v>
      </c>
      <c r="F685">
        <v>9730.2999999999993</v>
      </c>
      <c r="G685">
        <v>15.9122</v>
      </c>
    </row>
    <row r="686" spans="1:7" x14ac:dyDescent="0.25">
      <c r="A686">
        <v>7</v>
      </c>
      <c r="B686">
        <v>140.45400000000001</v>
      </c>
      <c r="C686">
        <v>196.202</v>
      </c>
      <c r="D686">
        <v>7154.33</v>
      </c>
      <c r="E686">
        <v>2.6771699999999998</v>
      </c>
      <c r="F686">
        <v>9095.69</v>
      </c>
      <c r="G686">
        <v>18.839600000000001</v>
      </c>
    </row>
    <row r="687" spans="1:7" x14ac:dyDescent="0.25">
      <c r="A687">
        <v>7</v>
      </c>
      <c r="B687">
        <v>155.572</v>
      </c>
      <c r="C687">
        <v>208.80099999999999</v>
      </c>
      <c r="D687">
        <v>2870.87</v>
      </c>
      <c r="E687">
        <v>4</v>
      </c>
      <c r="F687">
        <v>4197.84</v>
      </c>
      <c r="G687">
        <v>35.122999999999998</v>
      </c>
    </row>
    <row r="688" spans="1:7" x14ac:dyDescent="0.25">
      <c r="A688">
        <v>7</v>
      </c>
      <c r="B688">
        <v>155.572</v>
      </c>
      <c r="C688">
        <v>203.761</v>
      </c>
      <c r="D688">
        <v>1933.86</v>
      </c>
      <c r="E688">
        <v>2.65354</v>
      </c>
      <c r="F688">
        <v>3929.87</v>
      </c>
      <c r="G688">
        <v>76.655299999999997</v>
      </c>
    </row>
    <row r="689" spans="1:7" x14ac:dyDescent="0.25">
      <c r="A689">
        <v>7</v>
      </c>
      <c r="B689">
        <v>161.24199999999999</v>
      </c>
      <c r="C689">
        <v>196.202</v>
      </c>
      <c r="D689">
        <v>2870.87</v>
      </c>
      <c r="E689">
        <v>2.8425199999999999</v>
      </c>
      <c r="F689">
        <v>4403.25</v>
      </c>
      <c r="G689">
        <v>26.689699999999998</v>
      </c>
    </row>
    <row r="690" spans="1:7" x14ac:dyDescent="0.25">
      <c r="A690">
        <v>7</v>
      </c>
      <c r="B690">
        <v>135.41499999999999</v>
      </c>
      <c r="C690">
        <v>196.83199999999999</v>
      </c>
      <c r="D690">
        <v>9296.06</v>
      </c>
      <c r="E690">
        <v>2.65354</v>
      </c>
      <c r="F690">
        <v>11117.8</v>
      </c>
      <c r="G690">
        <v>15.061199999999999</v>
      </c>
    </row>
    <row r="691" spans="1:7" x14ac:dyDescent="0.25">
      <c r="A691">
        <v>7</v>
      </c>
      <c r="B691">
        <v>166.28100000000001</v>
      </c>
      <c r="C691">
        <v>195.572</v>
      </c>
      <c r="D691">
        <v>7288.19</v>
      </c>
      <c r="E691">
        <v>1.02362</v>
      </c>
      <c r="F691">
        <v>7152.81</v>
      </c>
      <c r="G691">
        <v>19.911000000000001</v>
      </c>
    </row>
    <row r="692" spans="1:7" x14ac:dyDescent="0.25">
      <c r="A692">
        <v>7</v>
      </c>
      <c r="B692">
        <v>160.61199999999999</v>
      </c>
      <c r="C692">
        <v>195.572</v>
      </c>
      <c r="D692">
        <v>3004.72</v>
      </c>
      <c r="E692">
        <v>3.8110200000000001</v>
      </c>
      <c r="F692">
        <v>4285.95</v>
      </c>
      <c r="G692">
        <v>27.2697</v>
      </c>
    </row>
    <row r="693" spans="1:7" x14ac:dyDescent="0.25">
      <c r="A693">
        <v>7</v>
      </c>
      <c r="B693">
        <v>161.24199999999999</v>
      </c>
      <c r="C693">
        <v>196.202</v>
      </c>
      <c r="D693">
        <v>2870.87</v>
      </c>
      <c r="E693">
        <v>2.8425199999999999</v>
      </c>
      <c r="F693">
        <v>4403.25</v>
      </c>
      <c r="G693">
        <v>26.689699999999998</v>
      </c>
    </row>
    <row r="694" spans="1:7" x14ac:dyDescent="0.25">
      <c r="A694">
        <v>7</v>
      </c>
      <c r="B694">
        <v>160.61199999999999</v>
      </c>
      <c r="C694">
        <v>203.761</v>
      </c>
      <c r="D694">
        <v>1800</v>
      </c>
      <c r="E694">
        <v>3.9763799999999998</v>
      </c>
      <c r="F694">
        <v>3229.99</v>
      </c>
      <c r="G694">
        <v>82.210099999999997</v>
      </c>
    </row>
    <row r="695" spans="1:7" x14ac:dyDescent="0.25">
      <c r="A695">
        <v>7</v>
      </c>
      <c r="B695">
        <v>168.17099999999999</v>
      </c>
      <c r="C695">
        <v>197.14699999999999</v>
      </c>
      <c r="D695">
        <v>2870.87</v>
      </c>
      <c r="E695">
        <v>3.8110200000000001</v>
      </c>
      <c r="F695">
        <v>3961.22</v>
      </c>
      <c r="G695">
        <v>50.840899999999998</v>
      </c>
    </row>
    <row r="696" spans="1:7" x14ac:dyDescent="0.25">
      <c r="A696">
        <v>7</v>
      </c>
      <c r="B696">
        <v>161.24199999999999</v>
      </c>
      <c r="C696">
        <v>198.72200000000001</v>
      </c>
      <c r="D696">
        <v>1800</v>
      </c>
      <c r="E696">
        <v>2.8425199999999999</v>
      </c>
      <c r="F696">
        <v>3588.18</v>
      </c>
      <c r="G696">
        <v>71.782499999999999</v>
      </c>
    </row>
    <row r="697" spans="1:7" x14ac:dyDescent="0.25">
      <c r="A697">
        <v>7</v>
      </c>
      <c r="B697">
        <v>160.61199999999999</v>
      </c>
      <c r="C697">
        <v>196.202</v>
      </c>
      <c r="D697">
        <v>2870.87</v>
      </c>
      <c r="E697">
        <v>4</v>
      </c>
      <c r="F697">
        <v>4101.1499999999996</v>
      </c>
      <c r="G697">
        <v>27.514500000000002</v>
      </c>
    </row>
    <row r="698" spans="1:7" x14ac:dyDescent="0.25">
      <c r="A698">
        <v>7</v>
      </c>
      <c r="B698">
        <v>160.61199999999999</v>
      </c>
      <c r="C698">
        <v>213.84</v>
      </c>
      <c r="D698">
        <v>2335.4299999999998</v>
      </c>
      <c r="E698">
        <v>1.3307100000000001</v>
      </c>
      <c r="F698">
        <v>5313.69</v>
      </c>
      <c r="G698">
        <v>25.168900000000001</v>
      </c>
    </row>
    <row r="699" spans="1:7" x14ac:dyDescent="0.25">
      <c r="A699">
        <v>7</v>
      </c>
      <c r="B699">
        <v>160.61199999999999</v>
      </c>
      <c r="C699">
        <v>196.202</v>
      </c>
      <c r="D699">
        <v>2870.87</v>
      </c>
      <c r="E699">
        <v>4</v>
      </c>
      <c r="F699">
        <v>4101.1499999999996</v>
      </c>
      <c r="G699">
        <v>27.514500000000002</v>
      </c>
    </row>
    <row r="700" spans="1:7" x14ac:dyDescent="0.25">
      <c r="A700">
        <v>7</v>
      </c>
      <c r="B700">
        <v>160.61199999999999</v>
      </c>
      <c r="C700">
        <v>213.84</v>
      </c>
      <c r="D700">
        <v>2335.4299999999998</v>
      </c>
      <c r="E700">
        <v>1.3307100000000001</v>
      </c>
      <c r="F700">
        <v>5313.69</v>
      </c>
      <c r="G700">
        <v>25.168900000000001</v>
      </c>
    </row>
    <row r="701" spans="1:7" x14ac:dyDescent="0.25">
      <c r="A701">
        <v>7</v>
      </c>
      <c r="B701">
        <v>137.935</v>
      </c>
      <c r="C701">
        <v>210.06100000000001</v>
      </c>
      <c r="D701">
        <v>7154.33</v>
      </c>
      <c r="E701">
        <v>3.6692900000000002</v>
      </c>
      <c r="F701">
        <v>8491.42</v>
      </c>
      <c r="G701">
        <v>15.9948</v>
      </c>
    </row>
    <row r="702" spans="1:7" x14ac:dyDescent="0.25">
      <c r="A702">
        <v>7</v>
      </c>
      <c r="B702">
        <v>160.61199999999999</v>
      </c>
      <c r="C702">
        <v>203.761</v>
      </c>
      <c r="D702">
        <v>1800</v>
      </c>
      <c r="E702">
        <v>3.9763799999999998</v>
      </c>
      <c r="F702">
        <v>3229.99</v>
      </c>
      <c r="G702">
        <v>82.210099999999997</v>
      </c>
    </row>
    <row r="703" spans="1:7" x14ac:dyDescent="0.25">
      <c r="A703">
        <v>7</v>
      </c>
      <c r="B703">
        <v>161.24199999999999</v>
      </c>
      <c r="C703">
        <v>198.72200000000001</v>
      </c>
      <c r="D703">
        <v>1800</v>
      </c>
      <c r="E703">
        <v>2.8425199999999999</v>
      </c>
      <c r="F703">
        <v>3588.18</v>
      </c>
      <c r="G703">
        <v>71.782499999999999</v>
      </c>
    </row>
    <row r="704" spans="1:7" x14ac:dyDescent="0.25">
      <c r="A704">
        <v>7</v>
      </c>
      <c r="B704">
        <v>145.494</v>
      </c>
      <c r="C704">
        <v>195.887</v>
      </c>
      <c r="D704">
        <v>5012.6000000000004</v>
      </c>
      <c r="E704">
        <v>3.3149600000000001</v>
      </c>
      <c r="F704">
        <v>6539.73</v>
      </c>
      <c r="G704">
        <v>21.848099999999999</v>
      </c>
    </row>
    <row r="705" spans="1:7" x14ac:dyDescent="0.25">
      <c r="A705">
        <v>7</v>
      </c>
      <c r="B705">
        <v>160.61199999999999</v>
      </c>
      <c r="C705">
        <v>200.61199999999999</v>
      </c>
      <c r="D705">
        <v>3004.72</v>
      </c>
      <c r="E705">
        <v>3.8110200000000001</v>
      </c>
      <c r="F705">
        <v>4219.75</v>
      </c>
      <c r="G705">
        <v>27.2697</v>
      </c>
    </row>
    <row r="706" spans="1:7" x14ac:dyDescent="0.25">
      <c r="A706">
        <v>7</v>
      </c>
      <c r="B706">
        <v>160.61199999999999</v>
      </c>
      <c r="C706">
        <v>196.202</v>
      </c>
      <c r="D706">
        <v>2870.87</v>
      </c>
      <c r="E706">
        <v>4</v>
      </c>
      <c r="F706">
        <v>4101.1499999999996</v>
      </c>
      <c r="G706">
        <v>27.514500000000002</v>
      </c>
    </row>
    <row r="707" spans="1:7" x14ac:dyDescent="0.25">
      <c r="A707">
        <v>7</v>
      </c>
      <c r="B707">
        <v>137.935</v>
      </c>
      <c r="C707">
        <v>210.06100000000001</v>
      </c>
      <c r="D707">
        <v>7154.33</v>
      </c>
      <c r="E707">
        <v>3.6692900000000002</v>
      </c>
      <c r="F707">
        <v>8491.42</v>
      </c>
      <c r="G707">
        <v>15.9948</v>
      </c>
    </row>
    <row r="708" spans="1:7" x14ac:dyDescent="0.25">
      <c r="A708">
        <v>7</v>
      </c>
      <c r="B708">
        <v>163.131</v>
      </c>
      <c r="C708">
        <v>197.46199999999999</v>
      </c>
      <c r="D708">
        <v>3004.72</v>
      </c>
      <c r="E708">
        <v>2.20472</v>
      </c>
      <c r="F708">
        <v>4871.2700000000004</v>
      </c>
      <c r="G708">
        <v>25.2303</v>
      </c>
    </row>
    <row r="709" spans="1:7" x14ac:dyDescent="0.25">
      <c r="A709">
        <v>7</v>
      </c>
      <c r="B709">
        <v>137.935</v>
      </c>
      <c r="C709">
        <v>199.352</v>
      </c>
      <c r="D709">
        <v>6083.46</v>
      </c>
      <c r="E709">
        <v>1.54331</v>
      </c>
      <c r="F709">
        <v>8551.86</v>
      </c>
      <c r="G709">
        <v>13.282500000000001</v>
      </c>
    </row>
    <row r="710" spans="1:7" x14ac:dyDescent="0.25">
      <c r="A710">
        <v>7</v>
      </c>
      <c r="B710">
        <v>160.61199999999999</v>
      </c>
      <c r="C710">
        <v>203.761</v>
      </c>
      <c r="D710">
        <v>1800</v>
      </c>
      <c r="E710">
        <v>3.9763799999999998</v>
      </c>
      <c r="F710">
        <v>3229.99</v>
      </c>
      <c r="G710">
        <v>82.210099999999997</v>
      </c>
    </row>
    <row r="711" spans="1:7" x14ac:dyDescent="0.25">
      <c r="A711">
        <v>7</v>
      </c>
      <c r="B711">
        <v>163.131</v>
      </c>
      <c r="C711">
        <v>197.46199999999999</v>
      </c>
      <c r="D711">
        <v>3004.72</v>
      </c>
      <c r="E711">
        <v>2.20472</v>
      </c>
      <c r="F711">
        <v>4871.2700000000004</v>
      </c>
      <c r="G711">
        <v>25.2303</v>
      </c>
    </row>
    <row r="712" spans="1:7" x14ac:dyDescent="0.25">
      <c r="A712">
        <v>7</v>
      </c>
      <c r="B712">
        <v>160.61199999999999</v>
      </c>
      <c r="C712">
        <v>196.202</v>
      </c>
      <c r="D712">
        <v>2870.87</v>
      </c>
      <c r="E712">
        <v>4</v>
      </c>
      <c r="F712">
        <v>4101.1499999999996</v>
      </c>
      <c r="G712">
        <v>27.514500000000002</v>
      </c>
    </row>
    <row r="713" spans="1:7" x14ac:dyDescent="0.25">
      <c r="A713">
        <v>7</v>
      </c>
      <c r="B713">
        <v>136.04499999999999</v>
      </c>
      <c r="C713">
        <v>195.572</v>
      </c>
      <c r="D713">
        <v>6083.46</v>
      </c>
      <c r="E713">
        <v>1.1653500000000001</v>
      </c>
      <c r="F713">
        <v>9446.7000000000007</v>
      </c>
      <c r="G713">
        <v>11.3193</v>
      </c>
    </row>
    <row r="714" spans="1:7" x14ac:dyDescent="0.25">
      <c r="A714">
        <v>7</v>
      </c>
      <c r="B714">
        <v>137.935</v>
      </c>
      <c r="C714">
        <v>210.06100000000001</v>
      </c>
      <c r="D714">
        <v>7154.33</v>
      </c>
      <c r="E714">
        <v>3.6692900000000002</v>
      </c>
      <c r="F714">
        <v>8491.42</v>
      </c>
      <c r="G714">
        <v>15.9948</v>
      </c>
    </row>
    <row r="715" spans="1:7" x14ac:dyDescent="0.25">
      <c r="A715">
        <v>7</v>
      </c>
      <c r="B715">
        <v>156.202</v>
      </c>
      <c r="C715">
        <v>196.83199999999999</v>
      </c>
      <c r="D715">
        <v>3004.72</v>
      </c>
      <c r="E715">
        <v>1.54331</v>
      </c>
      <c r="F715">
        <v>5700.32</v>
      </c>
      <c r="G715">
        <v>22.826499999999999</v>
      </c>
    </row>
    <row r="716" spans="1:7" x14ac:dyDescent="0.25">
      <c r="A716">
        <v>7</v>
      </c>
      <c r="B716">
        <v>137.935</v>
      </c>
      <c r="C716">
        <v>199.352</v>
      </c>
      <c r="D716">
        <v>6083.46</v>
      </c>
      <c r="E716">
        <v>1.54331</v>
      </c>
      <c r="F716">
        <v>8551.86</v>
      </c>
      <c r="G716">
        <v>13.282500000000001</v>
      </c>
    </row>
    <row r="717" spans="1:7" x14ac:dyDescent="0.25">
      <c r="A717">
        <v>7</v>
      </c>
      <c r="B717">
        <v>156.202</v>
      </c>
      <c r="C717">
        <v>196.83199999999999</v>
      </c>
      <c r="D717">
        <v>2067.7199999999998</v>
      </c>
      <c r="E717">
        <v>3.0314999999999999</v>
      </c>
      <c r="F717">
        <v>3854.72</v>
      </c>
      <c r="G717">
        <v>67.567499999999995</v>
      </c>
    </row>
    <row r="718" spans="1:7" x14ac:dyDescent="0.25">
      <c r="A718">
        <v>7</v>
      </c>
      <c r="B718">
        <v>156.202</v>
      </c>
      <c r="C718">
        <v>195.572</v>
      </c>
      <c r="D718">
        <v>3004.72</v>
      </c>
      <c r="E718">
        <v>1.6377999999999999</v>
      </c>
      <c r="F718">
        <v>5544</v>
      </c>
      <c r="G718">
        <v>23.644500000000001</v>
      </c>
    </row>
    <row r="719" spans="1:7" x14ac:dyDescent="0.25">
      <c r="A719">
        <v>7</v>
      </c>
      <c r="B719">
        <v>168.80099999999999</v>
      </c>
      <c r="C719">
        <v>195.572</v>
      </c>
      <c r="D719">
        <v>3406.3</v>
      </c>
      <c r="E719">
        <v>1.6141700000000001</v>
      </c>
      <c r="F719">
        <v>5485.25</v>
      </c>
      <c r="G719">
        <v>23.9512</v>
      </c>
    </row>
    <row r="720" spans="1:7" x14ac:dyDescent="0.25">
      <c r="A720">
        <v>7</v>
      </c>
      <c r="B720">
        <v>137.935</v>
      </c>
      <c r="C720">
        <v>208.17099999999999</v>
      </c>
      <c r="D720">
        <v>6083.46</v>
      </c>
      <c r="E720">
        <v>3.5275599999999998</v>
      </c>
      <c r="F720">
        <v>7624.38</v>
      </c>
      <c r="G720">
        <v>17.499500000000001</v>
      </c>
    </row>
    <row r="721" spans="1:7" x14ac:dyDescent="0.25">
      <c r="A721">
        <v>8</v>
      </c>
      <c r="B721">
        <v>160.61199999999999</v>
      </c>
      <c r="C721">
        <v>203.761</v>
      </c>
      <c r="D721">
        <v>1800</v>
      </c>
      <c r="E721">
        <v>3.9763799999999998</v>
      </c>
      <c r="F721">
        <v>3229.99</v>
      </c>
      <c r="G721">
        <v>82.210099999999997</v>
      </c>
    </row>
    <row r="722" spans="1:7" x14ac:dyDescent="0.25">
      <c r="A722">
        <v>8</v>
      </c>
      <c r="B722">
        <v>137.935</v>
      </c>
      <c r="C722">
        <v>208.17099999999999</v>
      </c>
      <c r="D722">
        <v>6083.46</v>
      </c>
      <c r="E722">
        <v>3.5275599999999998</v>
      </c>
      <c r="F722">
        <v>7624.38</v>
      </c>
      <c r="G722">
        <v>17.499500000000001</v>
      </c>
    </row>
    <row r="723" spans="1:7" x14ac:dyDescent="0.25">
      <c r="A723">
        <v>8</v>
      </c>
      <c r="B723">
        <v>156.202</v>
      </c>
      <c r="C723">
        <v>196.83199999999999</v>
      </c>
      <c r="D723">
        <v>2067.7199999999998</v>
      </c>
      <c r="E723">
        <v>3.0314999999999999</v>
      </c>
      <c r="F723">
        <v>3854.72</v>
      </c>
      <c r="G723">
        <v>67.567499999999995</v>
      </c>
    </row>
    <row r="724" spans="1:7" x14ac:dyDescent="0.25">
      <c r="A724">
        <v>8</v>
      </c>
      <c r="B724">
        <v>168.80099999999999</v>
      </c>
      <c r="C724">
        <v>195.572</v>
      </c>
      <c r="D724">
        <v>3406.3</v>
      </c>
      <c r="E724">
        <v>1.6141700000000001</v>
      </c>
      <c r="F724">
        <v>5485.25</v>
      </c>
      <c r="G724">
        <v>23.9512</v>
      </c>
    </row>
    <row r="725" spans="1:7" x14ac:dyDescent="0.25">
      <c r="A725">
        <v>8</v>
      </c>
      <c r="B725">
        <v>136.04499999999999</v>
      </c>
      <c r="C725">
        <v>201.24199999999999</v>
      </c>
      <c r="D725">
        <v>6083.46</v>
      </c>
      <c r="E725">
        <v>1.35433</v>
      </c>
      <c r="F725">
        <v>9021.2099999999991</v>
      </c>
      <c r="G725">
        <v>12.8209</v>
      </c>
    </row>
    <row r="726" spans="1:7" x14ac:dyDescent="0.25">
      <c r="A726">
        <v>8</v>
      </c>
      <c r="B726">
        <v>158.09200000000001</v>
      </c>
      <c r="C726">
        <v>207.541</v>
      </c>
      <c r="D726">
        <v>1800</v>
      </c>
      <c r="E726">
        <v>3.9763799999999998</v>
      </c>
      <c r="F726">
        <v>3255.66</v>
      </c>
      <c r="G726">
        <v>83.251300000000001</v>
      </c>
    </row>
    <row r="727" spans="1:7" x14ac:dyDescent="0.25">
      <c r="A727">
        <v>8</v>
      </c>
      <c r="B727">
        <v>136.04499999999999</v>
      </c>
      <c r="C727">
        <v>198.72200000000001</v>
      </c>
      <c r="D727">
        <v>6083.46</v>
      </c>
      <c r="E727">
        <v>2.4881899999999999</v>
      </c>
      <c r="F727">
        <v>8123.38</v>
      </c>
      <c r="G727">
        <v>18.7698</v>
      </c>
    </row>
    <row r="728" spans="1:7" x14ac:dyDescent="0.25">
      <c r="A728">
        <v>8</v>
      </c>
      <c r="B728">
        <v>161.24199999999999</v>
      </c>
      <c r="C728">
        <v>196.202</v>
      </c>
      <c r="D728">
        <v>2870.87</v>
      </c>
      <c r="E728">
        <v>3.4330699999999998</v>
      </c>
      <c r="F728">
        <v>4213.41</v>
      </c>
      <c r="G728">
        <v>27.750800000000002</v>
      </c>
    </row>
    <row r="729" spans="1:7" x14ac:dyDescent="0.25">
      <c r="A729">
        <v>8</v>
      </c>
      <c r="B729">
        <v>156.202</v>
      </c>
      <c r="C729">
        <v>199.982</v>
      </c>
      <c r="D729">
        <v>1800</v>
      </c>
      <c r="E729">
        <v>3.0551200000000001</v>
      </c>
      <c r="F729">
        <v>3629.35</v>
      </c>
      <c r="G729">
        <v>84.853200000000001</v>
      </c>
    </row>
    <row r="730" spans="1:7" x14ac:dyDescent="0.25">
      <c r="A730">
        <v>8</v>
      </c>
      <c r="B730">
        <v>158.09200000000001</v>
      </c>
      <c r="C730">
        <v>196.517</v>
      </c>
      <c r="D730">
        <v>2870.87</v>
      </c>
      <c r="E730">
        <v>3.8110200000000001</v>
      </c>
      <c r="F730">
        <v>4274.18</v>
      </c>
      <c r="G730">
        <v>37.732900000000001</v>
      </c>
    </row>
    <row r="731" spans="1:7" x14ac:dyDescent="0.25">
      <c r="A731">
        <v>8</v>
      </c>
      <c r="B731">
        <v>161.24199999999999</v>
      </c>
      <c r="C731">
        <v>196.202</v>
      </c>
      <c r="D731">
        <v>2870.87</v>
      </c>
      <c r="E731">
        <v>2.8425199999999999</v>
      </c>
      <c r="F731">
        <v>4403.25</v>
      </c>
      <c r="G731">
        <v>26.689699999999998</v>
      </c>
    </row>
    <row r="732" spans="1:7" x14ac:dyDescent="0.25">
      <c r="A732">
        <v>8</v>
      </c>
      <c r="B732">
        <v>168.17099999999999</v>
      </c>
      <c r="C732">
        <v>195.572</v>
      </c>
      <c r="D732">
        <v>2870.87</v>
      </c>
      <c r="E732">
        <v>2.20472</v>
      </c>
      <c r="F732">
        <v>4604.37</v>
      </c>
      <c r="G732">
        <v>92.132099999999994</v>
      </c>
    </row>
    <row r="733" spans="1:7" x14ac:dyDescent="0.25">
      <c r="A733">
        <v>8</v>
      </c>
      <c r="B733">
        <v>138.565</v>
      </c>
      <c r="C733">
        <v>195.572</v>
      </c>
      <c r="D733">
        <v>6083.46</v>
      </c>
      <c r="E733">
        <v>1.92126</v>
      </c>
      <c r="F733">
        <v>8442.85</v>
      </c>
      <c r="G733">
        <v>13.4688</v>
      </c>
    </row>
    <row r="734" spans="1:7" x14ac:dyDescent="0.25">
      <c r="A734">
        <v>8</v>
      </c>
      <c r="B734">
        <v>158.72200000000001</v>
      </c>
      <c r="C734">
        <v>195.572</v>
      </c>
      <c r="D734">
        <v>2335.4299999999998</v>
      </c>
      <c r="E734">
        <v>2.9370099999999999</v>
      </c>
      <c r="F734">
        <v>4148.87</v>
      </c>
      <c r="G734">
        <v>52.037399999999998</v>
      </c>
    </row>
    <row r="735" spans="1:7" x14ac:dyDescent="0.25">
      <c r="A735">
        <v>8</v>
      </c>
      <c r="B735">
        <v>137.935</v>
      </c>
      <c r="C735">
        <v>198.09200000000001</v>
      </c>
      <c r="D735">
        <v>6083.46</v>
      </c>
      <c r="E735">
        <v>2.6771699999999998</v>
      </c>
      <c r="F735">
        <v>7906.79</v>
      </c>
      <c r="G735">
        <v>16.8995</v>
      </c>
    </row>
    <row r="736" spans="1:7" x14ac:dyDescent="0.25">
      <c r="A736">
        <v>8</v>
      </c>
      <c r="B736">
        <v>160.61199999999999</v>
      </c>
      <c r="C736">
        <v>195.572</v>
      </c>
      <c r="D736">
        <v>3004.72</v>
      </c>
      <c r="E736">
        <v>3.8110200000000001</v>
      </c>
      <c r="F736">
        <v>4285.95</v>
      </c>
      <c r="G736">
        <v>27.2697</v>
      </c>
    </row>
    <row r="737" spans="1:7" x14ac:dyDescent="0.25">
      <c r="A737">
        <v>8</v>
      </c>
      <c r="B737">
        <v>158.09200000000001</v>
      </c>
      <c r="C737">
        <v>206.596</v>
      </c>
      <c r="D737">
        <v>6083.46</v>
      </c>
      <c r="E737">
        <v>3.5275599999999998</v>
      </c>
      <c r="F737">
        <v>7357.22</v>
      </c>
      <c r="G737">
        <v>57.073099999999997</v>
      </c>
    </row>
    <row r="738" spans="1:7" x14ac:dyDescent="0.25">
      <c r="A738">
        <v>8</v>
      </c>
      <c r="B738">
        <v>156.202</v>
      </c>
      <c r="C738">
        <v>201.24199999999999</v>
      </c>
      <c r="D738">
        <v>1800</v>
      </c>
      <c r="E738">
        <v>2.74803</v>
      </c>
      <c r="F738">
        <v>3765.78</v>
      </c>
      <c r="G738">
        <v>77.103800000000007</v>
      </c>
    </row>
    <row r="739" spans="1:7" x14ac:dyDescent="0.25">
      <c r="A739">
        <v>8</v>
      </c>
      <c r="B739">
        <v>158.72200000000001</v>
      </c>
      <c r="C739">
        <v>197.46199999999999</v>
      </c>
      <c r="D739">
        <v>7154.33</v>
      </c>
      <c r="E739">
        <v>3.59843</v>
      </c>
      <c r="F739">
        <v>8441.82</v>
      </c>
      <c r="G739">
        <v>56.762599999999999</v>
      </c>
    </row>
    <row r="740" spans="1:7" x14ac:dyDescent="0.25">
      <c r="A740">
        <v>8</v>
      </c>
      <c r="B740">
        <v>160.61199999999999</v>
      </c>
      <c r="C740">
        <v>201.24199999999999</v>
      </c>
      <c r="D740">
        <v>1933.86</v>
      </c>
      <c r="E740">
        <v>3.8110200000000001</v>
      </c>
      <c r="F740">
        <v>3403.13</v>
      </c>
      <c r="G740">
        <v>71.532600000000002</v>
      </c>
    </row>
    <row r="741" spans="1:7" x14ac:dyDescent="0.25">
      <c r="A741">
        <v>8</v>
      </c>
      <c r="B741">
        <v>156.202</v>
      </c>
      <c r="C741">
        <v>196.202</v>
      </c>
      <c r="D741">
        <v>1800</v>
      </c>
      <c r="E741">
        <v>2.8661400000000001</v>
      </c>
      <c r="F741">
        <v>3729.61</v>
      </c>
      <c r="G741">
        <v>82.714600000000004</v>
      </c>
    </row>
    <row r="742" spans="1:7" x14ac:dyDescent="0.25">
      <c r="A742">
        <v>8</v>
      </c>
      <c r="B742">
        <v>142.97399999999999</v>
      </c>
      <c r="C742">
        <v>208.17099999999999</v>
      </c>
      <c r="D742">
        <v>1800</v>
      </c>
      <c r="E742">
        <v>3.6220500000000002</v>
      </c>
      <c r="F742">
        <v>3531.95</v>
      </c>
      <c r="G742">
        <v>114.66500000000001</v>
      </c>
    </row>
    <row r="743" spans="1:7" x14ac:dyDescent="0.25">
      <c r="A743">
        <v>8</v>
      </c>
      <c r="B743">
        <v>160.61199999999999</v>
      </c>
      <c r="C743">
        <v>201.24199999999999</v>
      </c>
      <c r="D743">
        <v>6083.46</v>
      </c>
      <c r="E743">
        <v>2.6771699999999998</v>
      </c>
      <c r="F743">
        <v>7584.85</v>
      </c>
      <c r="G743">
        <v>37.7896</v>
      </c>
    </row>
    <row r="744" spans="1:7" x14ac:dyDescent="0.25">
      <c r="A744">
        <v>8</v>
      </c>
      <c r="B744">
        <v>156.202</v>
      </c>
      <c r="C744">
        <v>195.887</v>
      </c>
      <c r="D744">
        <v>2870.87</v>
      </c>
      <c r="E744">
        <v>2.0866099999999999</v>
      </c>
      <c r="F744">
        <v>4884.5200000000004</v>
      </c>
      <c r="G744">
        <v>25.466100000000001</v>
      </c>
    </row>
    <row r="745" spans="1:7" x14ac:dyDescent="0.25">
      <c r="A745">
        <v>8</v>
      </c>
      <c r="B745">
        <v>160.61199999999999</v>
      </c>
      <c r="C745">
        <v>196.83199999999999</v>
      </c>
      <c r="D745">
        <v>3004.72</v>
      </c>
      <c r="E745">
        <v>3.0551200000000001</v>
      </c>
      <c r="F745">
        <v>4580.1499999999996</v>
      </c>
      <c r="G745">
        <v>31.403500000000001</v>
      </c>
    </row>
    <row r="746" spans="1:7" x14ac:dyDescent="0.25">
      <c r="A746">
        <v>8</v>
      </c>
      <c r="B746">
        <v>158.72200000000001</v>
      </c>
      <c r="C746">
        <v>197.46199999999999</v>
      </c>
      <c r="D746">
        <v>3138.58</v>
      </c>
      <c r="E746">
        <v>3.0314999999999999</v>
      </c>
      <c r="F746">
        <v>4668.16</v>
      </c>
      <c r="G746">
        <v>54.163699999999999</v>
      </c>
    </row>
    <row r="747" spans="1:7" x14ac:dyDescent="0.25">
      <c r="A747">
        <v>8</v>
      </c>
      <c r="B747">
        <v>146.124</v>
      </c>
      <c r="C747">
        <v>198.09200000000001</v>
      </c>
      <c r="D747">
        <v>2335.4299999999998</v>
      </c>
      <c r="E747">
        <v>1.2598400000000001</v>
      </c>
      <c r="F747">
        <v>5751.37</v>
      </c>
      <c r="G747">
        <v>59.747700000000002</v>
      </c>
    </row>
    <row r="748" spans="1:7" x14ac:dyDescent="0.25">
      <c r="A748">
        <v>8</v>
      </c>
      <c r="B748">
        <v>137.935</v>
      </c>
      <c r="C748">
        <v>198.09200000000001</v>
      </c>
      <c r="D748">
        <v>6083.46</v>
      </c>
      <c r="E748">
        <v>2.1102400000000001</v>
      </c>
      <c r="F748">
        <v>8238.3799999999992</v>
      </c>
      <c r="G748">
        <v>11.8962</v>
      </c>
    </row>
    <row r="749" spans="1:7" x14ac:dyDescent="0.25">
      <c r="A749">
        <v>8</v>
      </c>
      <c r="B749">
        <v>155.572</v>
      </c>
      <c r="C749">
        <v>198.72200000000001</v>
      </c>
      <c r="D749">
        <v>2870.87</v>
      </c>
      <c r="E749">
        <v>2.4881899999999999</v>
      </c>
      <c r="F749">
        <v>4929.0600000000004</v>
      </c>
      <c r="G749">
        <v>36.3797</v>
      </c>
    </row>
    <row r="750" spans="1:7" x14ac:dyDescent="0.25">
      <c r="A750">
        <v>8</v>
      </c>
      <c r="B750">
        <v>163.761</v>
      </c>
      <c r="C750">
        <v>195.572</v>
      </c>
      <c r="D750">
        <v>3406.3</v>
      </c>
      <c r="E750">
        <v>1.6141700000000001</v>
      </c>
      <c r="F750">
        <v>5727.45</v>
      </c>
      <c r="G750">
        <v>67.552800000000005</v>
      </c>
    </row>
    <row r="751" spans="1:7" x14ac:dyDescent="0.25">
      <c r="A751">
        <v>8</v>
      </c>
      <c r="B751">
        <v>136.04499999999999</v>
      </c>
      <c r="C751">
        <v>195.572</v>
      </c>
      <c r="D751">
        <v>2870.87</v>
      </c>
      <c r="E751">
        <v>2.8661400000000001</v>
      </c>
      <c r="F751">
        <v>4973.46</v>
      </c>
      <c r="G751">
        <v>103.84699999999999</v>
      </c>
    </row>
    <row r="752" spans="1:7" x14ac:dyDescent="0.25">
      <c r="A752">
        <v>8</v>
      </c>
      <c r="B752">
        <v>136.04499999999999</v>
      </c>
      <c r="C752">
        <v>195.572</v>
      </c>
      <c r="D752">
        <v>6083.46</v>
      </c>
      <c r="E752">
        <v>2.8661400000000001</v>
      </c>
      <c r="F752">
        <v>7920.04</v>
      </c>
      <c r="G752">
        <v>25.938199999999998</v>
      </c>
    </row>
    <row r="753" spans="1:7" x14ac:dyDescent="0.25">
      <c r="A753">
        <v>8</v>
      </c>
      <c r="B753">
        <v>160.61199999999999</v>
      </c>
      <c r="C753">
        <v>200.61199999999999</v>
      </c>
      <c r="D753">
        <v>1800</v>
      </c>
      <c r="E753">
        <v>3.9763799999999998</v>
      </c>
      <c r="F753">
        <v>3324</v>
      </c>
      <c r="G753">
        <v>82.601799999999997</v>
      </c>
    </row>
    <row r="754" spans="1:7" x14ac:dyDescent="0.25">
      <c r="A754">
        <v>8</v>
      </c>
      <c r="B754">
        <v>141.084</v>
      </c>
      <c r="C754">
        <v>195.25700000000001</v>
      </c>
      <c r="D754">
        <v>7154.33</v>
      </c>
      <c r="E754">
        <v>2.1102400000000001</v>
      </c>
      <c r="F754">
        <v>9547.68</v>
      </c>
      <c r="G754">
        <v>20.087399999999999</v>
      </c>
    </row>
    <row r="755" spans="1:7" x14ac:dyDescent="0.25">
      <c r="A755">
        <v>8</v>
      </c>
      <c r="B755">
        <v>155.572</v>
      </c>
      <c r="C755">
        <v>195.572</v>
      </c>
      <c r="D755">
        <v>6351.18</v>
      </c>
      <c r="E755">
        <v>3.2440899999999999</v>
      </c>
      <c r="F755">
        <v>7668.11</v>
      </c>
      <c r="G755">
        <v>40.461199999999998</v>
      </c>
    </row>
    <row r="756" spans="1:7" x14ac:dyDescent="0.25">
      <c r="A756">
        <v>8</v>
      </c>
      <c r="B756">
        <v>136.04499999999999</v>
      </c>
      <c r="C756">
        <v>198.09200000000001</v>
      </c>
      <c r="D756">
        <v>6083.46</v>
      </c>
      <c r="E756">
        <v>2.5826799999999999</v>
      </c>
      <c r="F756">
        <v>8031.81</v>
      </c>
      <c r="G756">
        <v>21.354600000000001</v>
      </c>
    </row>
    <row r="757" spans="1:7" x14ac:dyDescent="0.25">
      <c r="A757">
        <v>8</v>
      </c>
      <c r="B757">
        <v>158.09200000000001</v>
      </c>
      <c r="C757">
        <v>197.46199999999999</v>
      </c>
      <c r="D757">
        <v>2870.87</v>
      </c>
      <c r="E757">
        <v>3.8110200000000001</v>
      </c>
      <c r="F757">
        <v>4274.18</v>
      </c>
      <c r="G757">
        <v>37.732900000000001</v>
      </c>
    </row>
    <row r="758" spans="1:7" x14ac:dyDescent="0.25">
      <c r="A758">
        <v>8</v>
      </c>
      <c r="B758">
        <v>171.32</v>
      </c>
      <c r="C758">
        <v>196.202</v>
      </c>
      <c r="D758">
        <v>2870.87</v>
      </c>
      <c r="E758">
        <v>3.0551200000000001</v>
      </c>
      <c r="F758">
        <v>4138.99</v>
      </c>
      <c r="G758">
        <v>111.164</v>
      </c>
    </row>
    <row r="759" spans="1:7" x14ac:dyDescent="0.25">
      <c r="A759">
        <v>8</v>
      </c>
      <c r="B759">
        <v>160.61199999999999</v>
      </c>
      <c r="C759">
        <v>197.46199999999999</v>
      </c>
      <c r="D759">
        <v>1800</v>
      </c>
      <c r="E759">
        <v>3.9763799999999998</v>
      </c>
      <c r="F759">
        <v>3324</v>
      </c>
      <c r="G759">
        <v>85.6952</v>
      </c>
    </row>
    <row r="760" spans="1:7" x14ac:dyDescent="0.25">
      <c r="A760">
        <v>8</v>
      </c>
      <c r="B760">
        <v>156.202</v>
      </c>
      <c r="C760">
        <v>195.572</v>
      </c>
      <c r="D760">
        <v>7154.33</v>
      </c>
      <c r="E760">
        <v>2.6771699999999998</v>
      </c>
      <c r="F760">
        <v>8737.32</v>
      </c>
      <c r="G760">
        <v>34.451000000000001</v>
      </c>
    </row>
    <row r="761" spans="1:7" x14ac:dyDescent="0.25">
      <c r="A761">
        <v>8</v>
      </c>
      <c r="B761">
        <v>168.17099999999999</v>
      </c>
      <c r="C761">
        <v>195.572</v>
      </c>
      <c r="D761">
        <v>6083.46</v>
      </c>
      <c r="E761">
        <v>2.3936999999999999</v>
      </c>
      <c r="F761">
        <v>5284.69</v>
      </c>
      <c r="G761">
        <v>85.568100000000001</v>
      </c>
    </row>
    <row r="762" spans="1:7" x14ac:dyDescent="0.25">
      <c r="A762">
        <v>8</v>
      </c>
      <c r="B762">
        <v>165.65100000000001</v>
      </c>
      <c r="C762">
        <v>196.517</v>
      </c>
      <c r="D762">
        <v>2870.87</v>
      </c>
      <c r="E762">
        <v>3.8110200000000001</v>
      </c>
      <c r="F762">
        <v>4138.32</v>
      </c>
      <c r="G762">
        <v>81.689099999999996</v>
      </c>
    </row>
    <row r="763" spans="1:7" x14ac:dyDescent="0.25">
      <c r="A763">
        <v>8</v>
      </c>
      <c r="B763">
        <v>135.41499999999999</v>
      </c>
      <c r="C763">
        <v>203.131</v>
      </c>
      <c r="D763">
        <v>1800</v>
      </c>
      <c r="E763">
        <v>3.5275599999999998</v>
      </c>
      <c r="F763">
        <v>3668.61</v>
      </c>
      <c r="G763">
        <v>130.94399999999999</v>
      </c>
    </row>
    <row r="764" spans="1:7" x14ac:dyDescent="0.25">
      <c r="A764">
        <v>8</v>
      </c>
      <c r="B764">
        <v>137.935</v>
      </c>
      <c r="C764">
        <v>179.19399999999999</v>
      </c>
      <c r="D764">
        <v>6217.32</v>
      </c>
      <c r="E764">
        <v>3.0551200000000001</v>
      </c>
      <c r="F764">
        <v>7892.39</v>
      </c>
      <c r="G764">
        <v>23.6022</v>
      </c>
    </row>
    <row r="765" spans="1:7" x14ac:dyDescent="0.25">
      <c r="A765">
        <v>8</v>
      </c>
      <c r="B765">
        <v>155.572</v>
      </c>
      <c r="C765">
        <v>206.911</v>
      </c>
      <c r="D765">
        <v>6351.18</v>
      </c>
      <c r="E765">
        <v>3.0314999999999999</v>
      </c>
      <c r="F765">
        <v>7771.24</v>
      </c>
      <c r="G765">
        <v>40.212200000000003</v>
      </c>
    </row>
    <row r="766" spans="1:7" x14ac:dyDescent="0.25">
      <c r="A766">
        <v>8</v>
      </c>
      <c r="B766">
        <v>136.04499999999999</v>
      </c>
      <c r="C766">
        <v>205.96600000000001</v>
      </c>
      <c r="D766">
        <v>1800</v>
      </c>
      <c r="E766">
        <v>2.65354</v>
      </c>
      <c r="F766">
        <v>4007.29</v>
      </c>
      <c r="G766">
        <v>111.965</v>
      </c>
    </row>
    <row r="767" spans="1:7" x14ac:dyDescent="0.25">
      <c r="A767">
        <v>8</v>
      </c>
      <c r="B767">
        <v>156.202</v>
      </c>
      <c r="C767">
        <v>198.72200000000001</v>
      </c>
      <c r="D767">
        <v>1800</v>
      </c>
      <c r="E767">
        <v>3.9763799999999998</v>
      </c>
      <c r="F767">
        <v>3409.09</v>
      </c>
      <c r="G767">
        <v>96.076800000000006</v>
      </c>
    </row>
    <row r="768" spans="1:7" x14ac:dyDescent="0.25">
      <c r="A768">
        <v>8</v>
      </c>
      <c r="B768">
        <v>168.17099999999999</v>
      </c>
      <c r="C768">
        <v>195.887</v>
      </c>
      <c r="D768">
        <v>2870.87</v>
      </c>
      <c r="E768">
        <v>3.8110200000000001</v>
      </c>
      <c r="F768">
        <v>3961.22</v>
      </c>
      <c r="G768">
        <v>50.840899999999998</v>
      </c>
    </row>
    <row r="769" spans="1:7" x14ac:dyDescent="0.25">
      <c r="A769">
        <v>8</v>
      </c>
      <c r="B769">
        <v>170.691</v>
      </c>
      <c r="C769">
        <v>200.92699999999999</v>
      </c>
      <c r="D769">
        <v>1800</v>
      </c>
      <c r="E769">
        <v>3.7873999999999999</v>
      </c>
      <c r="F769">
        <v>3157.85</v>
      </c>
      <c r="G769">
        <v>100.657</v>
      </c>
    </row>
    <row r="770" spans="1:7" x14ac:dyDescent="0.25">
      <c r="A770">
        <v>8</v>
      </c>
      <c r="B770">
        <v>168.80099999999999</v>
      </c>
      <c r="C770">
        <v>195.572</v>
      </c>
      <c r="D770">
        <v>3406.3</v>
      </c>
      <c r="E770">
        <v>1.6141700000000001</v>
      </c>
      <c r="F770">
        <v>5485.25</v>
      </c>
      <c r="G770">
        <v>23.9512</v>
      </c>
    </row>
    <row r="771" spans="1:7" x14ac:dyDescent="0.25">
      <c r="A771">
        <v>8</v>
      </c>
      <c r="B771">
        <v>161.24199999999999</v>
      </c>
      <c r="C771">
        <v>197.14699999999999</v>
      </c>
      <c r="D771">
        <v>1800</v>
      </c>
      <c r="E771">
        <v>2.6771699999999998</v>
      </c>
      <c r="F771">
        <v>3676.54</v>
      </c>
      <c r="G771">
        <v>70.4084</v>
      </c>
    </row>
    <row r="772" spans="1:7" x14ac:dyDescent="0.25">
      <c r="A772">
        <v>8</v>
      </c>
      <c r="B772">
        <v>156.202</v>
      </c>
      <c r="C772">
        <v>203.761</v>
      </c>
      <c r="D772">
        <v>1800</v>
      </c>
      <c r="E772">
        <v>3.0314999999999999</v>
      </c>
      <c r="F772">
        <v>3640.97</v>
      </c>
      <c r="G772">
        <v>84.611599999999996</v>
      </c>
    </row>
    <row r="773" spans="1:7" x14ac:dyDescent="0.25">
      <c r="A773">
        <v>8</v>
      </c>
      <c r="B773">
        <v>156.202</v>
      </c>
      <c r="C773">
        <v>197.14699999999999</v>
      </c>
      <c r="D773">
        <v>2067.7199999999998</v>
      </c>
      <c r="E773">
        <v>3.59843</v>
      </c>
      <c r="F773">
        <v>3708.68</v>
      </c>
      <c r="G773">
        <v>76.864199999999997</v>
      </c>
    </row>
    <row r="774" spans="1:7" x14ac:dyDescent="0.25">
      <c r="A774">
        <v>8</v>
      </c>
      <c r="B774">
        <v>161.24199999999999</v>
      </c>
      <c r="C774">
        <v>197.46199999999999</v>
      </c>
      <c r="D774">
        <v>2870.87</v>
      </c>
      <c r="E774">
        <v>3.59843</v>
      </c>
      <c r="F774">
        <v>4175.8500000000004</v>
      </c>
      <c r="G774">
        <v>28.032900000000001</v>
      </c>
    </row>
    <row r="775" spans="1:7" x14ac:dyDescent="0.25">
      <c r="A775">
        <v>8</v>
      </c>
      <c r="B775">
        <v>161.24199999999999</v>
      </c>
      <c r="C775">
        <v>195.887</v>
      </c>
      <c r="D775">
        <v>2870.87</v>
      </c>
      <c r="E775">
        <v>3.59843</v>
      </c>
      <c r="F775">
        <v>4175.8500000000004</v>
      </c>
      <c r="G775">
        <v>28.032900000000001</v>
      </c>
    </row>
    <row r="776" spans="1:7" x14ac:dyDescent="0.25">
      <c r="A776">
        <v>8</v>
      </c>
      <c r="B776">
        <v>153.68299999999999</v>
      </c>
      <c r="C776">
        <v>195.887</v>
      </c>
      <c r="D776">
        <v>2870.87</v>
      </c>
      <c r="E776">
        <v>3.4330699999999998</v>
      </c>
      <c r="F776">
        <v>4506.24</v>
      </c>
      <c r="G776">
        <v>41.747500000000002</v>
      </c>
    </row>
    <row r="777" spans="1:7" x14ac:dyDescent="0.25">
      <c r="A777">
        <v>8</v>
      </c>
      <c r="B777">
        <v>155.572</v>
      </c>
      <c r="C777">
        <v>195.572</v>
      </c>
      <c r="D777">
        <v>6083.46</v>
      </c>
      <c r="E777">
        <v>3.8110200000000001</v>
      </c>
      <c r="F777">
        <v>7229.43</v>
      </c>
      <c r="G777">
        <v>40.8919</v>
      </c>
    </row>
    <row r="778" spans="1:7" x14ac:dyDescent="0.25">
      <c r="A778">
        <v>8</v>
      </c>
      <c r="B778">
        <v>160.61199999999999</v>
      </c>
      <c r="C778">
        <v>199.982</v>
      </c>
      <c r="D778">
        <v>1800</v>
      </c>
      <c r="E778">
        <v>3.9763799999999998</v>
      </c>
      <c r="F778">
        <v>3324</v>
      </c>
      <c r="G778">
        <v>83.225200000000001</v>
      </c>
    </row>
    <row r="779" spans="1:7" x14ac:dyDescent="0.25">
      <c r="A779">
        <v>8</v>
      </c>
      <c r="B779">
        <v>161.24199999999999</v>
      </c>
      <c r="C779">
        <v>196.202</v>
      </c>
      <c r="D779">
        <v>3004.72</v>
      </c>
      <c r="E779">
        <v>4</v>
      </c>
      <c r="F779">
        <v>4235.45</v>
      </c>
      <c r="G779">
        <v>28.784600000000001</v>
      </c>
    </row>
    <row r="780" spans="1:7" x14ac:dyDescent="0.25">
      <c r="A780">
        <v>8</v>
      </c>
      <c r="B780">
        <v>160.61199999999999</v>
      </c>
      <c r="C780">
        <v>196.202</v>
      </c>
      <c r="D780">
        <v>3004.72</v>
      </c>
      <c r="E780">
        <v>3.7873999999999999</v>
      </c>
      <c r="F780">
        <v>4291.6400000000003</v>
      </c>
      <c r="G780">
        <v>27.2898</v>
      </c>
    </row>
    <row r="781" spans="1:7" x14ac:dyDescent="0.25">
      <c r="A781">
        <v>8</v>
      </c>
      <c r="B781">
        <v>166.28100000000001</v>
      </c>
      <c r="C781">
        <v>195.572</v>
      </c>
      <c r="D781">
        <v>7288.19</v>
      </c>
      <c r="E781">
        <v>1.02362</v>
      </c>
      <c r="F781">
        <v>7152.81</v>
      </c>
      <c r="G781">
        <v>19.911000000000001</v>
      </c>
    </row>
    <row r="782" spans="1:7" x14ac:dyDescent="0.25">
      <c r="A782">
        <v>8</v>
      </c>
      <c r="B782">
        <v>160.61199999999999</v>
      </c>
      <c r="C782">
        <v>195.572</v>
      </c>
      <c r="D782">
        <v>3004.72</v>
      </c>
      <c r="E782">
        <v>3.8110200000000001</v>
      </c>
      <c r="F782">
        <v>4285.95</v>
      </c>
      <c r="G782">
        <v>27.2697</v>
      </c>
    </row>
    <row r="783" spans="1:7" x14ac:dyDescent="0.25">
      <c r="A783">
        <v>8</v>
      </c>
      <c r="B783">
        <v>161.24199999999999</v>
      </c>
      <c r="C783">
        <v>196.202</v>
      </c>
      <c r="D783">
        <v>2870.87</v>
      </c>
      <c r="E783">
        <v>2.8425199999999999</v>
      </c>
      <c r="F783">
        <v>4403.25</v>
      </c>
      <c r="G783">
        <v>26.689699999999998</v>
      </c>
    </row>
    <row r="784" spans="1:7" x14ac:dyDescent="0.25">
      <c r="A784">
        <v>8</v>
      </c>
      <c r="B784">
        <v>137.935</v>
      </c>
      <c r="C784">
        <v>198.09200000000001</v>
      </c>
      <c r="D784">
        <v>6083.46</v>
      </c>
      <c r="E784">
        <v>2.6771699999999998</v>
      </c>
      <c r="F784">
        <v>7906.79</v>
      </c>
      <c r="G784">
        <v>16.8995</v>
      </c>
    </row>
    <row r="785" spans="1:7" x14ac:dyDescent="0.25">
      <c r="A785">
        <v>8</v>
      </c>
      <c r="B785">
        <v>168.17099999999999</v>
      </c>
      <c r="C785">
        <v>195.887</v>
      </c>
      <c r="D785">
        <v>2870.87</v>
      </c>
      <c r="E785">
        <v>3.8110200000000001</v>
      </c>
      <c r="F785">
        <v>3961.22</v>
      </c>
      <c r="G785">
        <v>50.840899999999998</v>
      </c>
    </row>
    <row r="786" spans="1:7" x14ac:dyDescent="0.25">
      <c r="A786">
        <v>8</v>
      </c>
      <c r="B786">
        <v>170.691</v>
      </c>
      <c r="C786">
        <v>200.92699999999999</v>
      </c>
      <c r="D786">
        <v>1800</v>
      </c>
      <c r="E786">
        <v>3.7873999999999999</v>
      </c>
      <c r="F786">
        <v>3157.85</v>
      </c>
      <c r="G786">
        <v>100.657</v>
      </c>
    </row>
    <row r="787" spans="1:7" x14ac:dyDescent="0.25">
      <c r="A787">
        <v>8</v>
      </c>
      <c r="B787">
        <v>161.24199999999999</v>
      </c>
      <c r="C787">
        <v>197.14699999999999</v>
      </c>
      <c r="D787">
        <v>1800</v>
      </c>
      <c r="E787">
        <v>2.6771699999999998</v>
      </c>
      <c r="F787">
        <v>3676.54</v>
      </c>
      <c r="G787">
        <v>70.4084</v>
      </c>
    </row>
    <row r="788" spans="1:7" x14ac:dyDescent="0.25">
      <c r="A788">
        <v>8</v>
      </c>
      <c r="B788">
        <v>160.61199999999999</v>
      </c>
      <c r="C788">
        <v>213.84</v>
      </c>
      <c r="D788">
        <v>2335.4299999999998</v>
      </c>
      <c r="E788">
        <v>1.3307100000000001</v>
      </c>
      <c r="F788">
        <v>5313.69</v>
      </c>
      <c r="G788">
        <v>25.168900000000001</v>
      </c>
    </row>
    <row r="789" spans="1:7" x14ac:dyDescent="0.25">
      <c r="A789">
        <v>8</v>
      </c>
      <c r="B789">
        <v>160.61199999999999</v>
      </c>
      <c r="C789">
        <v>196.202</v>
      </c>
      <c r="D789">
        <v>2870.87</v>
      </c>
      <c r="E789">
        <v>4</v>
      </c>
      <c r="F789">
        <v>4101.1499999999996</v>
      </c>
      <c r="G789">
        <v>27.514500000000002</v>
      </c>
    </row>
    <row r="790" spans="1:7" x14ac:dyDescent="0.25">
      <c r="A790">
        <v>8</v>
      </c>
      <c r="B790">
        <v>160.61199999999999</v>
      </c>
      <c r="C790">
        <v>213.84</v>
      </c>
      <c r="D790">
        <v>2335.4299999999998</v>
      </c>
      <c r="E790">
        <v>1.3307100000000001</v>
      </c>
      <c r="F790">
        <v>5313.69</v>
      </c>
      <c r="G790">
        <v>25.168900000000001</v>
      </c>
    </row>
    <row r="791" spans="1:7" x14ac:dyDescent="0.25">
      <c r="A791">
        <v>8</v>
      </c>
      <c r="B791">
        <v>137.935</v>
      </c>
      <c r="C791">
        <v>198.09200000000001</v>
      </c>
      <c r="D791">
        <v>6083.46</v>
      </c>
      <c r="E791">
        <v>2.1102400000000001</v>
      </c>
      <c r="F791">
        <v>8238.3799999999992</v>
      </c>
      <c r="G791">
        <v>11.8962</v>
      </c>
    </row>
    <row r="792" spans="1:7" x14ac:dyDescent="0.25">
      <c r="A792">
        <v>8</v>
      </c>
      <c r="B792">
        <v>160.61199999999999</v>
      </c>
      <c r="C792">
        <v>203.761</v>
      </c>
      <c r="D792">
        <v>1800</v>
      </c>
      <c r="E792">
        <v>3.9763799999999998</v>
      </c>
      <c r="F792">
        <v>3229.99</v>
      </c>
      <c r="G792">
        <v>82.210099999999997</v>
      </c>
    </row>
    <row r="793" spans="1:7" x14ac:dyDescent="0.25">
      <c r="A793">
        <v>8</v>
      </c>
      <c r="B793">
        <v>160.61199999999999</v>
      </c>
      <c r="C793">
        <v>201.24199999999999</v>
      </c>
      <c r="D793">
        <v>1933.86</v>
      </c>
      <c r="E793">
        <v>3.8110200000000001</v>
      </c>
      <c r="F793">
        <v>3403.13</v>
      </c>
      <c r="G793">
        <v>71.532600000000002</v>
      </c>
    </row>
    <row r="794" spans="1:7" x14ac:dyDescent="0.25">
      <c r="A794">
        <v>8</v>
      </c>
      <c r="B794">
        <v>145.494</v>
      </c>
      <c r="C794">
        <v>195.887</v>
      </c>
      <c r="D794">
        <v>5012.6000000000004</v>
      </c>
      <c r="E794">
        <v>3.3149600000000001</v>
      </c>
      <c r="F794">
        <v>6539.73</v>
      </c>
      <c r="G794">
        <v>21.848099999999999</v>
      </c>
    </row>
    <row r="795" spans="1:7" x14ac:dyDescent="0.25">
      <c r="A795">
        <v>8</v>
      </c>
      <c r="B795">
        <v>160.61199999999999</v>
      </c>
      <c r="C795">
        <v>200.61199999999999</v>
      </c>
      <c r="D795">
        <v>3004.72</v>
      </c>
      <c r="E795">
        <v>3.8110200000000001</v>
      </c>
      <c r="F795">
        <v>4219.75</v>
      </c>
      <c r="G795">
        <v>27.2697</v>
      </c>
    </row>
    <row r="796" spans="1:7" x14ac:dyDescent="0.25">
      <c r="A796">
        <v>8</v>
      </c>
      <c r="B796">
        <v>160.61199999999999</v>
      </c>
      <c r="C796">
        <v>196.202</v>
      </c>
      <c r="D796">
        <v>2870.87</v>
      </c>
      <c r="E796">
        <v>4</v>
      </c>
      <c r="F796">
        <v>4101.1499999999996</v>
      </c>
      <c r="G796">
        <v>27.514500000000002</v>
      </c>
    </row>
    <row r="797" spans="1:7" x14ac:dyDescent="0.25">
      <c r="A797">
        <v>8</v>
      </c>
      <c r="B797">
        <v>137.935</v>
      </c>
      <c r="C797">
        <v>198.09200000000001</v>
      </c>
      <c r="D797">
        <v>6083.46</v>
      </c>
      <c r="E797">
        <v>2.1102400000000001</v>
      </c>
      <c r="F797">
        <v>8238.3799999999992</v>
      </c>
      <c r="G797">
        <v>11.8962</v>
      </c>
    </row>
    <row r="798" spans="1:7" x14ac:dyDescent="0.25">
      <c r="A798">
        <v>8</v>
      </c>
      <c r="B798">
        <v>163.131</v>
      </c>
      <c r="C798">
        <v>197.46199999999999</v>
      </c>
      <c r="D798">
        <v>3004.72</v>
      </c>
      <c r="E798">
        <v>2.20472</v>
      </c>
      <c r="F798">
        <v>4871.2700000000004</v>
      </c>
      <c r="G798">
        <v>25.2303</v>
      </c>
    </row>
    <row r="799" spans="1:7" x14ac:dyDescent="0.25">
      <c r="A799">
        <v>8</v>
      </c>
      <c r="B799">
        <v>137.935</v>
      </c>
      <c r="C799">
        <v>198.09200000000001</v>
      </c>
      <c r="D799">
        <v>6083.46</v>
      </c>
      <c r="E799">
        <v>2.1102400000000001</v>
      </c>
      <c r="F799">
        <v>8238.3799999999992</v>
      </c>
      <c r="G799">
        <v>11.8962</v>
      </c>
    </row>
    <row r="800" spans="1:7" x14ac:dyDescent="0.25">
      <c r="A800">
        <v>8</v>
      </c>
      <c r="B800">
        <v>160.61199999999999</v>
      </c>
      <c r="C800">
        <v>203.761</v>
      </c>
      <c r="D800">
        <v>1800</v>
      </c>
      <c r="E800">
        <v>3.9763799999999998</v>
      </c>
      <c r="F800">
        <v>3229.99</v>
      </c>
      <c r="G800">
        <v>82.210099999999997</v>
      </c>
    </row>
    <row r="801" spans="1:7" x14ac:dyDescent="0.25">
      <c r="A801">
        <v>8</v>
      </c>
      <c r="B801">
        <v>163.131</v>
      </c>
      <c r="C801">
        <v>197.46199999999999</v>
      </c>
      <c r="D801">
        <v>3004.72</v>
      </c>
      <c r="E801">
        <v>2.20472</v>
      </c>
      <c r="F801">
        <v>4871.2700000000004</v>
      </c>
      <c r="G801">
        <v>25.2303</v>
      </c>
    </row>
    <row r="802" spans="1:7" x14ac:dyDescent="0.25">
      <c r="A802">
        <v>8</v>
      </c>
      <c r="B802">
        <v>160.61199999999999</v>
      </c>
      <c r="C802">
        <v>196.202</v>
      </c>
      <c r="D802">
        <v>2870.87</v>
      </c>
      <c r="E802">
        <v>4</v>
      </c>
      <c r="F802">
        <v>4101.1499999999996</v>
      </c>
      <c r="G802">
        <v>27.514500000000002</v>
      </c>
    </row>
    <row r="803" spans="1:7" x14ac:dyDescent="0.25">
      <c r="A803">
        <v>8</v>
      </c>
      <c r="B803">
        <v>136.04499999999999</v>
      </c>
      <c r="C803">
        <v>195.572</v>
      </c>
      <c r="D803">
        <v>6083.46</v>
      </c>
      <c r="E803">
        <v>1.1653500000000001</v>
      </c>
      <c r="F803">
        <v>9446.7000000000007</v>
      </c>
      <c r="G803">
        <v>11.3193</v>
      </c>
    </row>
    <row r="804" spans="1:7" x14ac:dyDescent="0.25">
      <c r="A804">
        <v>8</v>
      </c>
      <c r="B804">
        <v>137.935</v>
      </c>
      <c r="C804">
        <v>198.09200000000001</v>
      </c>
      <c r="D804">
        <v>6083.46</v>
      </c>
      <c r="E804">
        <v>2.1102400000000001</v>
      </c>
      <c r="F804">
        <v>8238.3799999999992</v>
      </c>
      <c r="G804">
        <v>11.8962</v>
      </c>
    </row>
    <row r="805" spans="1:7" x14ac:dyDescent="0.25">
      <c r="A805">
        <v>8</v>
      </c>
      <c r="B805">
        <v>156.202</v>
      </c>
      <c r="C805">
        <v>196.83199999999999</v>
      </c>
      <c r="D805">
        <v>3004.72</v>
      </c>
      <c r="E805">
        <v>1.54331</v>
      </c>
      <c r="F805">
        <v>5700.32</v>
      </c>
      <c r="G805">
        <v>22.826499999999999</v>
      </c>
    </row>
    <row r="806" spans="1:7" x14ac:dyDescent="0.25">
      <c r="A806">
        <v>8</v>
      </c>
      <c r="B806">
        <v>137.935</v>
      </c>
      <c r="C806">
        <v>198.09200000000001</v>
      </c>
      <c r="D806">
        <v>6083.46</v>
      </c>
      <c r="E806">
        <v>2.1102400000000001</v>
      </c>
      <c r="F806">
        <v>8238.3799999999992</v>
      </c>
      <c r="G806">
        <v>11.8962</v>
      </c>
    </row>
    <row r="807" spans="1:7" x14ac:dyDescent="0.25">
      <c r="A807">
        <v>8</v>
      </c>
      <c r="B807">
        <v>156.202</v>
      </c>
      <c r="C807">
        <v>196.83199999999999</v>
      </c>
      <c r="D807">
        <v>2067.7199999999998</v>
      </c>
      <c r="E807">
        <v>3.0314999999999999</v>
      </c>
      <c r="F807">
        <v>3854.72</v>
      </c>
      <c r="G807">
        <v>67.567499999999995</v>
      </c>
    </row>
    <row r="808" spans="1:7" x14ac:dyDescent="0.25">
      <c r="A808">
        <v>8</v>
      </c>
      <c r="B808">
        <v>156.202</v>
      </c>
      <c r="C808">
        <v>195.572</v>
      </c>
      <c r="D808">
        <v>3004.72</v>
      </c>
      <c r="E808">
        <v>1.6377999999999999</v>
      </c>
      <c r="F808">
        <v>5544</v>
      </c>
      <c r="G808">
        <v>23.644500000000001</v>
      </c>
    </row>
    <row r="809" spans="1:7" x14ac:dyDescent="0.25">
      <c r="A809">
        <v>8</v>
      </c>
      <c r="B809">
        <v>168.80099999999999</v>
      </c>
      <c r="C809">
        <v>195.572</v>
      </c>
      <c r="D809">
        <v>3406.3</v>
      </c>
      <c r="E809">
        <v>1.6141700000000001</v>
      </c>
      <c r="F809">
        <v>5485.25</v>
      </c>
      <c r="G809">
        <v>23.9512</v>
      </c>
    </row>
    <row r="810" spans="1:7" x14ac:dyDescent="0.25">
      <c r="A810">
        <v>8</v>
      </c>
      <c r="B810">
        <v>137.935</v>
      </c>
      <c r="C810">
        <v>208.17099999999999</v>
      </c>
      <c r="D810">
        <v>6083.46</v>
      </c>
      <c r="E810">
        <v>3.5275599999999998</v>
      </c>
      <c r="F810">
        <v>7624.38</v>
      </c>
      <c r="G810">
        <v>17.499500000000001</v>
      </c>
    </row>
    <row r="811" spans="1:7" x14ac:dyDescent="0.25">
      <c r="A811">
        <v>9</v>
      </c>
      <c r="B811">
        <v>156.202</v>
      </c>
      <c r="C811">
        <v>195.887</v>
      </c>
      <c r="D811">
        <v>2870.87</v>
      </c>
      <c r="E811">
        <v>2.0866099999999999</v>
      </c>
      <c r="F811">
        <v>4884.5200000000004</v>
      </c>
      <c r="G811">
        <v>25.466100000000001</v>
      </c>
    </row>
    <row r="812" spans="1:7" x14ac:dyDescent="0.25">
      <c r="A812">
        <v>9</v>
      </c>
      <c r="B812">
        <v>137.935</v>
      </c>
      <c r="C812">
        <v>198.09200000000001</v>
      </c>
      <c r="D812">
        <v>6083.46</v>
      </c>
      <c r="E812">
        <v>2.1102400000000001</v>
      </c>
      <c r="F812">
        <v>8238.3799999999992</v>
      </c>
      <c r="G812">
        <v>11.8962</v>
      </c>
    </row>
    <row r="813" spans="1:7" x14ac:dyDescent="0.25">
      <c r="A813">
        <v>9</v>
      </c>
      <c r="B813">
        <v>137.935</v>
      </c>
      <c r="C813">
        <v>198.09200000000001</v>
      </c>
      <c r="D813">
        <v>6083.46</v>
      </c>
      <c r="E813">
        <v>2.6771699999999998</v>
      </c>
      <c r="F813">
        <v>7906.79</v>
      </c>
      <c r="G813">
        <v>16.8995</v>
      </c>
    </row>
    <row r="814" spans="1:7" x14ac:dyDescent="0.25">
      <c r="A814">
        <v>9</v>
      </c>
      <c r="B814">
        <v>160.61199999999999</v>
      </c>
      <c r="C814">
        <v>201.24199999999999</v>
      </c>
      <c r="D814">
        <v>1933.86</v>
      </c>
      <c r="E814">
        <v>3.8110200000000001</v>
      </c>
      <c r="F814">
        <v>3403.13</v>
      </c>
      <c r="G814">
        <v>71.532600000000002</v>
      </c>
    </row>
    <row r="815" spans="1:7" x14ac:dyDescent="0.25">
      <c r="A815">
        <v>9</v>
      </c>
      <c r="B815">
        <v>143.60400000000001</v>
      </c>
      <c r="C815">
        <v>196.202</v>
      </c>
      <c r="D815">
        <v>2870.87</v>
      </c>
      <c r="E815">
        <v>2.0866099999999999</v>
      </c>
      <c r="F815">
        <v>5196.7</v>
      </c>
      <c r="G815">
        <v>66.8733</v>
      </c>
    </row>
    <row r="816" spans="1:7" x14ac:dyDescent="0.25">
      <c r="A816">
        <v>9</v>
      </c>
      <c r="B816">
        <v>160.61199999999999</v>
      </c>
      <c r="C816">
        <v>195.572</v>
      </c>
      <c r="D816">
        <v>2870.87</v>
      </c>
      <c r="E816">
        <v>3.8110200000000001</v>
      </c>
      <c r="F816">
        <v>4139.7299999999996</v>
      </c>
      <c r="G816">
        <v>28.171600000000002</v>
      </c>
    </row>
    <row r="817" spans="1:7" x14ac:dyDescent="0.25">
      <c r="A817">
        <v>9</v>
      </c>
      <c r="B817">
        <v>137.935</v>
      </c>
      <c r="C817">
        <v>198.09200000000001</v>
      </c>
      <c r="D817">
        <v>6083.46</v>
      </c>
      <c r="E817">
        <v>2.1102400000000001</v>
      </c>
      <c r="F817">
        <v>8238.3799999999992</v>
      </c>
      <c r="G817">
        <v>11.8962</v>
      </c>
    </row>
    <row r="818" spans="1:7" x14ac:dyDescent="0.25">
      <c r="A818">
        <v>9</v>
      </c>
      <c r="B818">
        <v>161.24199999999999</v>
      </c>
      <c r="C818">
        <v>196.202</v>
      </c>
      <c r="D818">
        <v>2870.87</v>
      </c>
      <c r="E818">
        <v>2.0866099999999999</v>
      </c>
      <c r="F818">
        <v>4846.93</v>
      </c>
      <c r="G818">
        <v>62.113300000000002</v>
      </c>
    </row>
    <row r="819" spans="1:7" x14ac:dyDescent="0.25">
      <c r="A819">
        <v>9</v>
      </c>
      <c r="B819">
        <v>156.202</v>
      </c>
      <c r="C819">
        <v>195.25700000000001</v>
      </c>
      <c r="D819">
        <v>1800</v>
      </c>
      <c r="E819">
        <v>3.4094500000000001</v>
      </c>
      <c r="F819">
        <v>3608.1</v>
      </c>
      <c r="G819">
        <v>90.208500000000001</v>
      </c>
    </row>
    <row r="820" spans="1:7" x14ac:dyDescent="0.25">
      <c r="A820">
        <v>9</v>
      </c>
      <c r="B820">
        <v>163.131</v>
      </c>
      <c r="C820">
        <v>198.09200000000001</v>
      </c>
      <c r="D820">
        <v>6083.46</v>
      </c>
      <c r="E820">
        <v>2.1102400000000001</v>
      </c>
      <c r="F820">
        <v>7909.11</v>
      </c>
      <c r="G820">
        <v>26.666499999999999</v>
      </c>
    </row>
    <row r="821" spans="1:7" x14ac:dyDescent="0.25">
      <c r="A821">
        <v>9</v>
      </c>
      <c r="B821">
        <v>140.45400000000001</v>
      </c>
      <c r="C821">
        <v>195.572</v>
      </c>
      <c r="D821">
        <v>1800</v>
      </c>
      <c r="E821">
        <v>3.4330699999999998</v>
      </c>
      <c r="F821">
        <v>3839</v>
      </c>
      <c r="G821">
        <v>124.21599999999999</v>
      </c>
    </row>
    <row r="822" spans="1:7" x14ac:dyDescent="0.25">
      <c r="A822">
        <v>9</v>
      </c>
      <c r="B822">
        <v>156.202</v>
      </c>
      <c r="C822">
        <v>195.887</v>
      </c>
      <c r="D822">
        <v>1800</v>
      </c>
      <c r="E822">
        <v>2.1102400000000001</v>
      </c>
      <c r="F822">
        <v>4113</v>
      </c>
      <c r="G822">
        <v>75.591800000000006</v>
      </c>
    </row>
    <row r="823" spans="1:7" x14ac:dyDescent="0.25">
      <c r="A823">
        <v>9</v>
      </c>
      <c r="B823">
        <v>170.691</v>
      </c>
      <c r="C823">
        <v>200.92699999999999</v>
      </c>
      <c r="D823">
        <v>1800</v>
      </c>
      <c r="E823">
        <v>2.6771699999999998</v>
      </c>
      <c r="F823">
        <v>3493.47</v>
      </c>
      <c r="G823">
        <v>75.0762</v>
      </c>
    </row>
    <row r="824" spans="1:7" x14ac:dyDescent="0.25">
      <c r="A824">
        <v>9</v>
      </c>
      <c r="B824">
        <v>155.572</v>
      </c>
      <c r="C824">
        <v>179.82400000000001</v>
      </c>
      <c r="D824">
        <v>6083.46</v>
      </c>
      <c r="E824">
        <v>3.9763799999999998</v>
      </c>
      <c r="F824">
        <v>7303.41</v>
      </c>
      <c r="G824">
        <v>40.9786</v>
      </c>
    </row>
    <row r="825" spans="1:7" x14ac:dyDescent="0.25">
      <c r="A825">
        <v>9</v>
      </c>
      <c r="B825">
        <v>160.61199999999999</v>
      </c>
      <c r="C825">
        <v>195.572</v>
      </c>
      <c r="D825">
        <v>3004.72</v>
      </c>
      <c r="E825">
        <v>3.9763799999999998</v>
      </c>
      <c r="F825">
        <v>4247.47</v>
      </c>
      <c r="G825">
        <v>27.423999999999999</v>
      </c>
    </row>
    <row r="826" spans="1:7" x14ac:dyDescent="0.25">
      <c r="A826">
        <v>9</v>
      </c>
      <c r="B826">
        <v>173.21</v>
      </c>
      <c r="C826">
        <v>195.887</v>
      </c>
      <c r="D826">
        <v>1800</v>
      </c>
      <c r="E826">
        <v>3.8110200000000001</v>
      </c>
      <c r="F826">
        <v>3143.16</v>
      </c>
      <c r="G826">
        <v>106.97</v>
      </c>
    </row>
    <row r="827" spans="1:7" x14ac:dyDescent="0.25">
      <c r="A827">
        <v>9</v>
      </c>
      <c r="B827">
        <v>156.202</v>
      </c>
      <c r="C827">
        <v>196.83199999999999</v>
      </c>
      <c r="D827">
        <v>1800</v>
      </c>
      <c r="E827">
        <v>3.2204700000000002</v>
      </c>
      <c r="F827">
        <v>3648.7</v>
      </c>
      <c r="G827">
        <v>90.361500000000007</v>
      </c>
    </row>
    <row r="828" spans="1:7" x14ac:dyDescent="0.25">
      <c r="A828">
        <v>9</v>
      </c>
      <c r="B828">
        <v>137.935</v>
      </c>
      <c r="C828">
        <v>207.85599999999999</v>
      </c>
      <c r="D828">
        <v>6083.46</v>
      </c>
      <c r="E828">
        <v>3.8110200000000001</v>
      </c>
      <c r="F828">
        <v>7573.08</v>
      </c>
      <c r="G828">
        <v>19.5532</v>
      </c>
    </row>
    <row r="829" spans="1:7" x14ac:dyDescent="0.25">
      <c r="A829">
        <v>9</v>
      </c>
      <c r="B829">
        <v>170.691</v>
      </c>
      <c r="C829">
        <v>201.24199999999999</v>
      </c>
      <c r="D829">
        <v>1933.86</v>
      </c>
      <c r="E829">
        <v>3.8110200000000001</v>
      </c>
      <c r="F829">
        <v>3304.72</v>
      </c>
      <c r="G829">
        <v>104.624</v>
      </c>
    </row>
    <row r="830" spans="1:7" x14ac:dyDescent="0.25">
      <c r="A830">
        <v>9</v>
      </c>
      <c r="B830">
        <v>135.41499999999999</v>
      </c>
      <c r="C830">
        <v>210.691</v>
      </c>
      <c r="D830">
        <v>1800</v>
      </c>
      <c r="E830">
        <v>3.8110200000000001</v>
      </c>
      <c r="F830">
        <v>3516.81</v>
      </c>
      <c r="G830">
        <v>123.14</v>
      </c>
    </row>
    <row r="831" spans="1:7" x14ac:dyDescent="0.25">
      <c r="A831">
        <v>9</v>
      </c>
      <c r="B831">
        <v>143.60400000000001</v>
      </c>
      <c r="C831">
        <v>195.25700000000001</v>
      </c>
      <c r="D831">
        <v>6083.46</v>
      </c>
      <c r="E831">
        <v>3.4330699999999998</v>
      </c>
      <c r="F831">
        <v>7518.71</v>
      </c>
      <c r="G831">
        <v>22.084199999999999</v>
      </c>
    </row>
    <row r="832" spans="1:7" x14ac:dyDescent="0.25">
      <c r="A832">
        <v>9</v>
      </c>
      <c r="B832">
        <v>160.61199999999999</v>
      </c>
      <c r="C832">
        <v>201.24199999999999</v>
      </c>
      <c r="D832">
        <v>3540.16</v>
      </c>
      <c r="E832">
        <v>3.8110200000000001</v>
      </c>
      <c r="F832">
        <v>4649.92</v>
      </c>
      <c r="G832">
        <v>27.118600000000001</v>
      </c>
    </row>
    <row r="833" spans="1:7" x14ac:dyDescent="0.25">
      <c r="A833">
        <v>9</v>
      </c>
      <c r="B833">
        <v>158.09200000000001</v>
      </c>
      <c r="C833">
        <v>195.572</v>
      </c>
      <c r="D833">
        <v>1800</v>
      </c>
      <c r="E833">
        <v>1.92126</v>
      </c>
      <c r="F833">
        <v>4305.46</v>
      </c>
      <c r="G833">
        <v>72.862700000000004</v>
      </c>
    </row>
    <row r="834" spans="1:7" x14ac:dyDescent="0.25">
      <c r="A834">
        <v>9</v>
      </c>
      <c r="B834">
        <v>168.80099999999999</v>
      </c>
      <c r="C834">
        <v>195.25700000000001</v>
      </c>
      <c r="D834">
        <v>2870.87</v>
      </c>
      <c r="E834">
        <v>2.4645700000000001</v>
      </c>
      <c r="F834">
        <v>4508.5</v>
      </c>
      <c r="G834">
        <v>91.011099999999999</v>
      </c>
    </row>
    <row r="835" spans="1:7" x14ac:dyDescent="0.25">
      <c r="A835">
        <v>9</v>
      </c>
      <c r="B835">
        <v>171.32</v>
      </c>
      <c r="C835">
        <v>201.24199999999999</v>
      </c>
      <c r="D835">
        <v>2870.87</v>
      </c>
      <c r="E835">
        <v>3.4330699999999998</v>
      </c>
      <c r="F835">
        <v>3952.97</v>
      </c>
      <c r="G835">
        <v>106.309</v>
      </c>
    </row>
    <row r="836" spans="1:7" x14ac:dyDescent="0.25">
      <c r="A836">
        <v>9</v>
      </c>
      <c r="B836">
        <v>138.565</v>
      </c>
      <c r="C836">
        <v>197.14699999999999</v>
      </c>
      <c r="D836">
        <v>1933.86</v>
      </c>
      <c r="E836">
        <v>2.6771699999999998</v>
      </c>
      <c r="F836">
        <v>4106.87</v>
      </c>
      <c r="G836">
        <v>116.452</v>
      </c>
    </row>
    <row r="837" spans="1:7" x14ac:dyDescent="0.25">
      <c r="A837">
        <v>9</v>
      </c>
      <c r="B837">
        <v>156.202</v>
      </c>
      <c r="C837">
        <v>197.46199999999999</v>
      </c>
      <c r="D837">
        <v>2067.7199999999998</v>
      </c>
      <c r="E837">
        <v>3.7873999999999999</v>
      </c>
      <c r="F837">
        <v>3640.27</v>
      </c>
      <c r="G837">
        <v>79.697999999999993</v>
      </c>
    </row>
    <row r="838" spans="1:7" x14ac:dyDescent="0.25">
      <c r="A838">
        <v>9</v>
      </c>
      <c r="B838">
        <v>168.80099999999999</v>
      </c>
      <c r="C838">
        <v>195.572</v>
      </c>
      <c r="D838">
        <v>6618.9</v>
      </c>
      <c r="E838">
        <v>1.2598400000000001</v>
      </c>
      <c r="F838">
        <v>5665.23</v>
      </c>
      <c r="G838">
        <v>86.541399999999996</v>
      </c>
    </row>
    <row r="839" spans="1:7" x14ac:dyDescent="0.25">
      <c r="A839">
        <v>9</v>
      </c>
      <c r="B839">
        <v>165.65100000000001</v>
      </c>
      <c r="C839">
        <v>195.887</v>
      </c>
      <c r="D839">
        <v>3004.72</v>
      </c>
      <c r="E839">
        <v>3.7873999999999999</v>
      </c>
      <c r="F839">
        <v>4238.78</v>
      </c>
      <c r="G839">
        <v>81.736500000000007</v>
      </c>
    </row>
    <row r="840" spans="1:7" x14ac:dyDescent="0.25">
      <c r="A840">
        <v>9</v>
      </c>
      <c r="B840">
        <v>138.565</v>
      </c>
      <c r="C840">
        <v>198.40700000000001</v>
      </c>
      <c r="D840">
        <v>1800</v>
      </c>
      <c r="E840">
        <v>3.5275599999999998</v>
      </c>
      <c r="F840">
        <v>3766.74</v>
      </c>
      <c r="G840">
        <v>127.563</v>
      </c>
    </row>
    <row r="841" spans="1:7" x14ac:dyDescent="0.25">
      <c r="A841">
        <v>9</v>
      </c>
      <c r="B841">
        <v>158.09200000000001</v>
      </c>
      <c r="C841">
        <v>195.572</v>
      </c>
      <c r="D841">
        <v>3004.72</v>
      </c>
      <c r="E841">
        <v>3.7873999999999999</v>
      </c>
      <c r="F841">
        <v>4388.59</v>
      </c>
      <c r="G841">
        <v>48.500500000000002</v>
      </c>
    </row>
    <row r="842" spans="1:7" x14ac:dyDescent="0.25">
      <c r="A842">
        <v>9</v>
      </c>
      <c r="B842">
        <v>160.61199999999999</v>
      </c>
      <c r="C842">
        <v>180.13900000000001</v>
      </c>
      <c r="D842">
        <v>1933.86</v>
      </c>
      <c r="E842">
        <v>3.0551200000000001</v>
      </c>
      <c r="F842">
        <v>4000.36</v>
      </c>
      <c r="G842">
        <v>77.200999999999993</v>
      </c>
    </row>
    <row r="843" spans="1:7" x14ac:dyDescent="0.25">
      <c r="A843">
        <v>9</v>
      </c>
      <c r="B843">
        <v>160.61199999999999</v>
      </c>
      <c r="C843">
        <v>195.572</v>
      </c>
      <c r="D843">
        <v>6083.46</v>
      </c>
      <c r="E843">
        <v>2.6771699999999998</v>
      </c>
      <c r="F843">
        <v>7584.85</v>
      </c>
      <c r="G843">
        <v>37.7896</v>
      </c>
    </row>
    <row r="844" spans="1:7" x14ac:dyDescent="0.25">
      <c r="A844">
        <v>9</v>
      </c>
      <c r="B844">
        <v>168.17099999999999</v>
      </c>
      <c r="C844">
        <v>195.572</v>
      </c>
      <c r="D844">
        <v>1800</v>
      </c>
      <c r="E844">
        <v>2.3700800000000002</v>
      </c>
      <c r="F844">
        <v>3782.17</v>
      </c>
      <c r="G844">
        <v>79.211500000000001</v>
      </c>
    </row>
    <row r="845" spans="1:7" x14ac:dyDescent="0.25">
      <c r="A845">
        <v>9</v>
      </c>
      <c r="B845">
        <v>137.935</v>
      </c>
      <c r="C845">
        <v>198.09200000000001</v>
      </c>
      <c r="D845">
        <v>6083.46</v>
      </c>
      <c r="E845">
        <v>2.6771699999999998</v>
      </c>
      <c r="F845">
        <v>7906.79</v>
      </c>
      <c r="G845">
        <v>16.8995</v>
      </c>
    </row>
    <row r="846" spans="1:7" x14ac:dyDescent="0.25">
      <c r="A846">
        <v>9</v>
      </c>
      <c r="B846">
        <v>137.935</v>
      </c>
      <c r="C846">
        <v>198.09200000000001</v>
      </c>
      <c r="D846">
        <v>6083.46</v>
      </c>
      <c r="E846">
        <v>2.1102400000000001</v>
      </c>
      <c r="F846">
        <v>8238.3799999999992</v>
      </c>
      <c r="G846">
        <v>11.8962</v>
      </c>
    </row>
    <row r="847" spans="1:7" x14ac:dyDescent="0.25">
      <c r="A847">
        <v>9</v>
      </c>
      <c r="B847">
        <v>168.17099999999999</v>
      </c>
      <c r="C847">
        <v>195.887</v>
      </c>
      <c r="D847">
        <v>1800</v>
      </c>
      <c r="E847">
        <v>3.8110200000000001</v>
      </c>
      <c r="F847">
        <v>3195.06</v>
      </c>
      <c r="G847">
        <v>81.757300000000001</v>
      </c>
    </row>
    <row r="848" spans="1:7" x14ac:dyDescent="0.25">
      <c r="A848">
        <v>9</v>
      </c>
      <c r="B848">
        <v>166.28100000000001</v>
      </c>
      <c r="C848">
        <v>196.83199999999999</v>
      </c>
      <c r="D848">
        <v>2870.87</v>
      </c>
      <c r="E848">
        <v>3.0314999999999999</v>
      </c>
      <c r="F848">
        <v>4380.78</v>
      </c>
      <c r="G848">
        <v>85.084299999999999</v>
      </c>
    </row>
    <row r="849" spans="1:7" x14ac:dyDescent="0.25">
      <c r="A849">
        <v>9</v>
      </c>
      <c r="B849">
        <v>148.01300000000001</v>
      </c>
      <c r="C849">
        <v>179.82400000000001</v>
      </c>
      <c r="D849">
        <v>1800</v>
      </c>
      <c r="E849">
        <v>3.0551200000000001</v>
      </c>
      <c r="F849">
        <v>4299.79</v>
      </c>
      <c r="G849">
        <v>106.476</v>
      </c>
    </row>
    <row r="850" spans="1:7" x14ac:dyDescent="0.25">
      <c r="A850">
        <v>9</v>
      </c>
      <c r="B850">
        <v>141.084</v>
      </c>
      <c r="C850">
        <v>198.40700000000001</v>
      </c>
      <c r="D850">
        <v>1800</v>
      </c>
      <c r="E850">
        <v>3.4330699999999998</v>
      </c>
      <c r="F850">
        <v>3734.87</v>
      </c>
      <c r="G850">
        <v>122.494</v>
      </c>
    </row>
    <row r="851" spans="1:7" x14ac:dyDescent="0.25">
      <c r="A851">
        <v>9</v>
      </c>
      <c r="B851">
        <v>170.691</v>
      </c>
      <c r="C851">
        <v>201.24199999999999</v>
      </c>
      <c r="D851">
        <v>1933.86</v>
      </c>
      <c r="E851">
        <v>3.7873999999999999</v>
      </c>
      <c r="F851">
        <v>3306.31</v>
      </c>
      <c r="G851">
        <v>104.67700000000001</v>
      </c>
    </row>
    <row r="852" spans="1:7" x14ac:dyDescent="0.25">
      <c r="A852">
        <v>9</v>
      </c>
      <c r="B852">
        <v>155.572</v>
      </c>
      <c r="C852">
        <v>201.24199999999999</v>
      </c>
      <c r="D852">
        <v>1800</v>
      </c>
      <c r="E852">
        <v>3.2204700000000002</v>
      </c>
      <c r="F852">
        <v>3550.49</v>
      </c>
      <c r="G852">
        <v>88.073400000000007</v>
      </c>
    </row>
    <row r="853" spans="1:7" x14ac:dyDescent="0.25">
      <c r="A853">
        <v>9</v>
      </c>
      <c r="B853">
        <v>160.61199999999999</v>
      </c>
      <c r="C853">
        <v>196.83199999999999</v>
      </c>
      <c r="D853">
        <v>3004.72</v>
      </c>
      <c r="E853">
        <v>4</v>
      </c>
      <c r="F853">
        <v>4242.38</v>
      </c>
      <c r="G853">
        <v>27.4648</v>
      </c>
    </row>
    <row r="854" spans="1:7" x14ac:dyDescent="0.25">
      <c r="A854">
        <v>9</v>
      </c>
      <c r="B854">
        <v>158.72200000000001</v>
      </c>
      <c r="C854">
        <v>197.46199999999999</v>
      </c>
      <c r="D854">
        <v>3138.58</v>
      </c>
      <c r="E854">
        <v>3.8110200000000001</v>
      </c>
      <c r="F854">
        <v>4435.01</v>
      </c>
      <c r="G854">
        <v>54.170200000000001</v>
      </c>
    </row>
    <row r="855" spans="1:7" x14ac:dyDescent="0.25">
      <c r="A855">
        <v>9</v>
      </c>
      <c r="B855">
        <v>156.202</v>
      </c>
      <c r="C855">
        <v>195.887</v>
      </c>
      <c r="D855">
        <v>2870.87</v>
      </c>
      <c r="E855">
        <v>3.6220500000000002</v>
      </c>
      <c r="F855">
        <v>4385.6400000000003</v>
      </c>
      <c r="G855">
        <v>35.174999999999997</v>
      </c>
    </row>
    <row r="856" spans="1:7" x14ac:dyDescent="0.25">
      <c r="A856">
        <v>9</v>
      </c>
      <c r="B856">
        <v>168.17099999999999</v>
      </c>
      <c r="C856">
        <v>195.887</v>
      </c>
      <c r="D856">
        <v>1800</v>
      </c>
      <c r="E856">
        <v>3.8110200000000001</v>
      </c>
      <c r="F856">
        <v>3195.06</v>
      </c>
      <c r="G856">
        <v>81.757300000000001</v>
      </c>
    </row>
    <row r="857" spans="1:7" x14ac:dyDescent="0.25">
      <c r="A857">
        <v>9</v>
      </c>
      <c r="B857">
        <v>136.04499999999999</v>
      </c>
      <c r="C857">
        <v>201.87200000000001</v>
      </c>
      <c r="D857">
        <v>6351.18</v>
      </c>
      <c r="E857">
        <v>1.1417299999999999</v>
      </c>
      <c r="F857">
        <v>9715.06</v>
      </c>
      <c r="G857">
        <v>12.351100000000001</v>
      </c>
    </row>
    <row r="858" spans="1:7" x14ac:dyDescent="0.25">
      <c r="A858">
        <v>9</v>
      </c>
      <c r="B858">
        <v>137.935</v>
      </c>
      <c r="C858">
        <v>203.131</v>
      </c>
      <c r="D858">
        <v>6083.46</v>
      </c>
      <c r="E858">
        <v>2.6771699999999998</v>
      </c>
      <c r="F858">
        <v>7860.24</v>
      </c>
      <c r="G858">
        <v>13.7896</v>
      </c>
    </row>
    <row r="859" spans="1:7" x14ac:dyDescent="0.25">
      <c r="A859">
        <v>9</v>
      </c>
      <c r="B859">
        <v>161.24199999999999</v>
      </c>
      <c r="C859">
        <v>195.572</v>
      </c>
      <c r="D859">
        <v>3004.72</v>
      </c>
      <c r="E859">
        <v>3.2440899999999999</v>
      </c>
      <c r="F859">
        <v>4413.1099999999997</v>
      </c>
      <c r="G859">
        <v>27.282499999999999</v>
      </c>
    </row>
    <row r="860" spans="1:7" x14ac:dyDescent="0.25">
      <c r="A860">
        <v>9</v>
      </c>
      <c r="B860">
        <v>160.61199999999999</v>
      </c>
      <c r="C860">
        <v>203.761</v>
      </c>
      <c r="D860">
        <v>1800</v>
      </c>
      <c r="E860">
        <v>3.59843</v>
      </c>
      <c r="F860">
        <v>3369.95</v>
      </c>
      <c r="G860">
        <v>80.031599999999997</v>
      </c>
    </row>
    <row r="861" spans="1:7" x14ac:dyDescent="0.25">
      <c r="A861">
        <v>9</v>
      </c>
      <c r="B861">
        <v>170.691</v>
      </c>
      <c r="C861">
        <v>196.202</v>
      </c>
      <c r="D861">
        <v>1800</v>
      </c>
      <c r="E861">
        <v>2.4645700000000001</v>
      </c>
      <c r="F861">
        <v>3620.59</v>
      </c>
      <c r="G861">
        <v>87.192099999999996</v>
      </c>
    </row>
    <row r="862" spans="1:7" x14ac:dyDescent="0.25">
      <c r="A862">
        <v>9</v>
      </c>
      <c r="B862">
        <v>161.24199999999999</v>
      </c>
      <c r="C862">
        <v>197.14699999999999</v>
      </c>
      <c r="D862">
        <v>2335.4299999999998</v>
      </c>
      <c r="E862">
        <v>2.5826799999999999</v>
      </c>
      <c r="F862">
        <v>4096.21</v>
      </c>
      <c r="G862">
        <v>33.671399999999998</v>
      </c>
    </row>
    <row r="863" spans="1:7" x14ac:dyDescent="0.25">
      <c r="A863">
        <v>9</v>
      </c>
      <c r="B863">
        <v>137.935</v>
      </c>
      <c r="C863">
        <v>197.77699999999999</v>
      </c>
      <c r="D863">
        <v>7154.33</v>
      </c>
      <c r="E863">
        <v>3.4094500000000001</v>
      </c>
      <c r="F863">
        <v>8629.83</v>
      </c>
      <c r="G863">
        <v>15.4123</v>
      </c>
    </row>
    <row r="864" spans="1:7" x14ac:dyDescent="0.25">
      <c r="A864">
        <v>9</v>
      </c>
      <c r="B864">
        <v>161.24199999999999</v>
      </c>
      <c r="C864">
        <v>202.18700000000001</v>
      </c>
      <c r="D864">
        <v>1800</v>
      </c>
      <c r="E864">
        <v>3.7873999999999999</v>
      </c>
      <c r="F864">
        <v>3319.51</v>
      </c>
      <c r="G864">
        <v>80.043499999999995</v>
      </c>
    </row>
    <row r="865" spans="1:7" x14ac:dyDescent="0.25">
      <c r="A865">
        <v>9</v>
      </c>
      <c r="B865">
        <v>165.65100000000001</v>
      </c>
      <c r="C865">
        <v>200.92699999999999</v>
      </c>
      <c r="D865">
        <v>2870.87</v>
      </c>
      <c r="E865">
        <v>3.59843</v>
      </c>
      <c r="F865">
        <v>4149.43</v>
      </c>
      <c r="G865">
        <v>82.324299999999994</v>
      </c>
    </row>
    <row r="866" spans="1:7" x14ac:dyDescent="0.25">
      <c r="A866">
        <v>9</v>
      </c>
      <c r="B866">
        <v>160.61199999999999</v>
      </c>
      <c r="C866">
        <v>203.131</v>
      </c>
      <c r="D866">
        <v>3004.72</v>
      </c>
      <c r="E866">
        <v>3.7873999999999999</v>
      </c>
      <c r="F866">
        <v>4369.37</v>
      </c>
      <c r="G866">
        <v>27.2898</v>
      </c>
    </row>
    <row r="867" spans="1:7" x14ac:dyDescent="0.25">
      <c r="A867">
        <v>9</v>
      </c>
      <c r="B867">
        <v>161.24199999999999</v>
      </c>
      <c r="C867">
        <v>196.202</v>
      </c>
      <c r="D867">
        <v>2870.87</v>
      </c>
      <c r="E867">
        <v>3.8110200000000001</v>
      </c>
      <c r="F867">
        <v>4133.2700000000004</v>
      </c>
      <c r="G867">
        <v>28.418800000000001</v>
      </c>
    </row>
    <row r="868" spans="1:7" x14ac:dyDescent="0.25">
      <c r="A868">
        <v>9</v>
      </c>
      <c r="B868">
        <v>155.572</v>
      </c>
      <c r="C868">
        <v>201.24199999999999</v>
      </c>
      <c r="D868">
        <v>1933.86</v>
      </c>
      <c r="E868">
        <v>2.4645700000000001</v>
      </c>
      <c r="F868">
        <v>4061.56</v>
      </c>
      <c r="G868">
        <v>72.231300000000005</v>
      </c>
    </row>
    <row r="869" spans="1:7" x14ac:dyDescent="0.25">
      <c r="A869">
        <v>9</v>
      </c>
      <c r="B869">
        <v>156.202</v>
      </c>
      <c r="C869">
        <v>195.572</v>
      </c>
      <c r="D869">
        <v>7154.33</v>
      </c>
      <c r="E869">
        <v>1.7086600000000001</v>
      </c>
      <c r="F869">
        <v>9512.56</v>
      </c>
      <c r="G869">
        <v>24.113800000000001</v>
      </c>
    </row>
    <row r="870" spans="1:7" x14ac:dyDescent="0.25">
      <c r="A870">
        <v>9</v>
      </c>
      <c r="B870">
        <v>156.202</v>
      </c>
      <c r="C870">
        <v>196.202</v>
      </c>
      <c r="D870">
        <v>1800</v>
      </c>
      <c r="E870">
        <v>2.9370099999999999</v>
      </c>
      <c r="F870">
        <v>3690.19</v>
      </c>
      <c r="G870">
        <v>84.415300000000002</v>
      </c>
    </row>
    <row r="871" spans="1:7" x14ac:dyDescent="0.25">
      <c r="A871">
        <v>9</v>
      </c>
      <c r="B871">
        <v>166.28100000000001</v>
      </c>
      <c r="C871">
        <v>195.572</v>
      </c>
      <c r="D871">
        <v>7288.19</v>
      </c>
      <c r="E871">
        <v>1.02362</v>
      </c>
      <c r="F871">
        <v>7152.81</v>
      </c>
      <c r="G871">
        <v>19.911000000000001</v>
      </c>
    </row>
    <row r="872" spans="1:7" x14ac:dyDescent="0.25">
      <c r="A872">
        <v>9</v>
      </c>
      <c r="B872">
        <v>160.61199999999999</v>
      </c>
      <c r="C872">
        <v>195.572</v>
      </c>
      <c r="D872">
        <v>3004.72</v>
      </c>
      <c r="E872">
        <v>3.8110200000000001</v>
      </c>
      <c r="F872">
        <v>4285.95</v>
      </c>
      <c r="G872">
        <v>27.2697</v>
      </c>
    </row>
    <row r="873" spans="1:7" x14ac:dyDescent="0.25">
      <c r="A873">
        <v>9</v>
      </c>
      <c r="B873">
        <v>161.24199999999999</v>
      </c>
      <c r="C873">
        <v>196.202</v>
      </c>
      <c r="D873">
        <v>2870.87</v>
      </c>
      <c r="E873">
        <v>2.8425199999999999</v>
      </c>
      <c r="F873">
        <v>4403.25</v>
      </c>
      <c r="G873">
        <v>26.689699999999998</v>
      </c>
    </row>
    <row r="874" spans="1:7" x14ac:dyDescent="0.25">
      <c r="A874">
        <v>9</v>
      </c>
      <c r="B874">
        <v>137.935</v>
      </c>
      <c r="C874">
        <v>203.131</v>
      </c>
      <c r="D874">
        <v>6083.46</v>
      </c>
      <c r="E874">
        <v>2.6771699999999998</v>
      </c>
      <c r="F874">
        <v>7860.24</v>
      </c>
      <c r="G874">
        <v>13.7896</v>
      </c>
    </row>
    <row r="875" spans="1:7" x14ac:dyDescent="0.25">
      <c r="A875">
        <v>9</v>
      </c>
      <c r="B875">
        <v>168.17099999999999</v>
      </c>
      <c r="C875">
        <v>195.887</v>
      </c>
      <c r="D875">
        <v>2870.87</v>
      </c>
      <c r="E875">
        <v>3.8110200000000001</v>
      </c>
      <c r="F875">
        <v>3961.22</v>
      </c>
      <c r="G875">
        <v>50.840899999999998</v>
      </c>
    </row>
    <row r="876" spans="1:7" x14ac:dyDescent="0.25">
      <c r="A876">
        <v>9</v>
      </c>
      <c r="B876">
        <v>170.691</v>
      </c>
      <c r="C876">
        <v>200.92699999999999</v>
      </c>
      <c r="D876">
        <v>1800</v>
      </c>
      <c r="E876">
        <v>3.7873999999999999</v>
      </c>
      <c r="F876">
        <v>3157.85</v>
      </c>
      <c r="G876">
        <v>100.657</v>
      </c>
    </row>
    <row r="877" spans="1:7" x14ac:dyDescent="0.25">
      <c r="A877">
        <v>9</v>
      </c>
      <c r="B877">
        <v>161.24199999999999</v>
      </c>
      <c r="C877">
        <v>197.14699999999999</v>
      </c>
      <c r="D877">
        <v>1800</v>
      </c>
      <c r="E877">
        <v>2.6771699999999998</v>
      </c>
      <c r="F877">
        <v>3676.54</v>
      </c>
      <c r="G877">
        <v>70.4084</v>
      </c>
    </row>
    <row r="878" spans="1:7" x14ac:dyDescent="0.25">
      <c r="A878">
        <v>9</v>
      </c>
      <c r="B878">
        <v>173.21</v>
      </c>
      <c r="C878">
        <v>195.887</v>
      </c>
      <c r="D878">
        <v>1800</v>
      </c>
      <c r="E878">
        <v>3.8110200000000001</v>
      </c>
      <c r="F878">
        <v>3143.16</v>
      </c>
      <c r="G878">
        <v>106.97</v>
      </c>
    </row>
    <row r="879" spans="1:7" x14ac:dyDescent="0.25">
      <c r="A879">
        <v>9</v>
      </c>
      <c r="B879">
        <v>137.935</v>
      </c>
      <c r="C879">
        <v>207.85599999999999</v>
      </c>
      <c r="D879">
        <v>6083.46</v>
      </c>
      <c r="E879">
        <v>3.8110200000000001</v>
      </c>
      <c r="F879">
        <v>7573.08</v>
      </c>
      <c r="G879">
        <v>19.5532</v>
      </c>
    </row>
    <row r="880" spans="1:7" x14ac:dyDescent="0.25">
      <c r="A880">
        <v>9</v>
      </c>
      <c r="B880">
        <v>160.61199999999999</v>
      </c>
      <c r="C880">
        <v>213.84</v>
      </c>
      <c r="D880">
        <v>2335.4299999999998</v>
      </c>
      <c r="E880">
        <v>1.3307100000000001</v>
      </c>
      <c r="F880">
        <v>5313.69</v>
      </c>
      <c r="G880">
        <v>25.168900000000001</v>
      </c>
    </row>
    <row r="881" spans="1:7" x14ac:dyDescent="0.25">
      <c r="A881">
        <v>9</v>
      </c>
      <c r="B881">
        <v>160.61199999999999</v>
      </c>
      <c r="C881">
        <v>203.761</v>
      </c>
      <c r="D881">
        <v>1800</v>
      </c>
      <c r="E881">
        <v>3.59843</v>
      </c>
      <c r="F881">
        <v>3369.95</v>
      </c>
      <c r="G881">
        <v>80.031599999999997</v>
      </c>
    </row>
    <row r="882" spans="1:7" x14ac:dyDescent="0.25">
      <c r="A882">
        <v>9</v>
      </c>
      <c r="B882">
        <v>161.24199999999999</v>
      </c>
      <c r="C882">
        <v>197.14699999999999</v>
      </c>
      <c r="D882">
        <v>2335.4299999999998</v>
      </c>
      <c r="E882">
        <v>2.5826799999999999</v>
      </c>
      <c r="F882">
        <v>4096.21</v>
      </c>
      <c r="G882">
        <v>33.671399999999998</v>
      </c>
    </row>
    <row r="883" spans="1:7" x14ac:dyDescent="0.25">
      <c r="A883">
        <v>9</v>
      </c>
      <c r="B883">
        <v>160.61199999999999</v>
      </c>
      <c r="C883">
        <v>201.24199999999999</v>
      </c>
      <c r="D883">
        <v>1933.86</v>
      </c>
      <c r="E883">
        <v>3.8110200000000001</v>
      </c>
      <c r="F883">
        <v>3403.13</v>
      </c>
      <c r="G883">
        <v>71.532600000000002</v>
      </c>
    </row>
    <row r="884" spans="1:7" x14ac:dyDescent="0.25">
      <c r="A884">
        <v>9</v>
      </c>
      <c r="B884">
        <v>145.494</v>
      </c>
      <c r="C884">
        <v>195.887</v>
      </c>
      <c r="D884">
        <v>5012.6000000000004</v>
      </c>
      <c r="E884">
        <v>3.3149600000000001</v>
      </c>
      <c r="F884">
        <v>6539.73</v>
      </c>
      <c r="G884">
        <v>21.848099999999999</v>
      </c>
    </row>
    <row r="885" spans="1:7" x14ac:dyDescent="0.25">
      <c r="A885">
        <v>9</v>
      </c>
      <c r="B885">
        <v>160.61199999999999</v>
      </c>
      <c r="C885">
        <v>200.61199999999999</v>
      </c>
      <c r="D885">
        <v>3004.72</v>
      </c>
      <c r="E885">
        <v>3.8110200000000001</v>
      </c>
      <c r="F885">
        <v>4219.75</v>
      </c>
      <c r="G885">
        <v>27.2697</v>
      </c>
    </row>
    <row r="886" spans="1:7" x14ac:dyDescent="0.25">
      <c r="A886">
        <v>9</v>
      </c>
      <c r="B886">
        <v>161.24199999999999</v>
      </c>
      <c r="C886">
        <v>202.18700000000001</v>
      </c>
      <c r="D886">
        <v>1800</v>
      </c>
      <c r="E886">
        <v>3.7873999999999999</v>
      </c>
      <c r="F886">
        <v>3319.51</v>
      </c>
      <c r="G886">
        <v>80.043499999999995</v>
      </c>
    </row>
    <row r="887" spans="1:7" x14ac:dyDescent="0.25">
      <c r="A887">
        <v>9</v>
      </c>
      <c r="B887">
        <v>137.935</v>
      </c>
      <c r="C887">
        <v>198.09200000000001</v>
      </c>
      <c r="D887">
        <v>6083.46</v>
      </c>
      <c r="E887">
        <v>2.1102400000000001</v>
      </c>
      <c r="F887">
        <v>8238.3799999999992</v>
      </c>
      <c r="G887">
        <v>11.8962</v>
      </c>
    </row>
    <row r="888" spans="1:7" x14ac:dyDescent="0.25">
      <c r="A888">
        <v>9</v>
      </c>
      <c r="B888">
        <v>163.131</v>
      </c>
      <c r="C888">
        <v>197.46199999999999</v>
      </c>
      <c r="D888">
        <v>3004.72</v>
      </c>
      <c r="E888">
        <v>2.20472</v>
      </c>
      <c r="F888">
        <v>4871.2700000000004</v>
      </c>
      <c r="G888">
        <v>25.2303</v>
      </c>
    </row>
    <row r="889" spans="1:7" x14ac:dyDescent="0.25">
      <c r="A889">
        <v>9</v>
      </c>
      <c r="B889">
        <v>137.935</v>
      </c>
      <c r="C889">
        <v>198.09200000000001</v>
      </c>
      <c r="D889">
        <v>6083.46</v>
      </c>
      <c r="E889">
        <v>2.1102400000000001</v>
      </c>
      <c r="F889">
        <v>8238.3799999999992</v>
      </c>
      <c r="G889">
        <v>11.8962</v>
      </c>
    </row>
    <row r="890" spans="1:7" x14ac:dyDescent="0.25">
      <c r="A890">
        <v>9</v>
      </c>
      <c r="B890">
        <v>160.61199999999999</v>
      </c>
      <c r="C890">
        <v>203.761</v>
      </c>
      <c r="D890">
        <v>1800</v>
      </c>
      <c r="E890">
        <v>3.9763799999999998</v>
      </c>
      <c r="F890">
        <v>3229.99</v>
      </c>
      <c r="G890">
        <v>82.210099999999997</v>
      </c>
    </row>
    <row r="891" spans="1:7" x14ac:dyDescent="0.25">
      <c r="A891">
        <v>9</v>
      </c>
      <c r="B891">
        <v>163.131</v>
      </c>
      <c r="C891">
        <v>197.46199999999999</v>
      </c>
      <c r="D891">
        <v>3004.72</v>
      </c>
      <c r="E891">
        <v>2.20472</v>
      </c>
      <c r="F891">
        <v>4871.2700000000004</v>
      </c>
      <c r="G891">
        <v>25.2303</v>
      </c>
    </row>
    <row r="892" spans="1:7" x14ac:dyDescent="0.25">
      <c r="A892">
        <v>9</v>
      </c>
      <c r="B892">
        <v>160.61199999999999</v>
      </c>
      <c r="C892">
        <v>196.202</v>
      </c>
      <c r="D892">
        <v>2870.87</v>
      </c>
      <c r="E892">
        <v>4</v>
      </c>
      <c r="F892">
        <v>4101.1499999999996</v>
      </c>
      <c r="G892">
        <v>27.514500000000002</v>
      </c>
    </row>
    <row r="893" spans="1:7" x14ac:dyDescent="0.25">
      <c r="A893">
        <v>9</v>
      </c>
      <c r="B893">
        <v>136.04499999999999</v>
      </c>
      <c r="C893">
        <v>195.572</v>
      </c>
      <c r="D893">
        <v>6083.46</v>
      </c>
      <c r="E893">
        <v>1.1653500000000001</v>
      </c>
      <c r="F893">
        <v>9446.7000000000007</v>
      </c>
      <c r="G893">
        <v>11.3193</v>
      </c>
    </row>
    <row r="894" spans="1:7" x14ac:dyDescent="0.25">
      <c r="A894">
        <v>9</v>
      </c>
      <c r="B894">
        <v>137.935</v>
      </c>
      <c r="C894">
        <v>198.09200000000001</v>
      </c>
      <c r="D894">
        <v>6083.46</v>
      </c>
      <c r="E894">
        <v>2.1102400000000001</v>
      </c>
      <c r="F894">
        <v>8238.3799999999992</v>
      </c>
      <c r="G894">
        <v>11.8962</v>
      </c>
    </row>
    <row r="895" spans="1:7" x14ac:dyDescent="0.25">
      <c r="A895">
        <v>9</v>
      </c>
      <c r="B895">
        <v>156.202</v>
      </c>
      <c r="C895">
        <v>196.83199999999999</v>
      </c>
      <c r="D895">
        <v>3004.72</v>
      </c>
      <c r="E895">
        <v>1.54331</v>
      </c>
      <c r="F895">
        <v>5700.32</v>
      </c>
      <c r="G895">
        <v>22.826499999999999</v>
      </c>
    </row>
    <row r="896" spans="1:7" x14ac:dyDescent="0.25">
      <c r="A896">
        <v>9</v>
      </c>
      <c r="B896">
        <v>137.935</v>
      </c>
      <c r="C896">
        <v>198.09200000000001</v>
      </c>
      <c r="D896">
        <v>6083.46</v>
      </c>
      <c r="E896">
        <v>2.1102400000000001</v>
      </c>
      <c r="F896">
        <v>8238.3799999999992</v>
      </c>
      <c r="G896">
        <v>11.8962</v>
      </c>
    </row>
    <row r="897" spans="1:7" x14ac:dyDescent="0.25">
      <c r="A897">
        <v>9</v>
      </c>
      <c r="B897">
        <v>156.202</v>
      </c>
      <c r="C897">
        <v>196.83199999999999</v>
      </c>
      <c r="D897">
        <v>2067.7199999999998</v>
      </c>
      <c r="E897">
        <v>3.0314999999999999</v>
      </c>
      <c r="F897">
        <v>3854.72</v>
      </c>
      <c r="G897">
        <v>67.567499999999995</v>
      </c>
    </row>
    <row r="898" spans="1:7" x14ac:dyDescent="0.25">
      <c r="A898">
        <v>9</v>
      </c>
      <c r="B898">
        <v>156.202</v>
      </c>
      <c r="C898">
        <v>195.572</v>
      </c>
      <c r="D898">
        <v>3004.72</v>
      </c>
      <c r="E898">
        <v>1.6377999999999999</v>
      </c>
      <c r="F898">
        <v>5544</v>
      </c>
      <c r="G898">
        <v>23.644500000000001</v>
      </c>
    </row>
    <row r="899" spans="1:7" x14ac:dyDescent="0.25">
      <c r="A899">
        <v>9</v>
      </c>
      <c r="B899">
        <v>168.80099999999999</v>
      </c>
      <c r="C899">
        <v>195.572</v>
      </c>
      <c r="D899">
        <v>3406.3</v>
      </c>
      <c r="E899">
        <v>1.6141700000000001</v>
      </c>
      <c r="F899">
        <v>5485.25</v>
      </c>
      <c r="G899">
        <v>23.9512</v>
      </c>
    </row>
    <row r="900" spans="1:7" x14ac:dyDescent="0.25">
      <c r="A900">
        <v>9</v>
      </c>
      <c r="B900">
        <v>137.935</v>
      </c>
      <c r="C900">
        <v>208.17099999999999</v>
      </c>
      <c r="D900">
        <v>6083.46</v>
      </c>
      <c r="E900">
        <v>3.5275599999999998</v>
      </c>
      <c r="F900">
        <v>7624.38</v>
      </c>
      <c r="G900">
        <v>17.499500000000001</v>
      </c>
    </row>
    <row r="901" spans="1:7" x14ac:dyDescent="0.25">
      <c r="A901">
        <v>10</v>
      </c>
      <c r="B901">
        <v>137.935</v>
      </c>
      <c r="C901">
        <v>207.85599999999999</v>
      </c>
      <c r="D901">
        <v>6083.46</v>
      </c>
      <c r="E901">
        <v>3.8110200000000001</v>
      </c>
      <c r="F901">
        <v>7573.08</v>
      </c>
      <c r="G901">
        <v>19.5532</v>
      </c>
    </row>
    <row r="902" spans="1:7" x14ac:dyDescent="0.25">
      <c r="A902">
        <v>10</v>
      </c>
      <c r="B902">
        <v>143.60400000000001</v>
      </c>
      <c r="C902">
        <v>195.25700000000001</v>
      </c>
      <c r="D902">
        <v>6083.46</v>
      </c>
      <c r="E902">
        <v>3.4330699999999998</v>
      </c>
      <c r="F902">
        <v>7518.71</v>
      </c>
      <c r="G902">
        <v>22.084199999999999</v>
      </c>
    </row>
    <row r="903" spans="1:7" x14ac:dyDescent="0.25">
      <c r="A903">
        <v>10</v>
      </c>
      <c r="B903">
        <v>137.935</v>
      </c>
      <c r="C903">
        <v>203.131</v>
      </c>
      <c r="D903">
        <v>6083.46</v>
      </c>
      <c r="E903">
        <v>2.6771699999999998</v>
      </c>
      <c r="F903">
        <v>7860.24</v>
      </c>
      <c r="G903">
        <v>13.7896</v>
      </c>
    </row>
    <row r="904" spans="1:7" x14ac:dyDescent="0.25">
      <c r="A904">
        <v>10</v>
      </c>
      <c r="B904">
        <v>156.202</v>
      </c>
      <c r="C904">
        <v>195.887</v>
      </c>
      <c r="D904">
        <v>2870.87</v>
      </c>
      <c r="E904">
        <v>2.0866099999999999</v>
      </c>
      <c r="F904">
        <v>4884.5200000000004</v>
      </c>
      <c r="G904">
        <v>25.466100000000001</v>
      </c>
    </row>
    <row r="905" spans="1:7" x14ac:dyDescent="0.25">
      <c r="A905">
        <v>10</v>
      </c>
      <c r="B905">
        <v>155.572</v>
      </c>
      <c r="C905">
        <v>203.131</v>
      </c>
      <c r="D905">
        <v>6083.46</v>
      </c>
      <c r="E905">
        <v>2.4881899999999999</v>
      </c>
      <c r="F905">
        <v>7872.57</v>
      </c>
      <c r="G905">
        <v>39.176200000000001</v>
      </c>
    </row>
    <row r="906" spans="1:7" x14ac:dyDescent="0.25">
      <c r="A906">
        <v>10</v>
      </c>
      <c r="B906">
        <v>163.131</v>
      </c>
      <c r="C906">
        <v>213.84</v>
      </c>
      <c r="D906">
        <v>1800</v>
      </c>
      <c r="E906">
        <v>3.4094500000000001</v>
      </c>
      <c r="F906">
        <v>3388.39</v>
      </c>
      <c r="G906">
        <v>72.025700000000001</v>
      </c>
    </row>
    <row r="907" spans="1:7" x14ac:dyDescent="0.25">
      <c r="A907">
        <v>10</v>
      </c>
      <c r="B907">
        <v>155.572</v>
      </c>
      <c r="C907">
        <v>200.92699999999999</v>
      </c>
      <c r="D907">
        <v>2067.7199999999998</v>
      </c>
      <c r="E907">
        <v>3.0314999999999999</v>
      </c>
      <c r="F907">
        <v>3911.07</v>
      </c>
      <c r="G907">
        <v>72.835999999999999</v>
      </c>
    </row>
    <row r="908" spans="1:7" x14ac:dyDescent="0.25">
      <c r="A908">
        <v>10</v>
      </c>
      <c r="B908">
        <v>155.572</v>
      </c>
      <c r="C908">
        <v>195.887</v>
      </c>
      <c r="D908">
        <v>1933.86</v>
      </c>
      <c r="E908">
        <v>2.4645700000000001</v>
      </c>
      <c r="F908">
        <v>4061.56</v>
      </c>
      <c r="G908">
        <v>72.231300000000005</v>
      </c>
    </row>
    <row r="909" spans="1:7" x14ac:dyDescent="0.25">
      <c r="A909">
        <v>10</v>
      </c>
      <c r="B909">
        <v>137.935</v>
      </c>
      <c r="C909">
        <v>197.77699999999999</v>
      </c>
      <c r="D909">
        <v>6083.46</v>
      </c>
      <c r="E909">
        <v>2.6771699999999998</v>
      </c>
      <c r="F909">
        <v>7910.05</v>
      </c>
      <c r="G909">
        <v>17.029399999999999</v>
      </c>
    </row>
    <row r="910" spans="1:7" x14ac:dyDescent="0.25">
      <c r="A910">
        <v>10</v>
      </c>
      <c r="B910">
        <v>141.084</v>
      </c>
      <c r="C910">
        <v>195.572</v>
      </c>
      <c r="D910">
        <v>6083.46</v>
      </c>
      <c r="E910">
        <v>3.59843</v>
      </c>
      <c r="F910">
        <v>7435.91</v>
      </c>
      <c r="G910">
        <v>16.470400000000001</v>
      </c>
    </row>
    <row r="911" spans="1:7" x14ac:dyDescent="0.25">
      <c r="A911">
        <v>10</v>
      </c>
      <c r="B911">
        <v>135.41499999999999</v>
      </c>
      <c r="C911">
        <v>203.761</v>
      </c>
      <c r="D911">
        <v>3406.3</v>
      </c>
      <c r="E911">
        <v>3.8110200000000001</v>
      </c>
      <c r="F911">
        <v>5072.74</v>
      </c>
      <c r="G911">
        <v>100.506</v>
      </c>
    </row>
    <row r="912" spans="1:7" x14ac:dyDescent="0.25">
      <c r="A912">
        <v>10</v>
      </c>
      <c r="B912">
        <v>156.202</v>
      </c>
      <c r="C912">
        <v>195.887</v>
      </c>
      <c r="D912">
        <v>2870.87</v>
      </c>
      <c r="E912">
        <v>2.0866099999999999</v>
      </c>
      <c r="F912">
        <v>4884.5200000000004</v>
      </c>
      <c r="G912">
        <v>25.466100000000001</v>
      </c>
    </row>
    <row r="913" spans="1:7" x14ac:dyDescent="0.25">
      <c r="A913">
        <v>10</v>
      </c>
      <c r="B913">
        <v>165.65100000000001</v>
      </c>
      <c r="C913">
        <v>197.46199999999999</v>
      </c>
      <c r="D913">
        <v>1800</v>
      </c>
      <c r="E913">
        <v>3.7401599999999999</v>
      </c>
      <c r="F913">
        <v>3337.51</v>
      </c>
      <c r="G913">
        <v>73.123699999999999</v>
      </c>
    </row>
    <row r="914" spans="1:7" x14ac:dyDescent="0.25">
      <c r="A914">
        <v>10</v>
      </c>
      <c r="B914">
        <v>158.09200000000001</v>
      </c>
      <c r="C914">
        <v>198.40700000000001</v>
      </c>
      <c r="D914">
        <v>1800</v>
      </c>
      <c r="E914">
        <v>3.8110200000000001</v>
      </c>
      <c r="F914">
        <v>3397.62</v>
      </c>
      <c r="G914">
        <v>86.401399999999995</v>
      </c>
    </row>
    <row r="915" spans="1:7" x14ac:dyDescent="0.25">
      <c r="A915">
        <v>10</v>
      </c>
      <c r="B915">
        <v>165.65100000000001</v>
      </c>
      <c r="C915">
        <v>195.887</v>
      </c>
      <c r="D915">
        <v>7154.33</v>
      </c>
      <c r="E915">
        <v>1.92126</v>
      </c>
      <c r="F915">
        <v>6940.55</v>
      </c>
      <c r="G915">
        <v>25.2666</v>
      </c>
    </row>
    <row r="916" spans="1:7" x14ac:dyDescent="0.25">
      <c r="A916">
        <v>10</v>
      </c>
      <c r="B916">
        <v>158.09200000000001</v>
      </c>
      <c r="C916">
        <v>205.96600000000001</v>
      </c>
      <c r="D916">
        <v>6083.46</v>
      </c>
      <c r="E916">
        <v>3.8110200000000001</v>
      </c>
      <c r="F916">
        <v>7267.8</v>
      </c>
      <c r="G916">
        <v>56.856999999999999</v>
      </c>
    </row>
    <row r="917" spans="1:7" x14ac:dyDescent="0.25">
      <c r="A917">
        <v>10</v>
      </c>
      <c r="B917">
        <v>158.09200000000001</v>
      </c>
      <c r="C917">
        <v>198.09200000000001</v>
      </c>
      <c r="D917">
        <v>6351.18</v>
      </c>
      <c r="E917">
        <v>3.0551200000000001</v>
      </c>
      <c r="F917">
        <v>7859.38</v>
      </c>
      <c r="G917">
        <v>57.433599999999998</v>
      </c>
    </row>
    <row r="918" spans="1:7" x14ac:dyDescent="0.25">
      <c r="A918">
        <v>10</v>
      </c>
      <c r="B918">
        <v>160.61199999999999</v>
      </c>
      <c r="C918">
        <v>200.92699999999999</v>
      </c>
      <c r="D918">
        <v>1800</v>
      </c>
      <c r="E918">
        <v>3.8110200000000001</v>
      </c>
      <c r="F918">
        <v>3309.43</v>
      </c>
      <c r="G918">
        <v>83.956599999999995</v>
      </c>
    </row>
    <row r="919" spans="1:7" x14ac:dyDescent="0.25">
      <c r="A919">
        <v>10</v>
      </c>
      <c r="B919">
        <v>137.935</v>
      </c>
      <c r="C919">
        <v>195.572</v>
      </c>
      <c r="D919">
        <v>6083.46</v>
      </c>
      <c r="E919">
        <v>3.4330699999999998</v>
      </c>
      <c r="F919">
        <v>7679.85</v>
      </c>
      <c r="G919">
        <v>23.683</v>
      </c>
    </row>
    <row r="920" spans="1:7" x14ac:dyDescent="0.25">
      <c r="A920">
        <v>10</v>
      </c>
      <c r="B920">
        <v>160.61199999999999</v>
      </c>
      <c r="C920">
        <v>195.572</v>
      </c>
      <c r="D920">
        <v>2870.87</v>
      </c>
      <c r="E920">
        <v>3.8110200000000001</v>
      </c>
      <c r="F920">
        <v>4139.7299999999996</v>
      </c>
      <c r="G920">
        <v>28.171600000000002</v>
      </c>
    </row>
    <row r="921" spans="1:7" x14ac:dyDescent="0.25">
      <c r="A921">
        <v>10</v>
      </c>
      <c r="B921">
        <v>158.72200000000001</v>
      </c>
      <c r="C921">
        <v>209.11600000000001</v>
      </c>
      <c r="D921">
        <v>2335.4299999999998</v>
      </c>
      <c r="E921">
        <v>2.6771699999999998</v>
      </c>
      <c r="F921">
        <v>4170.0200000000004</v>
      </c>
      <c r="G921">
        <v>46.550600000000003</v>
      </c>
    </row>
    <row r="922" spans="1:7" x14ac:dyDescent="0.25">
      <c r="A922">
        <v>10</v>
      </c>
      <c r="B922">
        <v>160.61199999999999</v>
      </c>
      <c r="C922">
        <v>196.202</v>
      </c>
      <c r="D922">
        <v>2870.87</v>
      </c>
      <c r="E922">
        <v>3.8110200000000001</v>
      </c>
      <c r="F922">
        <v>4139.7299999999996</v>
      </c>
      <c r="G922">
        <v>28.171600000000002</v>
      </c>
    </row>
    <row r="923" spans="1:7" x14ac:dyDescent="0.25">
      <c r="A923">
        <v>10</v>
      </c>
      <c r="B923">
        <v>161.24199999999999</v>
      </c>
      <c r="C923">
        <v>200.61199999999999</v>
      </c>
      <c r="D923">
        <v>3540.16</v>
      </c>
      <c r="E923">
        <v>4</v>
      </c>
      <c r="F923">
        <v>4729.7700000000004</v>
      </c>
      <c r="G923">
        <v>28.784600000000001</v>
      </c>
    </row>
    <row r="924" spans="1:7" x14ac:dyDescent="0.25">
      <c r="A924">
        <v>10</v>
      </c>
      <c r="B924">
        <v>161.24199999999999</v>
      </c>
      <c r="C924">
        <v>196.202</v>
      </c>
      <c r="D924">
        <v>3004.72</v>
      </c>
      <c r="E924">
        <v>3.0551200000000001</v>
      </c>
      <c r="F924">
        <v>4480.37</v>
      </c>
      <c r="G924">
        <v>26.6569</v>
      </c>
    </row>
    <row r="925" spans="1:7" x14ac:dyDescent="0.25">
      <c r="A925">
        <v>10</v>
      </c>
      <c r="B925">
        <v>137.935</v>
      </c>
      <c r="C925">
        <v>203.761</v>
      </c>
      <c r="D925">
        <v>6217.32</v>
      </c>
      <c r="E925">
        <v>3.8110200000000001</v>
      </c>
      <c r="F925">
        <v>7581.9</v>
      </c>
      <c r="G925">
        <v>20.5318</v>
      </c>
    </row>
    <row r="926" spans="1:7" x14ac:dyDescent="0.25">
      <c r="A926">
        <v>10</v>
      </c>
      <c r="B926">
        <v>136.04499999999999</v>
      </c>
      <c r="C926">
        <v>207.85599999999999</v>
      </c>
      <c r="D926">
        <v>1800</v>
      </c>
      <c r="E926">
        <v>3.8110200000000001</v>
      </c>
      <c r="F926">
        <v>3521.56</v>
      </c>
      <c r="G926">
        <v>131.315</v>
      </c>
    </row>
    <row r="927" spans="1:7" x14ac:dyDescent="0.25">
      <c r="A927">
        <v>10</v>
      </c>
      <c r="B927">
        <v>160.61199999999999</v>
      </c>
      <c r="C927">
        <v>195.572</v>
      </c>
      <c r="D927">
        <v>6083.46</v>
      </c>
      <c r="E927">
        <v>3.4330699999999998</v>
      </c>
      <c r="F927">
        <v>7268.21</v>
      </c>
      <c r="G927">
        <v>26.6066</v>
      </c>
    </row>
    <row r="928" spans="1:7" x14ac:dyDescent="0.25">
      <c r="A928">
        <v>10</v>
      </c>
      <c r="B928">
        <v>137.935</v>
      </c>
      <c r="C928">
        <v>203.131</v>
      </c>
      <c r="D928">
        <v>6083.46</v>
      </c>
      <c r="E928">
        <v>1.92126</v>
      </c>
      <c r="F928">
        <v>8426.6299999999992</v>
      </c>
      <c r="G928">
        <v>12.315099999999999</v>
      </c>
    </row>
    <row r="929" spans="1:7" x14ac:dyDescent="0.25">
      <c r="A929">
        <v>10</v>
      </c>
      <c r="B929">
        <v>143.60400000000001</v>
      </c>
      <c r="C929">
        <v>195.25700000000001</v>
      </c>
      <c r="D929">
        <v>6083.46</v>
      </c>
      <c r="E929">
        <v>1.92126</v>
      </c>
      <c r="F929">
        <v>8160.75</v>
      </c>
      <c r="G929">
        <v>23.6248</v>
      </c>
    </row>
    <row r="930" spans="1:7" x14ac:dyDescent="0.25">
      <c r="A930">
        <v>10</v>
      </c>
      <c r="B930">
        <v>162.50200000000001</v>
      </c>
      <c r="C930">
        <v>202.18700000000001</v>
      </c>
      <c r="D930">
        <v>2335.4299999999998</v>
      </c>
      <c r="E930">
        <v>3.8110200000000001</v>
      </c>
      <c r="F930">
        <v>3795.33</v>
      </c>
      <c r="G930">
        <v>59.120899999999999</v>
      </c>
    </row>
    <row r="931" spans="1:7" x14ac:dyDescent="0.25">
      <c r="A931">
        <v>10</v>
      </c>
      <c r="B931">
        <v>158.72200000000001</v>
      </c>
      <c r="C931">
        <v>198.40700000000001</v>
      </c>
      <c r="D931">
        <v>6217.32</v>
      </c>
      <c r="E931">
        <v>2.4645700000000001</v>
      </c>
      <c r="F931">
        <v>7851.27</v>
      </c>
      <c r="G931">
        <v>59.043500000000002</v>
      </c>
    </row>
    <row r="932" spans="1:7" x14ac:dyDescent="0.25">
      <c r="A932">
        <v>10</v>
      </c>
      <c r="B932">
        <v>136.04499999999999</v>
      </c>
      <c r="C932">
        <v>196.202</v>
      </c>
      <c r="D932">
        <v>6083.46</v>
      </c>
      <c r="E932">
        <v>2.29921</v>
      </c>
      <c r="F932">
        <v>8103.84</v>
      </c>
      <c r="G932">
        <v>18.327300000000001</v>
      </c>
    </row>
    <row r="933" spans="1:7" x14ac:dyDescent="0.25">
      <c r="A933">
        <v>10</v>
      </c>
      <c r="B933">
        <v>156.202</v>
      </c>
      <c r="C933">
        <v>207.85599999999999</v>
      </c>
      <c r="D933">
        <v>2335.4299999999998</v>
      </c>
      <c r="E933">
        <v>3.7165400000000002</v>
      </c>
      <c r="F933">
        <v>3819.04</v>
      </c>
      <c r="G933">
        <v>57.969799999999999</v>
      </c>
    </row>
    <row r="934" spans="1:7" x14ac:dyDescent="0.25">
      <c r="A934">
        <v>10</v>
      </c>
      <c r="B934">
        <v>160.61199999999999</v>
      </c>
      <c r="C934">
        <v>203.761</v>
      </c>
      <c r="D934">
        <v>2870.87</v>
      </c>
      <c r="E934">
        <v>3.59843</v>
      </c>
      <c r="F934">
        <v>4189.4799999999996</v>
      </c>
      <c r="G934">
        <v>28.944700000000001</v>
      </c>
    </row>
    <row r="935" spans="1:7" x14ac:dyDescent="0.25">
      <c r="A935">
        <v>10</v>
      </c>
      <c r="B935">
        <v>141.084</v>
      </c>
      <c r="C935">
        <v>195.887</v>
      </c>
      <c r="D935">
        <v>1800</v>
      </c>
      <c r="E935">
        <v>3.3385799999999999</v>
      </c>
      <c r="F935">
        <v>3791.73</v>
      </c>
      <c r="G935">
        <v>122.31100000000001</v>
      </c>
    </row>
    <row r="936" spans="1:7" x14ac:dyDescent="0.25">
      <c r="A936">
        <v>10</v>
      </c>
      <c r="B936">
        <v>142.97399999999999</v>
      </c>
      <c r="C936">
        <v>198.09200000000001</v>
      </c>
      <c r="D936">
        <v>7154.33</v>
      </c>
      <c r="E936">
        <v>2.4881899999999999</v>
      </c>
      <c r="F936">
        <v>9181.66</v>
      </c>
      <c r="G936">
        <v>23.462</v>
      </c>
    </row>
    <row r="937" spans="1:7" x14ac:dyDescent="0.25">
      <c r="A937">
        <v>10</v>
      </c>
      <c r="B937">
        <v>160.61199999999999</v>
      </c>
      <c r="C937">
        <v>203.131</v>
      </c>
      <c r="D937">
        <v>3004.72</v>
      </c>
      <c r="E937">
        <v>3.7873999999999999</v>
      </c>
      <c r="F937">
        <v>4369.37</v>
      </c>
      <c r="G937">
        <v>27.2898</v>
      </c>
    </row>
    <row r="938" spans="1:7" x14ac:dyDescent="0.25">
      <c r="A938">
        <v>10</v>
      </c>
      <c r="B938">
        <v>161.24199999999999</v>
      </c>
      <c r="C938">
        <v>195.887</v>
      </c>
      <c r="D938">
        <v>7154.33</v>
      </c>
      <c r="E938">
        <v>2.0866099999999999</v>
      </c>
      <c r="F938">
        <v>8958.4599999999991</v>
      </c>
      <c r="G938">
        <v>62.113300000000002</v>
      </c>
    </row>
    <row r="939" spans="1:7" x14ac:dyDescent="0.25">
      <c r="A939">
        <v>10</v>
      </c>
      <c r="B939">
        <v>160.61199999999999</v>
      </c>
      <c r="C939">
        <v>200.297</v>
      </c>
      <c r="D939">
        <v>2335.4299999999998</v>
      </c>
      <c r="E939">
        <v>3.0551200000000001</v>
      </c>
      <c r="F939">
        <v>3922.51</v>
      </c>
      <c r="G939">
        <v>29.449200000000001</v>
      </c>
    </row>
    <row r="940" spans="1:7" x14ac:dyDescent="0.25">
      <c r="A940">
        <v>10</v>
      </c>
      <c r="B940">
        <v>141.084</v>
      </c>
      <c r="C940">
        <v>201.87200000000001</v>
      </c>
      <c r="D940">
        <v>2067.7199999999998</v>
      </c>
      <c r="E940">
        <v>2.65354</v>
      </c>
      <c r="F940">
        <v>4231.24</v>
      </c>
      <c r="G940">
        <v>104.46599999999999</v>
      </c>
    </row>
    <row r="941" spans="1:7" x14ac:dyDescent="0.25">
      <c r="A941">
        <v>10</v>
      </c>
      <c r="B941">
        <v>161.24199999999999</v>
      </c>
      <c r="C941">
        <v>196.202</v>
      </c>
      <c r="D941">
        <v>2870.87</v>
      </c>
      <c r="E941">
        <v>3.9763799999999998</v>
      </c>
      <c r="F941">
        <v>4104.88</v>
      </c>
      <c r="G941">
        <v>28.7377</v>
      </c>
    </row>
    <row r="942" spans="1:7" x14ac:dyDescent="0.25">
      <c r="A942">
        <v>10</v>
      </c>
      <c r="B942">
        <v>141.084</v>
      </c>
      <c r="C942">
        <v>204.70599999999999</v>
      </c>
      <c r="D942">
        <v>6083.46</v>
      </c>
      <c r="E942">
        <v>2.6771699999999998</v>
      </c>
      <c r="F942">
        <v>7906.66</v>
      </c>
      <c r="G942">
        <v>17.196300000000001</v>
      </c>
    </row>
    <row r="943" spans="1:7" x14ac:dyDescent="0.25">
      <c r="A943">
        <v>10</v>
      </c>
      <c r="B943">
        <v>143.60400000000001</v>
      </c>
      <c r="C943">
        <v>195.25700000000001</v>
      </c>
      <c r="D943">
        <v>6083.46</v>
      </c>
      <c r="E943">
        <v>3.4330699999999998</v>
      </c>
      <c r="F943">
        <v>7518.71</v>
      </c>
      <c r="G943">
        <v>22.084199999999999</v>
      </c>
    </row>
    <row r="944" spans="1:7" x14ac:dyDescent="0.25">
      <c r="A944">
        <v>10</v>
      </c>
      <c r="B944">
        <v>156.202</v>
      </c>
      <c r="C944">
        <v>200.297</v>
      </c>
      <c r="D944">
        <v>1933.86</v>
      </c>
      <c r="E944">
        <v>3.0551200000000001</v>
      </c>
      <c r="F944">
        <v>3734.07</v>
      </c>
      <c r="G944">
        <v>79.698599999999999</v>
      </c>
    </row>
    <row r="945" spans="1:7" x14ac:dyDescent="0.25">
      <c r="A945">
        <v>10</v>
      </c>
      <c r="B945">
        <v>161.24199999999999</v>
      </c>
      <c r="C945">
        <v>200.92699999999999</v>
      </c>
      <c r="D945">
        <v>1800</v>
      </c>
      <c r="E945">
        <v>3.7873999999999999</v>
      </c>
      <c r="F945">
        <v>3320.22</v>
      </c>
      <c r="G945">
        <v>81.223699999999994</v>
      </c>
    </row>
    <row r="946" spans="1:7" x14ac:dyDescent="0.25">
      <c r="A946">
        <v>10</v>
      </c>
      <c r="B946">
        <v>168.80099999999999</v>
      </c>
      <c r="C946">
        <v>196.202</v>
      </c>
      <c r="D946">
        <v>2870.87</v>
      </c>
      <c r="E946">
        <v>3.8110200000000001</v>
      </c>
      <c r="F946">
        <v>3919.31</v>
      </c>
      <c r="G946">
        <v>101.129</v>
      </c>
    </row>
    <row r="947" spans="1:7" x14ac:dyDescent="0.25">
      <c r="A947">
        <v>10</v>
      </c>
      <c r="B947">
        <v>160.61199999999999</v>
      </c>
      <c r="C947">
        <v>180.76900000000001</v>
      </c>
      <c r="D947">
        <v>3004.72</v>
      </c>
      <c r="E947">
        <v>3.8110200000000001</v>
      </c>
      <c r="F947">
        <v>4285.95</v>
      </c>
      <c r="G947">
        <v>27.2697</v>
      </c>
    </row>
    <row r="948" spans="1:7" x14ac:dyDescent="0.25">
      <c r="A948">
        <v>10</v>
      </c>
      <c r="B948">
        <v>135.41499999999999</v>
      </c>
      <c r="C948">
        <v>200.297</v>
      </c>
      <c r="D948">
        <v>1933.86</v>
      </c>
      <c r="E948">
        <v>3.9763799999999998</v>
      </c>
      <c r="F948">
        <v>3717.35</v>
      </c>
      <c r="G948">
        <v>131.72900000000001</v>
      </c>
    </row>
    <row r="949" spans="1:7" x14ac:dyDescent="0.25">
      <c r="A949">
        <v>10</v>
      </c>
      <c r="B949">
        <v>142.97399999999999</v>
      </c>
      <c r="C949">
        <v>198.09200000000001</v>
      </c>
      <c r="D949">
        <v>1933.86</v>
      </c>
      <c r="E949">
        <v>4</v>
      </c>
      <c r="F949">
        <v>3721.38</v>
      </c>
      <c r="G949">
        <v>125.024</v>
      </c>
    </row>
    <row r="950" spans="1:7" x14ac:dyDescent="0.25">
      <c r="A950">
        <v>10</v>
      </c>
      <c r="B950">
        <v>163.761</v>
      </c>
      <c r="C950">
        <v>195.887</v>
      </c>
      <c r="D950">
        <v>1800</v>
      </c>
      <c r="E950">
        <v>3.8110200000000001</v>
      </c>
      <c r="F950">
        <v>3335.21</v>
      </c>
      <c r="G950">
        <v>78.5655</v>
      </c>
    </row>
    <row r="951" spans="1:7" x14ac:dyDescent="0.25">
      <c r="A951">
        <v>10</v>
      </c>
      <c r="B951">
        <v>155.572</v>
      </c>
      <c r="C951">
        <v>203.761</v>
      </c>
      <c r="D951">
        <v>1933.86</v>
      </c>
      <c r="E951">
        <v>3.9763799999999998</v>
      </c>
      <c r="F951">
        <v>3482.3</v>
      </c>
      <c r="G951">
        <v>88.087999999999994</v>
      </c>
    </row>
    <row r="952" spans="1:7" x14ac:dyDescent="0.25">
      <c r="A952">
        <v>10</v>
      </c>
      <c r="B952">
        <v>158.09200000000001</v>
      </c>
      <c r="C952">
        <v>198.09200000000001</v>
      </c>
      <c r="D952">
        <v>2870.87</v>
      </c>
      <c r="E952">
        <v>2.0866099999999999</v>
      </c>
      <c r="F952">
        <v>4840.2700000000004</v>
      </c>
      <c r="G952">
        <v>30.231999999999999</v>
      </c>
    </row>
    <row r="953" spans="1:7" x14ac:dyDescent="0.25">
      <c r="A953">
        <v>10</v>
      </c>
      <c r="B953">
        <v>156.202</v>
      </c>
      <c r="C953">
        <v>195.572</v>
      </c>
      <c r="D953">
        <v>2870.87</v>
      </c>
      <c r="E953">
        <v>3.8110200000000001</v>
      </c>
      <c r="F953">
        <v>4303.76</v>
      </c>
      <c r="G953">
        <v>34.308199999999999</v>
      </c>
    </row>
    <row r="954" spans="1:7" x14ac:dyDescent="0.25">
      <c r="A954">
        <v>10</v>
      </c>
      <c r="B954">
        <v>161.24199999999999</v>
      </c>
      <c r="C954">
        <v>196.83199999999999</v>
      </c>
      <c r="D954">
        <v>1800</v>
      </c>
      <c r="E954">
        <v>3.7873999999999999</v>
      </c>
      <c r="F954">
        <v>3412.06</v>
      </c>
      <c r="G954">
        <v>85.035399999999996</v>
      </c>
    </row>
    <row r="955" spans="1:7" x14ac:dyDescent="0.25">
      <c r="A955">
        <v>10</v>
      </c>
      <c r="B955">
        <v>160.61199999999999</v>
      </c>
      <c r="C955">
        <v>198.72200000000001</v>
      </c>
      <c r="D955">
        <v>7154.33</v>
      </c>
      <c r="E955">
        <v>2.4881899999999999</v>
      </c>
      <c r="F955">
        <v>8917.51</v>
      </c>
      <c r="G955">
        <v>59.394100000000002</v>
      </c>
    </row>
    <row r="956" spans="1:7" x14ac:dyDescent="0.25">
      <c r="A956">
        <v>10</v>
      </c>
      <c r="B956">
        <v>137.935</v>
      </c>
      <c r="C956">
        <v>203.131</v>
      </c>
      <c r="D956">
        <v>6083.46</v>
      </c>
      <c r="E956">
        <v>2.6771699999999998</v>
      </c>
      <c r="F956">
        <v>7860.24</v>
      </c>
      <c r="G956">
        <v>13.7896</v>
      </c>
    </row>
    <row r="957" spans="1:7" x14ac:dyDescent="0.25">
      <c r="A957">
        <v>10</v>
      </c>
      <c r="B957">
        <v>160.61199999999999</v>
      </c>
      <c r="C957">
        <v>196.202</v>
      </c>
      <c r="D957">
        <v>1933.86</v>
      </c>
      <c r="E957">
        <v>3.7873999999999999</v>
      </c>
      <c r="F957">
        <v>3507.89</v>
      </c>
      <c r="G957">
        <v>75.378</v>
      </c>
    </row>
    <row r="958" spans="1:7" x14ac:dyDescent="0.25">
      <c r="A958">
        <v>10</v>
      </c>
      <c r="B958">
        <v>155.25700000000001</v>
      </c>
      <c r="C958">
        <v>202.81700000000001</v>
      </c>
      <c r="D958">
        <v>1800</v>
      </c>
      <c r="E958">
        <v>3.8110200000000001</v>
      </c>
      <c r="F958">
        <v>3370.77</v>
      </c>
      <c r="G958">
        <v>93.005099999999999</v>
      </c>
    </row>
    <row r="959" spans="1:7" x14ac:dyDescent="0.25">
      <c r="A959">
        <v>10</v>
      </c>
      <c r="B959">
        <v>137.935</v>
      </c>
      <c r="C959">
        <v>207.85599999999999</v>
      </c>
      <c r="D959">
        <v>6083.46</v>
      </c>
      <c r="E959">
        <v>3.8110200000000001</v>
      </c>
      <c r="F959">
        <v>7573.08</v>
      </c>
      <c r="G959">
        <v>19.5532</v>
      </c>
    </row>
    <row r="960" spans="1:7" x14ac:dyDescent="0.25">
      <c r="A960">
        <v>10</v>
      </c>
      <c r="B960">
        <v>155.572</v>
      </c>
      <c r="C960">
        <v>196.202</v>
      </c>
      <c r="D960">
        <v>1800</v>
      </c>
      <c r="E960">
        <v>3.8110200000000001</v>
      </c>
      <c r="F960">
        <v>3455.62</v>
      </c>
      <c r="G960">
        <v>98.237300000000005</v>
      </c>
    </row>
    <row r="961" spans="1:7" x14ac:dyDescent="0.25">
      <c r="A961">
        <v>10</v>
      </c>
      <c r="B961">
        <v>166.28100000000001</v>
      </c>
      <c r="C961">
        <v>195.572</v>
      </c>
      <c r="D961">
        <v>7288.19</v>
      </c>
      <c r="E961">
        <v>1.02362</v>
      </c>
      <c r="F961">
        <v>7152.81</v>
      </c>
      <c r="G961">
        <v>19.911000000000001</v>
      </c>
    </row>
    <row r="962" spans="1:7" x14ac:dyDescent="0.25">
      <c r="A962">
        <v>10</v>
      </c>
      <c r="B962">
        <v>160.61199999999999</v>
      </c>
      <c r="C962">
        <v>180.76900000000001</v>
      </c>
      <c r="D962">
        <v>3004.72</v>
      </c>
      <c r="E962">
        <v>3.8110200000000001</v>
      </c>
      <c r="F962">
        <v>4285.95</v>
      </c>
      <c r="G962">
        <v>27.2697</v>
      </c>
    </row>
    <row r="963" spans="1:7" x14ac:dyDescent="0.25">
      <c r="A963">
        <v>10</v>
      </c>
      <c r="B963">
        <v>161.24199999999999</v>
      </c>
      <c r="C963">
        <v>196.202</v>
      </c>
      <c r="D963">
        <v>2870.87</v>
      </c>
      <c r="E963">
        <v>2.8425199999999999</v>
      </c>
      <c r="F963">
        <v>4403.25</v>
      </c>
      <c r="G963">
        <v>26.689699999999998</v>
      </c>
    </row>
    <row r="964" spans="1:7" x14ac:dyDescent="0.25">
      <c r="A964">
        <v>10</v>
      </c>
      <c r="B964">
        <v>137.935</v>
      </c>
      <c r="C964">
        <v>203.131</v>
      </c>
      <c r="D964">
        <v>6083.46</v>
      </c>
      <c r="E964">
        <v>2.6771699999999998</v>
      </c>
      <c r="F964">
        <v>7860.24</v>
      </c>
      <c r="G964">
        <v>13.7896</v>
      </c>
    </row>
    <row r="965" spans="1:7" x14ac:dyDescent="0.25">
      <c r="A965">
        <v>10</v>
      </c>
      <c r="B965">
        <v>163.761</v>
      </c>
      <c r="C965">
        <v>195.887</v>
      </c>
      <c r="D965">
        <v>1800</v>
      </c>
      <c r="E965">
        <v>3.8110200000000001</v>
      </c>
      <c r="F965">
        <v>3335.21</v>
      </c>
      <c r="G965">
        <v>78.5655</v>
      </c>
    </row>
    <row r="966" spans="1:7" x14ac:dyDescent="0.25">
      <c r="A966">
        <v>10</v>
      </c>
      <c r="B966">
        <v>170.691</v>
      </c>
      <c r="C966">
        <v>200.92699999999999</v>
      </c>
      <c r="D966">
        <v>1800</v>
      </c>
      <c r="E966">
        <v>3.7873999999999999</v>
      </c>
      <c r="F966">
        <v>3157.85</v>
      </c>
      <c r="G966">
        <v>100.657</v>
      </c>
    </row>
    <row r="967" spans="1:7" x14ac:dyDescent="0.25">
      <c r="A967">
        <v>10</v>
      </c>
      <c r="B967">
        <v>161.24199999999999</v>
      </c>
      <c r="C967">
        <v>197.14699999999999</v>
      </c>
      <c r="D967">
        <v>1800</v>
      </c>
      <c r="E967">
        <v>2.6771699999999998</v>
      </c>
      <c r="F967">
        <v>3676.54</v>
      </c>
      <c r="G967">
        <v>70.4084</v>
      </c>
    </row>
    <row r="968" spans="1:7" x14ac:dyDescent="0.25">
      <c r="A968">
        <v>10</v>
      </c>
      <c r="B968">
        <v>173.21</v>
      </c>
      <c r="C968">
        <v>195.887</v>
      </c>
      <c r="D968">
        <v>1800</v>
      </c>
      <c r="E968">
        <v>3.8110200000000001</v>
      </c>
      <c r="F968">
        <v>3143.16</v>
      </c>
      <c r="G968">
        <v>106.97</v>
      </c>
    </row>
    <row r="969" spans="1:7" x14ac:dyDescent="0.25">
      <c r="A969">
        <v>10</v>
      </c>
      <c r="B969">
        <v>161.24199999999999</v>
      </c>
      <c r="C969">
        <v>196.202</v>
      </c>
      <c r="D969">
        <v>3004.72</v>
      </c>
      <c r="E969">
        <v>3.0551200000000001</v>
      </c>
      <c r="F969">
        <v>4480.37</v>
      </c>
      <c r="G969">
        <v>26.6569</v>
      </c>
    </row>
    <row r="970" spans="1:7" x14ac:dyDescent="0.25">
      <c r="A970">
        <v>10</v>
      </c>
      <c r="B970">
        <v>160.61199999999999</v>
      </c>
      <c r="C970">
        <v>213.84</v>
      </c>
      <c r="D970">
        <v>2335.4299999999998</v>
      </c>
      <c r="E970">
        <v>1.3307100000000001</v>
      </c>
      <c r="F970">
        <v>5313.69</v>
      </c>
      <c r="G970">
        <v>25.168900000000001</v>
      </c>
    </row>
    <row r="971" spans="1:7" x14ac:dyDescent="0.25">
      <c r="A971">
        <v>10</v>
      </c>
      <c r="B971">
        <v>165.65100000000001</v>
      </c>
      <c r="C971">
        <v>197.46199999999999</v>
      </c>
      <c r="D971">
        <v>1800</v>
      </c>
      <c r="E971">
        <v>3.7401599999999999</v>
      </c>
      <c r="F971">
        <v>3337.51</v>
      </c>
      <c r="G971">
        <v>73.123699999999999</v>
      </c>
    </row>
    <row r="972" spans="1:7" x14ac:dyDescent="0.25">
      <c r="A972">
        <v>10</v>
      </c>
      <c r="B972">
        <v>160.61199999999999</v>
      </c>
      <c r="C972">
        <v>200.297</v>
      </c>
      <c r="D972">
        <v>2335.4299999999998</v>
      </c>
      <c r="E972">
        <v>3.0551200000000001</v>
      </c>
      <c r="F972">
        <v>3922.51</v>
      </c>
      <c r="G972">
        <v>29.449200000000001</v>
      </c>
    </row>
    <row r="973" spans="1:7" x14ac:dyDescent="0.25">
      <c r="A973">
        <v>10</v>
      </c>
      <c r="B973">
        <v>160.61199999999999</v>
      </c>
      <c r="C973">
        <v>201.24199999999999</v>
      </c>
      <c r="D973">
        <v>1933.86</v>
      </c>
      <c r="E973">
        <v>3.8110200000000001</v>
      </c>
      <c r="F973">
        <v>3403.13</v>
      </c>
      <c r="G973">
        <v>71.532600000000002</v>
      </c>
    </row>
    <row r="974" spans="1:7" x14ac:dyDescent="0.25">
      <c r="A974">
        <v>10</v>
      </c>
      <c r="B974">
        <v>145.494</v>
      </c>
      <c r="C974">
        <v>195.887</v>
      </c>
      <c r="D974">
        <v>5012.6000000000004</v>
      </c>
      <c r="E974">
        <v>3.3149600000000001</v>
      </c>
      <c r="F974">
        <v>6539.73</v>
      </c>
      <c r="G974">
        <v>21.848099999999999</v>
      </c>
    </row>
    <row r="975" spans="1:7" x14ac:dyDescent="0.25">
      <c r="A975">
        <v>10</v>
      </c>
      <c r="B975">
        <v>160.61199999999999</v>
      </c>
      <c r="C975">
        <v>200.61199999999999</v>
      </c>
      <c r="D975">
        <v>3004.72</v>
      </c>
      <c r="E975">
        <v>3.8110200000000001</v>
      </c>
      <c r="F975">
        <v>4219.75</v>
      </c>
      <c r="G975">
        <v>27.2697</v>
      </c>
    </row>
    <row r="976" spans="1:7" x14ac:dyDescent="0.25">
      <c r="A976">
        <v>10</v>
      </c>
      <c r="B976">
        <v>161.24199999999999</v>
      </c>
      <c r="C976">
        <v>202.18700000000001</v>
      </c>
      <c r="D976">
        <v>1800</v>
      </c>
      <c r="E976">
        <v>3.7873999999999999</v>
      </c>
      <c r="F976">
        <v>3319.51</v>
      </c>
      <c r="G976">
        <v>80.043499999999995</v>
      </c>
    </row>
    <row r="977" spans="1:7" x14ac:dyDescent="0.25">
      <c r="A977">
        <v>10</v>
      </c>
      <c r="B977">
        <v>163.131</v>
      </c>
      <c r="C977">
        <v>213.84</v>
      </c>
      <c r="D977">
        <v>1800</v>
      </c>
      <c r="E977">
        <v>3.4094500000000001</v>
      </c>
      <c r="F977">
        <v>3388.39</v>
      </c>
      <c r="G977">
        <v>72.025700000000001</v>
      </c>
    </row>
    <row r="978" spans="1:7" x14ac:dyDescent="0.25">
      <c r="A978">
        <v>10</v>
      </c>
      <c r="B978">
        <v>156.202</v>
      </c>
      <c r="C978">
        <v>207.85599999999999</v>
      </c>
      <c r="D978">
        <v>2335.4299999999998</v>
      </c>
      <c r="E978">
        <v>3.7165400000000002</v>
      </c>
      <c r="F978">
        <v>3819.04</v>
      </c>
      <c r="G978">
        <v>57.969799999999999</v>
      </c>
    </row>
    <row r="979" spans="1:7" x14ac:dyDescent="0.25">
      <c r="A979">
        <v>10</v>
      </c>
      <c r="B979">
        <v>137.935</v>
      </c>
      <c r="C979">
        <v>198.09200000000001</v>
      </c>
      <c r="D979">
        <v>6083.46</v>
      </c>
      <c r="E979">
        <v>2.1102400000000001</v>
      </c>
      <c r="F979">
        <v>8238.3799999999992</v>
      </c>
      <c r="G979">
        <v>11.8962</v>
      </c>
    </row>
    <row r="980" spans="1:7" x14ac:dyDescent="0.25">
      <c r="A980">
        <v>10</v>
      </c>
      <c r="B980">
        <v>160.61199999999999</v>
      </c>
      <c r="C980">
        <v>203.761</v>
      </c>
      <c r="D980">
        <v>1800</v>
      </c>
      <c r="E980">
        <v>3.9763799999999998</v>
      </c>
      <c r="F980">
        <v>3229.99</v>
      </c>
      <c r="G980">
        <v>82.210099999999997</v>
      </c>
    </row>
    <row r="981" spans="1:7" x14ac:dyDescent="0.25">
      <c r="A981">
        <v>10</v>
      </c>
      <c r="B981">
        <v>163.131</v>
      </c>
      <c r="C981">
        <v>197.46199999999999</v>
      </c>
      <c r="D981">
        <v>3004.72</v>
      </c>
      <c r="E981">
        <v>2.20472</v>
      </c>
      <c r="F981">
        <v>4871.2700000000004</v>
      </c>
      <c r="G981">
        <v>25.2303</v>
      </c>
    </row>
    <row r="982" spans="1:7" x14ac:dyDescent="0.25">
      <c r="A982">
        <v>10</v>
      </c>
      <c r="B982">
        <v>160.61199999999999</v>
      </c>
      <c r="C982">
        <v>196.202</v>
      </c>
      <c r="D982">
        <v>2870.87</v>
      </c>
      <c r="E982">
        <v>4</v>
      </c>
      <c r="F982">
        <v>4101.1499999999996</v>
      </c>
      <c r="G982">
        <v>27.514500000000002</v>
      </c>
    </row>
    <row r="983" spans="1:7" x14ac:dyDescent="0.25">
      <c r="A983">
        <v>10</v>
      </c>
      <c r="B983">
        <v>136.04499999999999</v>
      </c>
      <c r="C983">
        <v>195.572</v>
      </c>
      <c r="D983">
        <v>6083.46</v>
      </c>
      <c r="E983">
        <v>1.1653500000000001</v>
      </c>
      <c r="F983">
        <v>9446.7000000000007</v>
      </c>
      <c r="G983">
        <v>11.3193</v>
      </c>
    </row>
    <row r="984" spans="1:7" x14ac:dyDescent="0.25">
      <c r="A984">
        <v>10</v>
      </c>
      <c r="B984">
        <v>137.935</v>
      </c>
      <c r="C984">
        <v>198.09200000000001</v>
      </c>
      <c r="D984">
        <v>6083.46</v>
      </c>
      <c r="E984">
        <v>2.1102400000000001</v>
      </c>
      <c r="F984">
        <v>8238.3799999999992</v>
      </c>
      <c r="G984">
        <v>11.8962</v>
      </c>
    </row>
    <row r="985" spans="1:7" x14ac:dyDescent="0.25">
      <c r="A985">
        <v>10</v>
      </c>
      <c r="B985">
        <v>156.202</v>
      </c>
      <c r="C985">
        <v>196.83199999999999</v>
      </c>
      <c r="D985">
        <v>3004.72</v>
      </c>
      <c r="E985">
        <v>1.54331</v>
      </c>
      <c r="F985">
        <v>5700.32</v>
      </c>
      <c r="G985">
        <v>22.826499999999999</v>
      </c>
    </row>
    <row r="986" spans="1:7" x14ac:dyDescent="0.25">
      <c r="A986">
        <v>10</v>
      </c>
      <c r="B986">
        <v>137.935</v>
      </c>
      <c r="C986">
        <v>198.09200000000001</v>
      </c>
      <c r="D986">
        <v>6083.46</v>
      </c>
      <c r="E986">
        <v>2.1102400000000001</v>
      </c>
      <c r="F986">
        <v>8238.3799999999992</v>
      </c>
      <c r="G986">
        <v>11.8962</v>
      </c>
    </row>
    <row r="987" spans="1:7" x14ac:dyDescent="0.25">
      <c r="A987">
        <v>10</v>
      </c>
      <c r="B987">
        <v>162.50200000000001</v>
      </c>
      <c r="C987">
        <v>202.18700000000001</v>
      </c>
      <c r="D987">
        <v>2335.4299999999998</v>
      </c>
      <c r="E987">
        <v>3.8110200000000001</v>
      </c>
      <c r="F987">
        <v>3795.33</v>
      </c>
      <c r="G987">
        <v>59.120899999999999</v>
      </c>
    </row>
    <row r="988" spans="1:7" x14ac:dyDescent="0.25">
      <c r="A988">
        <v>10</v>
      </c>
      <c r="B988">
        <v>156.202</v>
      </c>
      <c r="C988">
        <v>195.572</v>
      </c>
      <c r="D988">
        <v>3004.72</v>
      </c>
      <c r="E988">
        <v>1.6377999999999999</v>
      </c>
      <c r="F988">
        <v>5544</v>
      </c>
      <c r="G988">
        <v>23.644500000000001</v>
      </c>
    </row>
    <row r="989" spans="1:7" x14ac:dyDescent="0.25">
      <c r="A989">
        <v>10</v>
      </c>
      <c r="B989">
        <v>168.80099999999999</v>
      </c>
      <c r="C989">
        <v>195.572</v>
      </c>
      <c r="D989">
        <v>3406.3</v>
      </c>
      <c r="E989">
        <v>1.6141700000000001</v>
      </c>
      <c r="F989">
        <v>5485.25</v>
      </c>
      <c r="G989">
        <v>23.9512</v>
      </c>
    </row>
    <row r="990" spans="1:7" x14ac:dyDescent="0.25">
      <c r="A990">
        <v>10</v>
      </c>
      <c r="B990">
        <v>141.084</v>
      </c>
      <c r="C990">
        <v>195.572</v>
      </c>
      <c r="D990">
        <v>6083.46</v>
      </c>
      <c r="E990">
        <v>3.59843</v>
      </c>
      <c r="F990">
        <v>7435.91</v>
      </c>
      <c r="G990">
        <v>16.470400000000001</v>
      </c>
    </row>
    <row r="991" spans="1:7" x14ac:dyDescent="0.25">
      <c r="A991">
        <v>11</v>
      </c>
      <c r="B991">
        <v>137.935</v>
      </c>
      <c r="C991">
        <v>203.131</v>
      </c>
      <c r="D991">
        <v>6083.46</v>
      </c>
      <c r="E991">
        <v>1.92126</v>
      </c>
      <c r="F991">
        <v>8426.6299999999992</v>
      </c>
      <c r="G991">
        <v>12.315099999999999</v>
      </c>
    </row>
    <row r="992" spans="1:7" x14ac:dyDescent="0.25">
      <c r="A992">
        <v>11</v>
      </c>
      <c r="B992">
        <v>165.65100000000001</v>
      </c>
      <c r="C992">
        <v>195.887</v>
      </c>
      <c r="D992">
        <v>7154.33</v>
      </c>
      <c r="E992">
        <v>1.92126</v>
      </c>
      <c r="F992">
        <v>6940.55</v>
      </c>
      <c r="G992">
        <v>25.2666</v>
      </c>
    </row>
    <row r="993" spans="1:7" x14ac:dyDescent="0.25">
      <c r="A993">
        <v>11</v>
      </c>
      <c r="B993">
        <v>162.50200000000001</v>
      </c>
      <c r="C993">
        <v>202.18700000000001</v>
      </c>
      <c r="D993">
        <v>2335.4299999999998</v>
      </c>
      <c r="E993">
        <v>3.8110200000000001</v>
      </c>
      <c r="F993">
        <v>3795.33</v>
      </c>
      <c r="G993">
        <v>59.120899999999999</v>
      </c>
    </row>
    <row r="994" spans="1:7" x14ac:dyDescent="0.25">
      <c r="A994">
        <v>11</v>
      </c>
      <c r="B994">
        <v>156.202</v>
      </c>
      <c r="C994">
        <v>207.85599999999999</v>
      </c>
      <c r="D994">
        <v>2335.4299999999998</v>
      </c>
      <c r="E994">
        <v>3.7165400000000002</v>
      </c>
      <c r="F994">
        <v>3819.04</v>
      </c>
      <c r="G994">
        <v>57.969799999999999</v>
      </c>
    </row>
    <row r="995" spans="1:7" x14ac:dyDescent="0.25">
      <c r="A995">
        <v>11</v>
      </c>
      <c r="B995">
        <v>142.97399999999999</v>
      </c>
      <c r="C995">
        <v>203.131</v>
      </c>
      <c r="D995">
        <v>6083.46</v>
      </c>
      <c r="E995">
        <v>2.0866099999999999</v>
      </c>
      <c r="F995">
        <v>8301.07</v>
      </c>
      <c r="G995">
        <v>22.092700000000001</v>
      </c>
    </row>
    <row r="996" spans="1:7" x14ac:dyDescent="0.25">
      <c r="A996">
        <v>11</v>
      </c>
      <c r="B996">
        <v>166.28100000000001</v>
      </c>
      <c r="C996">
        <v>201.87200000000001</v>
      </c>
      <c r="D996">
        <v>1800</v>
      </c>
      <c r="E996">
        <v>3.8110200000000001</v>
      </c>
      <c r="F996">
        <v>3182.38</v>
      </c>
      <c r="G996">
        <v>74.304599999999994</v>
      </c>
    </row>
    <row r="997" spans="1:7" x14ac:dyDescent="0.25">
      <c r="A997">
        <v>11</v>
      </c>
      <c r="B997">
        <v>161.24199999999999</v>
      </c>
      <c r="C997">
        <v>195.887</v>
      </c>
      <c r="D997">
        <v>2870.87</v>
      </c>
      <c r="E997">
        <v>1.89764</v>
      </c>
      <c r="F997">
        <v>5027.95</v>
      </c>
      <c r="G997">
        <v>61.2224</v>
      </c>
    </row>
    <row r="998" spans="1:7" x14ac:dyDescent="0.25">
      <c r="A998">
        <v>11</v>
      </c>
      <c r="B998">
        <v>160.92699999999999</v>
      </c>
      <c r="C998">
        <v>198.40700000000001</v>
      </c>
      <c r="D998">
        <v>1800</v>
      </c>
      <c r="E998">
        <v>3.7165400000000002</v>
      </c>
      <c r="F998">
        <v>3338.57</v>
      </c>
      <c r="G998">
        <v>83.700100000000006</v>
      </c>
    </row>
    <row r="999" spans="1:7" x14ac:dyDescent="0.25">
      <c r="A999">
        <v>11</v>
      </c>
      <c r="B999">
        <v>161.24199999999999</v>
      </c>
      <c r="C999">
        <v>204.70599999999999</v>
      </c>
      <c r="D999">
        <v>2335.4299999999998</v>
      </c>
      <c r="E999">
        <v>3.7165400000000002</v>
      </c>
      <c r="F999">
        <v>3775</v>
      </c>
      <c r="G999">
        <v>49.923200000000001</v>
      </c>
    </row>
    <row r="1000" spans="1:7" x14ac:dyDescent="0.25">
      <c r="A1000">
        <v>11</v>
      </c>
      <c r="B1000">
        <v>161.24199999999999</v>
      </c>
      <c r="C1000">
        <v>196.202</v>
      </c>
      <c r="D1000">
        <v>1933.86</v>
      </c>
      <c r="E1000">
        <v>3.0551200000000001</v>
      </c>
      <c r="F1000">
        <v>3690.32</v>
      </c>
      <c r="G1000">
        <v>66.312600000000003</v>
      </c>
    </row>
    <row r="1001" spans="1:7" x14ac:dyDescent="0.25">
      <c r="A1001">
        <v>11</v>
      </c>
      <c r="B1001">
        <v>160.61199999999999</v>
      </c>
      <c r="C1001">
        <v>197.77699999999999</v>
      </c>
      <c r="D1001">
        <v>2335.4299999999998</v>
      </c>
      <c r="E1001">
        <v>3.7165400000000002</v>
      </c>
      <c r="F1001">
        <v>3831.36</v>
      </c>
      <c r="G1001">
        <v>52.913499999999999</v>
      </c>
    </row>
    <row r="1002" spans="1:7" x14ac:dyDescent="0.25">
      <c r="A1002">
        <v>11</v>
      </c>
      <c r="B1002">
        <v>138.565</v>
      </c>
      <c r="C1002">
        <v>200.61199999999999</v>
      </c>
      <c r="D1002">
        <v>6083.46</v>
      </c>
      <c r="E1002">
        <v>3.59843</v>
      </c>
      <c r="F1002">
        <v>7578.41</v>
      </c>
      <c r="G1002">
        <v>19.793500000000002</v>
      </c>
    </row>
    <row r="1003" spans="1:7" x14ac:dyDescent="0.25">
      <c r="A1003">
        <v>11</v>
      </c>
      <c r="B1003">
        <v>161.24199999999999</v>
      </c>
      <c r="C1003">
        <v>198.09200000000001</v>
      </c>
      <c r="D1003">
        <v>1800</v>
      </c>
      <c r="E1003">
        <v>3.6220500000000002</v>
      </c>
      <c r="F1003">
        <v>3370.19</v>
      </c>
      <c r="G1003">
        <v>81.197500000000005</v>
      </c>
    </row>
    <row r="1004" spans="1:7" x14ac:dyDescent="0.25">
      <c r="A1004">
        <v>11</v>
      </c>
      <c r="B1004">
        <v>161.24199999999999</v>
      </c>
      <c r="C1004">
        <v>200.92699999999999</v>
      </c>
      <c r="D1004">
        <v>3406.3</v>
      </c>
      <c r="E1004">
        <v>1.1653500000000001</v>
      </c>
      <c r="F1004">
        <v>6865.49</v>
      </c>
      <c r="G1004">
        <v>22.039200000000001</v>
      </c>
    </row>
    <row r="1005" spans="1:7" x14ac:dyDescent="0.25">
      <c r="A1005">
        <v>11</v>
      </c>
      <c r="B1005">
        <v>160.61199999999999</v>
      </c>
      <c r="C1005">
        <v>200.92699999999999</v>
      </c>
      <c r="D1005">
        <v>3004.72</v>
      </c>
      <c r="E1005">
        <v>3.8110200000000001</v>
      </c>
      <c r="F1005">
        <v>4216.18</v>
      </c>
      <c r="G1005">
        <v>27.2697</v>
      </c>
    </row>
    <row r="1006" spans="1:7" x14ac:dyDescent="0.25">
      <c r="A1006">
        <v>11</v>
      </c>
      <c r="B1006">
        <v>155.572</v>
      </c>
      <c r="C1006">
        <v>207.85599999999999</v>
      </c>
      <c r="D1006">
        <v>6618.9</v>
      </c>
      <c r="E1006">
        <v>1.92126</v>
      </c>
      <c r="F1006">
        <v>8788.86</v>
      </c>
      <c r="G1006">
        <v>37.1051</v>
      </c>
    </row>
    <row r="1007" spans="1:7" x14ac:dyDescent="0.25">
      <c r="A1007">
        <v>11</v>
      </c>
      <c r="B1007">
        <v>160.61199999999999</v>
      </c>
      <c r="C1007">
        <v>213.52500000000001</v>
      </c>
      <c r="D1007">
        <v>1800</v>
      </c>
      <c r="E1007">
        <v>3.4094500000000001</v>
      </c>
      <c r="F1007">
        <v>3434.07</v>
      </c>
      <c r="G1007">
        <v>78.837999999999994</v>
      </c>
    </row>
    <row r="1008" spans="1:7" x14ac:dyDescent="0.25">
      <c r="A1008">
        <v>11</v>
      </c>
      <c r="B1008">
        <v>165.65100000000001</v>
      </c>
      <c r="C1008">
        <v>197.14699999999999</v>
      </c>
      <c r="D1008">
        <v>1800</v>
      </c>
      <c r="E1008">
        <v>3.7873999999999999</v>
      </c>
      <c r="F1008">
        <v>3320.67</v>
      </c>
      <c r="G1008">
        <v>73.305300000000003</v>
      </c>
    </row>
    <row r="1009" spans="1:7" x14ac:dyDescent="0.25">
      <c r="A1009">
        <v>11</v>
      </c>
      <c r="B1009">
        <v>140.45400000000001</v>
      </c>
      <c r="C1009">
        <v>198.40700000000001</v>
      </c>
      <c r="D1009">
        <v>6083.46</v>
      </c>
      <c r="E1009">
        <v>3.8110200000000001</v>
      </c>
      <c r="F1009">
        <v>7525.89</v>
      </c>
      <c r="G1009">
        <v>15.047800000000001</v>
      </c>
    </row>
    <row r="1010" spans="1:7" x14ac:dyDescent="0.25">
      <c r="A1010">
        <v>11</v>
      </c>
      <c r="B1010">
        <v>160.61199999999999</v>
      </c>
      <c r="C1010">
        <v>200.92699999999999</v>
      </c>
      <c r="D1010">
        <v>1800</v>
      </c>
      <c r="E1010">
        <v>3.7873999999999999</v>
      </c>
      <c r="F1010">
        <v>3315.81</v>
      </c>
      <c r="G1010">
        <v>83.609800000000007</v>
      </c>
    </row>
    <row r="1011" spans="1:7" x14ac:dyDescent="0.25">
      <c r="A1011">
        <v>11</v>
      </c>
      <c r="B1011">
        <v>160.61199999999999</v>
      </c>
      <c r="C1011">
        <v>198.09200000000001</v>
      </c>
      <c r="D1011">
        <v>1933.86</v>
      </c>
      <c r="E1011">
        <v>3.7873999999999999</v>
      </c>
      <c r="F1011">
        <v>3507.23</v>
      </c>
      <c r="G1011">
        <v>73.604699999999994</v>
      </c>
    </row>
    <row r="1012" spans="1:7" x14ac:dyDescent="0.25">
      <c r="A1012">
        <v>11</v>
      </c>
      <c r="B1012">
        <v>160.61199999999999</v>
      </c>
      <c r="C1012">
        <v>198.09200000000001</v>
      </c>
      <c r="D1012">
        <v>3406.3</v>
      </c>
      <c r="E1012">
        <v>3.8110200000000001</v>
      </c>
      <c r="F1012">
        <v>4586.43</v>
      </c>
      <c r="G1012">
        <v>27.118600000000001</v>
      </c>
    </row>
    <row r="1013" spans="1:7" x14ac:dyDescent="0.25">
      <c r="A1013">
        <v>11</v>
      </c>
      <c r="B1013">
        <v>161.24199999999999</v>
      </c>
      <c r="C1013">
        <v>198.72200000000001</v>
      </c>
      <c r="D1013">
        <v>2870.87</v>
      </c>
      <c r="E1013">
        <v>3.9763799999999998</v>
      </c>
      <c r="F1013">
        <v>4104.88</v>
      </c>
      <c r="G1013">
        <v>28.7377</v>
      </c>
    </row>
    <row r="1014" spans="1:7" x14ac:dyDescent="0.25">
      <c r="A1014">
        <v>11</v>
      </c>
      <c r="B1014">
        <v>170.691</v>
      </c>
      <c r="C1014">
        <v>195.887</v>
      </c>
      <c r="D1014">
        <v>2870.87</v>
      </c>
      <c r="E1014">
        <v>2.2755899999999998</v>
      </c>
      <c r="F1014">
        <v>4539.87</v>
      </c>
      <c r="G1014">
        <v>88.497100000000003</v>
      </c>
    </row>
    <row r="1015" spans="1:7" x14ac:dyDescent="0.25">
      <c r="A1015">
        <v>11</v>
      </c>
      <c r="B1015">
        <v>161.24199999999999</v>
      </c>
      <c r="C1015">
        <v>195.887</v>
      </c>
      <c r="D1015">
        <v>2870.87</v>
      </c>
      <c r="E1015">
        <v>1.89764</v>
      </c>
      <c r="F1015">
        <v>5027.95</v>
      </c>
      <c r="G1015">
        <v>61.2224</v>
      </c>
    </row>
    <row r="1016" spans="1:7" x14ac:dyDescent="0.25">
      <c r="A1016">
        <v>11</v>
      </c>
      <c r="B1016">
        <v>158.72200000000001</v>
      </c>
      <c r="C1016">
        <v>200.61199999999999</v>
      </c>
      <c r="D1016">
        <v>1800</v>
      </c>
      <c r="E1016">
        <v>2.2755899999999998</v>
      </c>
      <c r="F1016">
        <v>3911.92</v>
      </c>
      <c r="G1016">
        <v>69.627200000000002</v>
      </c>
    </row>
    <row r="1017" spans="1:7" x14ac:dyDescent="0.25">
      <c r="A1017">
        <v>11</v>
      </c>
      <c r="B1017">
        <v>160.61199999999999</v>
      </c>
      <c r="C1017">
        <v>213.84</v>
      </c>
      <c r="D1017">
        <v>1800</v>
      </c>
      <c r="E1017">
        <v>3.7873999999999999</v>
      </c>
      <c r="F1017">
        <v>3313.9</v>
      </c>
      <c r="G1017">
        <v>80.924499999999995</v>
      </c>
    </row>
    <row r="1018" spans="1:7" x14ac:dyDescent="0.25">
      <c r="A1018">
        <v>11</v>
      </c>
      <c r="B1018">
        <v>160.61199999999999</v>
      </c>
      <c r="C1018">
        <v>196.202</v>
      </c>
      <c r="D1018">
        <v>1800</v>
      </c>
      <c r="E1018">
        <v>3.8110200000000001</v>
      </c>
      <c r="F1018">
        <v>3398</v>
      </c>
      <c r="G1018">
        <v>88.327799999999996</v>
      </c>
    </row>
    <row r="1019" spans="1:7" x14ac:dyDescent="0.25">
      <c r="A1019">
        <v>11</v>
      </c>
      <c r="B1019">
        <v>160.61199999999999</v>
      </c>
      <c r="C1019">
        <v>180.76900000000001</v>
      </c>
      <c r="D1019">
        <v>2870.87</v>
      </c>
      <c r="E1019">
        <v>3.8110200000000001</v>
      </c>
      <c r="F1019">
        <v>4379.01</v>
      </c>
      <c r="G1019">
        <v>28.171600000000002</v>
      </c>
    </row>
    <row r="1020" spans="1:7" x14ac:dyDescent="0.25">
      <c r="A1020">
        <v>11</v>
      </c>
      <c r="B1020">
        <v>161.24199999999999</v>
      </c>
      <c r="C1020">
        <v>195.887</v>
      </c>
      <c r="D1020">
        <v>2870.87</v>
      </c>
      <c r="E1020">
        <v>3.7873999999999999</v>
      </c>
      <c r="F1020">
        <v>4137.8</v>
      </c>
      <c r="G1020">
        <v>28.374600000000001</v>
      </c>
    </row>
    <row r="1021" spans="1:7" x14ac:dyDescent="0.25">
      <c r="A1021">
        <v>11</v>
      </c>
      <c r="B1021">
        <v>156.202</v>
      </c>
      <c r="C1021">
        <v>198.40700000000001</v>
      </c>
      <c r="D1021">
        <v>2870.87</v>
      </c>
      <c r="E1021">
        <v>2.29921</v>
      </c>
      <c r="F1021">
        <v>4851.24</v>
      </c>
      <c r="G1021">
        <v>44.868400000000001</v>
      </c>
    </row>
    <row r="1022" spans="1:7" x14ac:dyDescent="0.25">
      <c r="A1022">
        <v>11</v>
      </c>
      <c r="B1022">
        <v>158.09200000000001</v>
      </c>
      <c r="C1022">
        <v>200.92699999999999</v>
      </c>
      <c r="D1022">
        <v>1800</v>
      </c>
      <c r="E1022">
        <v>3.6220500000000002</v>
      </c>
      <c r="F1022">
        <v>3470.63</v>
      </c>
      <c r="G1022">
        <v>82.784800000000004</v>
      </c>
    </row>
    <row r="1023" spans="1:7" x14ac:dyDescent="0.25">
      <c r="A1023">
        <v>11</v>
      </c>
      <c r="B1023">
        <v>165.65100000000001</v>
      </c>
      <c r="C1023">
        <v>201.24199999999999</v>
      </c>
      <c r="D1023">
        <v>1800</v>
      </c>
      <c r="E1023">
        <v>3.4094500000000001</v>
      </c>
      <c r="F1023">
        <v>3332.75</v>
      </c>
      <c r="G1023">
        <v>72.781300000000002</v>
      </c>
    </row>
    <row r="1024" spans="1:7" x14ac:dyDescent="0.25">
      <c r="A1024">
        <v>11</v>
      </c>
      <c r="B1024">
        <v>137.935</v>
      </c>
      <c r="C1024">
        <v>200.92699999999999</v>
      </c>
      <c r="D1024">
        <v>7154.33</v>
      </c>
      <c r="E1024">
        <v>2.0866099999999999</v>
      </c>
      <c r="F1024">
        <v>9392.98</v>
      </c>
      <c r="G1024">
        <v>15.191599999999999</v>
      </c>
    </row>
    <row r="1025" spans="1:7" x14ac:dyDescent="0.25">
      <c r="A1025">
        <v>11</v>
      </c>
      <c r="B1025">
        <v>156.202</v>
      </c>
      <c r="C1025">
        <v>208.48599999999999</v>
      </c>
      <c r="D1025">
        <v>2870.87</v>
      </c>
      <c r="E1025">
        <v>2.0866099999999999</v>
      </c>
      <c r="F1025">
        <v>4884.5200000000004</v>
      </c>
      <c r="G1025">
        <v>25.466100000000001</v>
      </c>
    </row>
    <row r="1026" spans="1:7" x14ac:dyDescent="0.25">
      <c r="A1026">
        <v>11</v>
      </c>
      <c r="B1026">
        <v>165.65100000000001</v>
      </c>
      <c r="C1026">
        <v>199.982</v>
      </c>
      <c r="D1026">
        <v>1933.86</v>
      </c>
      <c r="E1026">
        <v>3.7873999999999999</v>
      </c>
      <c r="F1026">
        <v>3302.26</v>
      </c>
      <c r="G1026">
        <v>57.241799999999998</v>
      </c>
    </row>
    <row r="1027" spans="1:7" x14ac:dyDescent="0.25">
      <c r="A1027">
        <v>11</v>
      </c>
      <c r="B1027">
        <v>163.761</v>
      </c>
      <c r="C1027">
        <v>195.887</v>
      </c>
      <c r="D1027">
        <v>1800</v>
      </c>
      <c r="E1027">
        <v>3.8110200000000001</v>
      </c>
      <c r="F1027">
        <v>3335.21</v>
      </c>
      <c r="G1027">
        <v>78.5655</v>
      </c>
    </row>
    <row r="1028" spans="1:7" x14ac:dyDescent="0.25">
      <c r="A1028">
        <v>11</v>
      </c>
      <c r="B1028">
        <v>165.65100000000001</v>
      </c>
      <c r="C1028">
        <v>200.92699999999999</v>
      </c>
      <c r="D1028">
        <v>2870.87</v>
      </c>
      <c r="E1028">
        <v>3.7165400000000002</v>
      </c>
      <c r="F1028">
        <v>4092.76</v>
      </c>
      <c r="G1028">
        <v>81.865799999999993</v>
      </c>
    </row>
    <row r="1029" spans="1:7" x14ac:dyDescent="0.25">
      <c r="A1029">
        <v>11</v>
      </c>
      <c r="B1029">
        <v>162.50200000000001</v>
      </c>
      <c r="C1029">
        <v>202.50200000000001</v>
      </c>
      <c r="D1029">
        <v>3406.3</v>
      </c>
      <c r="E1029">
        <v>3.8110200000000001</v>
      </c>
      <c r="F1029">
        <v>4505.3100000000004</v>
      </c>
      <c r="G1029">
        <v>79.6066</v>
      </c>
    </row>
    <row r="1030" spans="1:7" x14ac:dyDescent="0.25">
      <c r="A1030">
        <v>11</v>
      </c>
      <c r="B1030">
        <v>165.02099999999999</v>
      </c>
      <c r="C1030">
        <v>204.70599999999999</v>
      </c>
      <c r="D1030">
        <v>2335.4299999999998</v>
      </c>
      <c r="E1030">
        <v>3.4094500000000001</v>
      </c>
      <c r="F1030">
        <v>3913.66</v>
      </c>
      <c r="G1030">
        <v>79.748599999999996</v>
      </c>
    </row>
    <row r="1031" spans="1:7" x14ac:dyDescent="0.25">
      <c r="A1031">
        <v>11</v>
      </c>
      <c r="B1031">
        <v>165.65100000000001</v>
      </c>
      <c r="C1031">
        <v>180.76900000000001</v>
      </c>
      <c r="D1031">
        <v>7288.19</v>
      </c>
      <c r="E1031">
        <v>3.4330699999999998</v>
      </c>
      <c r="F1031">
        <v>6553.09</v>
      </c>
      <c r="G1031">
        <v>82.991500000000002</v>
      </c>
    </row>
    <row r="1032" spans="1:7" x14ac:dyDescent="0.25">
      <c r="A1032">
        <v>11</v>
      </c>
      <c r="B1032">
        <v>165.65100000000001</v>
      </c>
      <c r="C1032">
        <v>195.887</v>
      </c>
      <c r="D1032">
        <v>7154.33</v>
      </c>
      <c r="E1032">
        <v>1.89764</v>
      </c>
      <c r="F1032">
        <v>6942.38</v>
      </c>
      <c r="G1032">
        <v>24.9282</v>
      </c>
    </row>
    <row r="1033" spans="1:7" x14ac:dyDescent="0.25">
      <c r="A1033">
        <v>11</v>
      </c>
      <c r="B1033">
        <v>160.61199999999999</v>
      </c>
      <c r="C1033">
        <v>196.202</v>
      </c>
      <c r="D1033">
        <v>3004.72</v>
      </c>
      <c r="E1033">
        <v>3.8110200000000001</v>
      </c>
      <c r="F1033">
        <v>4285.95</v>
      </c>
      <c r="G1033">
        <v>27.2697</v>
      </c>
    </row>
    <row r="1034" spans="1:7" x14ac:dyDescent="0.25">
      <c r="A1034">
        <v>11</v>
      </c>
      <c r="B1034">
        <v>161.24199999999999</v>
      </c>
      <c r="C1034">
        <v>195.572</v>
      </c>
      <c r="D1034">
        <v>2870.87</v>
      </c>
      <c r="E1034">
        <v>3.0551200000000001</v>
      </c>
      <c r="F1034">
        <v>4319</v>
      </c>
      <c r="G1034">
        <v>26.6569</v>
      </c>
    </row>
    <row r="1035" spans="1:7" x14ac:dyDescent="0.25">
      <c r="A1035">
        <v>11</v>
      </c>
      <c r="B1035">
        <v>161.24199999999999</v>
      </c>
      <c r="C1035">
        <v>200.61199999999999</v>
      </c>
      <c r="D1035">
        <v>6217.32</v>
      </c>
      <c r="E1035">
        <v>3.7873999999999999</v>
      </c>
      <c r="F1035">
        <v>7364.99</v>
      </c>
      <c r="G1035">
        <v>28.374600000000001</v>
      </c>
    </row>
    <row r="1036" spans="1:7" x14ac:dyDescent="0.25">
      <c r="A1036">
        <v>11</v>
      </c>
      <c r="B1036">
        <v>146.124</v>
      </c>
      <c r="C1036">
        <v>196.202</v>
      </c>
      <c r="D1036">
        <v>6083.46</v>
      </c>
      <c r="E1036">
        <v>3.59843</v>
      </c>
      <c r="F1036">
        <v>7279.25</v>
      </c>
      <c r="G1036">
        <v>26.063400000000001</v>
      </c>
    </row>
    <row r="1037" spans="1:7" x14ac:dyDescent="0.25">
      <c r="A1037">
        <v>11</v>
      </c>
      <c r="B1037">
        <v>163.131</v>
      </c>
      <c r="C1037">
        <v>203.131</v>
      </c>
      <c r="D1037">
        <v>3004.72</v>
      </c>
      <c r="E1037">
        <v>2.29921</v>
      </c>
      <c r="F1037">
        <v>4846.6899999999996</v>
      </c>
      <c r="G1037">
        <v>26.097200000000001</v>
      </c>
    </row>
    <row r="1038" spans="1:7" x14ac:dyDescent="0.25">
      <c r="A1038">
        <v>11</v>
      </c>
      <c r="B1038">
        <v>162.50200000000001</v>
      </c>
      <c r="C1038">
        <v>202.18700000000001</v>
      </c>
      <c r="D1038">
        <v>2335.4299999999998</v>
      </c>
      <c r="E1038">
        <v>2.29921</v>
      </c>
      <c r="F1038">
        <v>4373.03</v>
      </c>
      <c r="G1038">
        <v>25.35</v>
      </c>
    </row>
    <row r="1039" spans="1:7" x14ac:dyDescent="0.25">
      <c r="A1039">
        <v>11</v>
      </c>
      <c r="B1039">
        <v>137.935</v>
      </c>
      <c r="C1039">
        <v>202.81700000000001</v>
      </c>
      <c r="D1039">
        <v>2335.4299999999998</v>
      </c>
      <c r="E1039">
        <v>3.0551200000000001</v>
      </c>
      <c r="F1039">
        <v>4298.03</v>
      </c>
      <c r="G1039">
        <v>113.241</v>
      </c>
    </row>
    <row r="1040" spans="1:7" x14ac:dyDescent="0.25">
      <c r="A1040">
        <v>11</v>
      </c>
      <c r="B1040">
        <v>161.24199999999999</v>
      </c>
      <c r="C1040">
        <v>195.887</v>
      </c>
      <c r="D1040">
        <v>1800</v>
      </c>
      <c r="E1040">
        <v>3.7873999999999999</v>
      </c>
      <c r="F1040">
        <v>3412.47</v>
      </c>
      <c r="G1040">
        <v>85.872299999999996</v>
      </c>
    </row>
    <row r="1041" spans="1:7" x14ac:dyDescent="0.25">
      <c r="A1041">
        <v>11</v>
      </c>
      <c r="B1041">
        <v>160.61199999999999</v>
      </c>
      <c r="C1041">
        <v>203.761</v>
      </c>
      <c r="D1041">
        <v>1800</v>
      </c>
      <c r="E1041">
        <v>3.7873999999999999</v>
      </c>
      <c r="F1041">
        <v>3314.72</v>
      </c>
      <c r="G1041">
        <v>80.921400000000006</v>
      </c>
    </row>
    <row r="1042" spans="1:7" x14ac:dyDescent="0.25">
      <c r="A1042">
        <v>11</v>
      </c>
      <c r="B1042">
        <v>163.131</v>
      </c>
      <c r="C1042">
        <v>208.80099999999999</v>
      </c>
      <c r="D1042">
        <v>1800</v>
      </c>
      <c r="E1042">
        <v>3.59843</v>
      </c>
      <c r="F1042">
        <v>3298.51</v>
      </c>
      <c r="G1042">
        <v>76.511499999999998</v>
      </c>
    </row>
    <row r="1043" spans="1:7" x14ac:dyDescent="0.25">
      <c r="A1043">
        <v>11</v>
      </c>
      <c r="B1043">
        <v>174.47</v>
      </c>
      <c r="C1043">
        <v>203.131</v>
      </c>
      <c r="D1043">
        <v>2335.4299999999998</v>
      </c>
      <c r="E1043">
        <v>3.8110200000000001</v>
      </c>
      <c r="F1043">
        <v>3357.55</v>
      </c>
      <c r="G1043">
        <v>107.11</v>
      </c>
    </row>
    <row r="1044" spans="1:7" x14ac:dyDescent="0.25">
      <c r="A1044">
        <v>11</v>
      </c>
      <c r="B1044">
        <v>155.572</v>
      </c>
      <c r="C1044">
        <v>201.24199999999999</v>
      </c>
      <c r="D1044">
        <v>6083.46</v>
      </c>
      <c r="E1044">
        <v>1.92126</v>
      </c>
      <c r="F1044">
        <v>8168.92</v>
      </c>
      <c r="G1044">
        <v>37.1051</v>
      </c>
    </row>
    <row r="1045" spans="1:7" x14ac:dyDescent="0.25">
      <c r="A1045">
        <v>11</v>
      </c>
      <c r="B1045">
        <v>158.09200000000001</v>
      </c>
      <c r="C1045">
        <v>203.761</v>
      </c>
      <c r="D1045">
        <v>6083.46</v>
      </c>
      <c r="E1045">
        <v>1.92126</v>
      </c>
      <c r="F1045">
        <v>8178.21</v>
      </c>
      <c r="G1045">
        <v>34.327199999999998</v>
      </c>
    </row>
    <row r="1046" spans="1:7" x14ac:dyDescent="0.25">
      <c r="A1046">
        <v>11</v>
      </c>
      <c r="B1046">
        <v>160.61199999999999</v>
      </c>
      <c r="C1046">
        <v>200.92699999999999</v>
      </c>
      <c r="D1046">
        <v>6083.46</v>
      </c>
      <c r="E1046">
        <v>2.4645700000000001</v>
      </c>
      <c r="F1046">
        <v>7694.1</v>
      </c>
      <c r="G1046">
        <v>59.554699999999997</v>
      </c>
    </row>
    <row r="1047" spans="1:7" x14ac:dyDescent="0.25">
      <c r="A1047">
        <v>11</v>
      </c>
      <c r="B1047">
        <v>165.65100000000001</v>
      </c>
      <c r="C1047">
        <v>197.14699999999999</v>
      </c>
      <c r="D1047">
        <v>2870.87</v>
      </c>
      <c r="E1047">
        <v>2.2755899999999998</v>
      </c>
      <c r="F1047">
        <v>4555.57</v>
      </c>
      <c r="G1047">
        <v>88.819500000000005</v>
      </c>
    </row>
    <row r="1048" spans="1:7" x14ac:dyDescent="0.25">
      <c r="A1048">
        <v>11</v>
      </c>
      <c r="B1048">
        <v>143.60400000000001</v>
      </c>
      <c r="C1048">
        <v>198.72200000000001</v>
      </c>
      <c r="D1048">
        <v>6083.46</v>
      </c>
      <c r="E1048">
        <v>3.59843</v>
      </c>
      <c r="F1048">
        <v>7437.12</v>
      </c>
      <c r="G1048">
        <v>22.0457</v>
      </c>
    </row>
    <row r="1049" spans="1:7" x14ac:dyDescent="0.25">
      <c r="A1049">
        <v>11</v>
      </c>
      <c r="B1049">
        <v>138.565</v>
      </c>
      <c r="C1049">
        <v>209.11600000000001</v>
      </c>
      <c r="D1049">
        <v>2335.4299999999998</v>
      </c>
      <c r="E1049">
        <v>2.6771699999999998</v>
      </c>
      <c r="F1049">
        <v>4387.7</v>
      </c>
      <c r="G1049">
        <v>103.65</v>
      </c>
    </row>
    <row r="1050" spans="1:7" x14ac:dyDescent="0.25">
      <c r="A1050">
        <v>11</v>
      </c>
      <c r="B1050">
        <v>142.97399999999999</v>
      </c>
      <c r="C1050">
        <v>198.40700000000001</v>
      </c>
      <c r="D1050">
        <v>6083.46</v>
      </c>
      <c r="E1050">
        <v>2.6771699999999998</v>
      </c>
      <c r="F1050">
        <v>7713.32</v>
      </c>
      <c r="G1050">
        <v>21.267700000000001</v>
      </c>
    </row>
    <row r="1051" spans="1:7" x14ac:dyDescent="0.25">
      <c r="A1051">
        <v>11</v>
      </c>
      <c r="B1051">
        <v>166.28100000000001</v>
      </c>
      <c r="C1051">
        <v>195.572</v>
      </c>
      <c r="D1051">
        <v>7288.19</v>
      </c>
      <c r="E1051">
        <v>1.02362</v>
      </c>
      <c r="F1051">
        <v>7152.81</v>
      </c>
      <c r="G1051">
        <v>19.911000000000001</v>
      </c>
    </row>
    <row r="1052" spans="1:7" x14ac:dyDescent="0.25">
      <c r="A1052">
        <v>11</v>
      </c>
      <c r="B1052">
        <v>140.45400000000001</v>
      </c>
      <c r="C1052">
        <v>198.40700000000001</v>
      </c>
      <c r="D1052">
        <v>6083.46</v>
      </c>
      <c r="E1052">
        <v>3.8110200000000001</v>
      </c>
      <c r="F1052">
        <v>7525.89</v>
      </c>
      <c r="G1052">
        <v>15.047800000000001</v>
      </c>
    </row>
    <row r="1053" spans="1:7" x14ac:dyDescent="0.25">
      <c r="A1053">
        <v>11</v>
      </c>
      <c r="B1053">
        <v>162.50200000000001</v>
      </c>
      <c r="C1053">
        <v>202.18700000000001</v>
      </c>
      <c r="D1053">
        <v>2335.4299999999998</v>
      </c>
      <c r="E1053">
        <v>2.29921</v>
      </c>
      <c r="F1053">
        <v>4373.03</v>
      </c>
      <c r="G1053">
        <v>25.35</v>
      </c>
    </row>
    <row r="1054" spans="1:7" x14ac:dyDescent="0.25">
      <c r="A1054">
        <v>11</v>
      </c>
      <c r="B1054">
        <v>137.935</v>
      </c>
      <c r="C1054">
        <v>203.131</v>
      </c>
      <c r="D1054">
        <v>6083.46</v>
      </c>
      <c r="E1054">
        <v>2.6771699999999998</v>
      </c>
      <c r="F1054">
        <v>7860.24</v>
      </c>
      <c r="G1054">
        <v>13.7896</v>
      </c>
    </row>
    <row r="1055" spans="1:7" x14ac:dyDescent="0.25">
      <c r="A1055">
        <v>11</v>
      </c>
      <c r="B1055">
        <v>166.28100000000001</v>
      </c>
      <c r="C1055">
        <v>201.87200000000001</v>
      </c>
      <c r="D1055">
        <v>1800</v>
      </c>
      <c r="E1055">
        <v>3.8110200000000001</v>
      </c>
      <c r="F1055">
        <v>3182.38</v>
      </c>
      <c r="G1055">
        <v>74.304599999999994</v>
      </c>
    </row>
    <row r="1056" spans="1:7" x14ac:dyDescent="0.25">
      <c r="A1056">
        <v>11</v>
      </c>
      <c r="B1056">
        <v>170.691</v>
      </c>
      <c r="C1056">
        <v>200.92699999999999</v>
      </c>
      <c r="D1056">
        <v>1800</v>
      </c>
      <c r="E1056">
        <v>3.7873999999999999</v>
      </c>
      <c r="F1056">
        <v>3157.85</v>
      </c>
      <c r="G1056">
        <v>100.657</v>
      </c>
    </row>
    <row r="1057" spans="1:7" x14ac:dyDescent="0.25">
      <c r="A1057">
        <v>11</v>
      </c>
      <c r="B1057">
        <v>165.65100000000001</v>
      </c>
      <c r="C1057">
        <v>199.982</v>
      </c>
      <c r="D1057">
        <v>1933.86</v>
      </c>
      <c r="E1057">
        <v>3.7873999999999999</v>
      </c>
      <c r="F1057">
        <v>3302.26</v>
      </c>
      <c r="G1057">
        <v>57.241799999999998</v>
      </c>
    </row>
    <row r="1058" spans="1:7" x14ac:dyDescent="0.25">
      <c r="A1058">
        <v>11</v>
      </c>
      <c r="B1058">
        <v>173.21</v>
      </c>
      <c r="C1058">
        <v>195.887</v>
      </c>
      <c r="D1058">
        <v>1800</v>
      </c>
      <c r="E1058">
        <v>3.8110200000000001</v>
      </c>
      <c r="F1058">
        <v>3143.16</v>
      </c>
      <c r="G1058">
        <v>106.97</v>
      </c>
    </row>
    <row r="1059" spans="1:7" x14ac:dyDescent="0.25">
      <c r="A1059">
        <v>11</v>
      </c>
      <c r="B1059">
        <v>161.24199999999999</v>
      </c>
      <c r="C1059">
        <v>195.572</v>
      </c>
      <c r="D1059">
        <v>2870.87</v>
      </c>
      <c r="E1059">
        <v>3.0551200000000001</v>
      </c>
      <c r="F1059">
        <v>4319</v>
      </c>
      <c r="G1059">
        <v>26.6569</v>
      </c>
    </row>
    <row r="1060" spans="1:7" x14ac:dyDescent="0.25">
      <c r="A1060">
        <v>11</v>
      </c>
      <c r="B1060">
        <v>160.61199999999999</v>
      </c>
      <c r="C1060">
        <v>213.84</v>
      </c>
      <c r="D1060">
        <v>2335.4299999999998</v>
      </c>
      <c r="E1060">
        <v>1.3307100000000001</v>
      </c>
      <c r="F1060">
        <v>5313.69</v>
      </c>
      <c r="G1060">
        <v>25.168900000000001</v>
      </c>
    </row>
    <row r="1061" spans="1:7" x14ac:dyDescent="0.25">
      <c r="A1061">
        <v>11</v>
      </c>
      <c r="B1061">
        <v>165.65100000000001</v>
      </c>
      <c r="C1061">
        <v>199.982</v>
      </c>
      <c r="D1061">
        <v>1933.86</v>
      </c>
      <c r="E1061">
        <v>3.7873999999999999</v>
      </c>
      <c r="F1061">
        <v>3302.26</v>
      </c>
      <c r="G1061">
        <v>57.241799999999998</v>
      </c>
    </row>
    <row r="1062" spans="1:7" x14ac:dyDescent="0.25">
      <c r="A1062">
        <v>11</v>
      </c>
      <c r="B1062">
        <v>160.61199999999999</v>
      </c>
      <c r="C1062">
        <v>200.297</v>
      </c>
      <c r="D1062">
        <v>2335.4299999999998</v>
      </c>
      <c r="E1062">
        <v>3.0551200000000001</v>
      </c>
      <c r="F1062">
        <v>3922.51</v>
      </c>
      <c r="G1062">
        <v>29.449200000000001</v>
      </c>
    </row>
    <row r="1063" spans="1:7" x14ac:dyDescent="0.25">
      <c r="A1063">
        <v>11</v>
      </c>
      <c r="B1063">
        <v>165.65100000000001</v>
      </c>
      <c r="C1063">
        <v>199.982</v>
      </c>
      <c r="D1063">
        <v>1933.86</v>
      </c>
      <c r="E1063">
        <v>3.7873999999999999</v>
      </c>
      <c r="F1063">
        <v>3302.26</v>
      </c>
      <c r="G1063">
        <v>57.241799999999998</v>
      </c>
    </row>
    <row r="1064" spans="1:7" x14ac:dyDescent="0.25">
      <c r="A1064">
        <v>11</v>
      </c>
      <c r="B1064">
        <v>145.494</v>
      </c>
      <c r="C1064">
        <v>195.887</v>
      </c>
      <c r="D1064">
        <v>5012.6000000000004</v>
      </c>
      <c r="E1064">
        <v>3.3149600000000001</v>
      </c>
      <c r="F1064">
        <v>6539.73</v>
      </c>
      <c r="G1064">
        <v>21.848099999999999</v>
      </c>
    </row>
    <row r="1065" spans="1:7" x14ac:dyDescent="0.25">
      <c r="A1065">
        <v>11</v>
      </c>
      <c r="B1065">
        <v>160.61199999999999</v>
      </c>
      <c r="C1065">
        <v>200.92699999999999</v>
      </c>
      <c r="D1065">
        <v>3004.72</v>
      </c>
      <c r="E1065">
        <v>3.8110200000000001</v>
      </c>
      <c r="F1065">
        <v>4216.18</v>
      </c>
      <c r="G1065">
        <v>27.2697</v>
      </c>
    </row>
    <row r="1066" spans="1:7" x14ac:dyDescent="0.25">
      <c r="A1066">
        <v>11</v>
      </c>
      <c r="B1066">
        <v>166.28100000000001</v>
      </c>
      <c r="C1066">
        <v>201.87200000000001</v>
      </c>
      <c r="D1066">
        <v>1800</v>
      </c>
      <c r="E1066">
        <v>3.8110200000000001</v>
      </c>
      <c r="F1066">
        <v>3182.38</v>
      </c>
      <c r="G1066">
        <v>74.304599999999994</v>
      </c>
    </row>
    <row r="1067" spans="1:7" x14ac:dyDescent="0.25">
      <c r="A1067">
        <v>11</v>
      </c>
      <c r="B1067">
        <v>165.65100000000001</v>
      </c>
      <c r="C1067">
        <v>199.982</v>
      </c>
      <c r="D1067">
        <v>1933.86</v>
      </c>
      <c r="E1067">
        <v>3.7873999999999999</v>
      </c>
      <c r="F1067">
        <v>3302.26</v>
      </c>
      <c r="G1067">
        <v>57.241799999999998</v>
      </c>
    </row>
    <row r="1068" spans="1:7" x14ac:dyDescent="0.25">
      <c r="A1068">
        <v>11</v>
      </c>
      <c r="B1068">
        <v>161.24199999999999</v>
      </c>
      <c r="C1068">
        <v>204.70599999999999</v>
      </c>
      <c r="D1068">
        <v>2335.4299999999998</v>
      </c>
      <c r="E1068">
        <v>3.7165400000000002</v>
      </c>
      <c r="F1068">
        <v>3775</v>
      </c>
      <c r="G1068">
        <v>49.923200000000001</v>
      </c>
    </row>
    <row r="1069" spans="1:7" x14ac:dyDescent="0.25">
      <c r="A1069">
        <v>11</v>
      </c>
      <c r="B1069">
        <v>137.935</v>
      </c>
      <c r="C1069">
        <v>198.09200000000001</v>
      </c>
      <c r="D1069">
        <v>6083.46</v>
      </c>
      <c r="E1069">
        <v>2.1102400000000001</v>
      </c>
      <c r="F1069">
        <v>8238.3799999999992</v>
      </c>
      <c r="G1069">
        <v>11.8962</v>
      </c>
    </row>
    <row r="1070" spans="1:7" x14ac:dyDescent="0.25">
      <c r="A1070">
        <v>11</v>
      </c>
      <c r="B1070">
        <v>166.28100000000001</v>
      </c>
      <c r="C1070">
        <v>201.87200000000001</v>
      </c>
      <c r="D1070">
        <v>1800</v>
      </c>
      <c r="E1070">
        <v>3.8110200000000001</v>
      </c>
      <c r="F1070">
        <v>3182.38</v>
      </c>
      <c r="G1070">
        <v>74.304599999999994</v>
      </c>
    </row>
    <row r="1071" spans="1:7" x14ac:dyDescent="0.25">
      <c r="A1071">
        <v>11</v>
      </c>
      <c r="B1071">
        <v>163.131</v>
      </c>
      <c r="C1071">
        <v>197.46199999999999</v>
      </c>
      <c r="D1071">
        <v>3004.72</v>
      </c>
      <c r="E1071">
        <v>2.20472</v>
      </c>
      <c r="F1071">
        <v>4871.2700000000004</v>
      </c>
      <c r="G1071">
        <v>25.2303</v>
      </c>
    </row>
    <row r="1072" spans="1:7" x14ac:dyDescent="0.25">
      <c r="A1072">
        <v>11</v>
      </c>
      <c r="B1072">
        <v>160.61199999999999</v>
      </c>
      <c r="C1072">
        <v>196.202</v>
      </c>
      <c r="D1072">
        <v>2870.87</v>
      </c>
      <c r="E1072">
        <v>4</v>
      </c>
      <c r="F1072">
        <v>4101.1499999999996</v>
      </c>
      <c r="G1072">
        <v>27.514500000000002</v>
      </c>
    </row>
    <row r="1073" spans="1:7" x14ac:dyDescent="0.25">
      <c r="A1073">
        <v>11</v>
      </c>
      <c r="B1073">
        <v>136.04499999999999</v>
      </c>
      <c r="C1073">
        <v>195.572</v>
      </c>
      <c r="D1073">
        <v>6083.46</v>
      </c>
      <c r="E1073">
        <v>1.1653500000000001</v>
      </c>
      <c r="F1073">
        <v>9446.7000000000007</v>
      </c>
      <c r="G1073">
        <v>11.3193</v>
      </c>
    </row>
    <row r="1074" spans="1:7" x14ac:dyDescent="0.25">
      <c r="A1074">
        <v>11</v>
      </c>
      <c r="B1074">
        <v>137.935</v>
      </c>
      <c r="C1074">
        <v>198.09200000000001</v>
      </c>
      <c r="D1074">
        <v>6083.46</v>
      </c>
      <c r="E1074">
        <v>2.1102400000000001</v>
      </c>
      <c r="F1074">
        <v>8238.3799999999992</v>
      </c>
      <c r="G1074">
        <v>11.8962</v>
      </c>
    </row>
    <row r="1075" spans="1:7" x14ac:dyDescent="0.25">
      <c r="A1075">
        <v>11</v>
      </c>
      <c r="B1075">
        <v>156.202</v>
      </c>
      <c r="C1075">
        <v>196.83199999999999</v>
      </c>
      <c r="D1075">
        <v>3004.72</v>
      </c>
      <c r="E1075">
        <v>1.54331</v>
      </c>
      <c r="F1075">
        <v>5700.32</v>
      </c>
      <c r="G1075">
        <v>22.826499999999999</v>
      </c>
    </row>
    <row r="1076" spans="1:7" x14ac:dyDescent="0.25">
      <c r="A1076">
        <v>11</v>
      </c>
      <c r="B1076">
        <v>137.935</v>
      </c>
      <c r="C1076">
        <v>198.09200000000001</v>
      </c>
      <c r="D1076">
        <v>6083.46</v>
      </c>
      <c r="E1076">
        <v>2.1102400000000001</v>
      </c>
      <c r="F1076">
        <v>8238.3799999999992</v>
      </c>
      <c r="G1076">
        <v>11.8962</v>
      </c>
    </row>
    <row r="1077" spans="1:7" x14ac:dyDescent="0.25">
      <c r="A1077">
        <v>11</v>
      </c>
      <c r="B1077">
        <v>161.24199999999999</v>
      </c>
      <c r="C1077">
        <v>204.70599999999999</v>
      </c>
      <c r="D1077">
        <v>2335.4299999999998</v>
      </c>
      <c r="E1077">
        <v>3.7165400000000002</v>
      </c>
      <c r="F1077">
        <v>3775</v>
      </c>
      <c r="G1077">
        <v>49.923200000000001</v>
      </c>
    </row>
    <row r="1078" spans="1:7" x14ac:dyDescent="0.25">
      <c r="A1078">
        <v>11</v>
      </c>
      <c r="B1078">
        <v>156.202</v>
      </c>
      <c r="C1078">
        <v>195.572</v>
      </c>
      <c r="D1078">
        <v>3004.72</v>
      </c>
      <c r="E1078">
        <v>1.6377999999999999</v>
      </c>
      <c r="F1078">
        <v>5544</v>
      </c>
      <c r="G1078">
        <v>23.644500000000001</v>
      </c>
    </row>
    <row r="1079" spans="1:7" x14ac:dyDescent="0.25">
      <c r="A1079">
        <v>11</v>
      </c>
      <c r="B1079">
        <v>168.80099999999999</v>
      </c>
      <c r="C1079">
        <v>195.572</v>
      </c>
      <c r="D1079">
        <v>3406.3</v>
      </c>
      <c r="E1079">
        <v>1.6141700000000001</v>
      </c>
      <c r="F1079">
        <v>5485.25</v>
      </c>
      <c r="G1079">
        <v>23.9512</v>
      </c>
    </row>
    <row r="1080" spans="1:7" x14ac:dyDescent="0.25">
      <c r="A1080">
        <v>11</v>
      </c>
      <c r="B1080">
        <v>141.084</v>
      </c>
      <c r="C1080">
        <v>195.572</v>
      </c>
      <c r="D1080">
        <v>6083.46</v>
      </c>
      <c r="E1080">
        <v>3.59843</v>
      </c>
      <c r="F1080">
        <v>7435.91</v>
      </c>
      <c r="G1080">
        <v>16.470400000000001</v>
      </c>
    </row>
    <row r="1081" spans="1:7" x14ac:dyDescent="0.25">
      <c r="A1081">
        <v>12</v>
      </c>
      <c r="B1081">
        <v>137.935</v>
      </c>
      <c r="C1081">
        <v>203.131</v>
      </c>
      <c r="D1081">
        <v>6083.46</v>
      </c>
      <c r="E1081">
        <v>1.92126</v>
      </c>
      <c r="F1081">
        <v>8426.6299999999992</v>
      </c>
      <c r="G1081">
        <v>12.315099999999999</v>
      </c>
    </row>
    <row r="1082" spans="1:7" x14ac:dyDescent="0.25">
      <c r="A1082">
        <v>12</v>
      </c>
      <c r="B1082">
        <v>140.45400000000001</v>
      </c>
      <c r="C1082">
        <v>198.40700000000001</v>
      </c>
      <c r="D1082">
        <v>6083.46</v>
      </c>
      <c r="E1082">
        <v>3.8110200000000001</v>
      </c>
      <c r="F1082">
        <v>7525.89</v>
      </c>
      <c r="G1082">
        <v>15.047800000000001</v>
      </c>
    </row>
    <row r="1083" spans="1:7" x14ac:dyDescent="0.25">
      <c r="A1083">
        <v>12</v>
      </c>
      <c r="B1083">
        <v>165.65100000000001</v>
      </c>
      <c r="C1083">
        <v>199.982</v>
      </c>
      <c r="D1083">
        <v>1933.86</v>
      </c>
      <c r="E1083">
        <v>3.7873999999999999</v>
      </c>
      <c r="F1083">
        <v>3302.26</v>
      </c>
      <c r="G1083">
        <v>57.241799999999998</v>
      </c>
    </row>
    <row r="1084" spans="1:7" x14ac:dyDescent="0.25">
      <c r="A1084">
        <v>12</v>
      </c>
      <c r="B1084">
        <v>161.24199999999999</v>
      </c>
      <c r="C1084">
        <v>204.70599999999999</v>
      </c>
      <c r="D1084">
        <v>2335.4299999999998</v>
      </c>
      <c r="E1084">
        <v>3.7165400000000002</v>
      </c>
      <c r="F1084">
        <v>3775</v>
      </c>
      <c r="G1084">
        <v>49.923200000000001</v>
      </c>
    </row>
    <row r="1085" spans="1:7" x14ac:dyDescent="0.25">
      <c r="A1085">
        <v>12</v>
      </c>
      <c r="B1085">
        <v>145.494</v>
      </c>
      <c r="C1085">
        <v>204.39099999999999</v>
      </c>
      <c r="D1085">
        <v>6217.32</v>
      </c>
      <c r="E1085">
        <v>1.92126</v>
      </c>
      <c r="F1085">
        <v>8247.82</v>
      </c>
      <c r="G1085">
        <v>26.659199999999998</v>
      </c>
    </row>
    <row r="1086" spans="1:7" x14ac:dyDescent="0.25">
      <c r="A1086">
        <v>12</v>
      </c>
      <c r="B1086">
        <v>165.65100000000001</v>
      </c>
      <c r="C1086">
        <v>195.887</v>
      </c>
      <c r="D1086">
        <v>7288.19</v>
      </c>
      <c r="E1086">
        <v>1.89764</v>
      </c>
      <c r="F1086">
        <v>6942.38</v>
      </c>
      <c r="G1086">
        <v>24.9282</v>
      </c>
    </row>
    <row r="1087" spans="1:7" x14ac:dyDescent="0.25">
      <c r="A1087">
        <v>12</v>
      </c>
      <c r="B1087">
        <v>165.65100000000001</v>
      </c>
      <c r="C1087">
        <v>199.982</v>
      </c>
      <c r="D1087">
        <v>1933.86</v>
      </c>
      <c r="E1087">
        <v>3.7873999999999999</v>
      </c>
      <c r="F1087">
        <v>3302.26</v>
      </c>
      <c r="G1087">
        <v>57.241799999999998</v>
      </c>
    </row>
    <row r="1088" spans="1:7" x14ac:dyDescent="0.25">
      <c r="A1088">
        <v>12</v>
      </c>
      <c r="B1088">
        <v>160.61199999999999</v>
      </c>
      <c r="C1088">
        <v>198.09200000000001</v>
      </c>
      <c r="D1088">
        <v>6083.46</v>
      </c>
      <c r="E1088">
        <v>2.29921</v>
      </c>
      <c r="F1088">
        <v>7772.73</v>
      </c>
      <c r="G1088">
        <v>60.511699999999998</v>
      </c>
    </row>
    <row r="1089" spans="1:7" x14ac:dyDescent="0.25">
      <c r="A1089">
        <v>12</v>
      </c>
      <c r="B1089">
        <v>160.61199999999999</v>
      </c>
      <c r="C1089">
        <v>197.77699999999999</v>
      </c>
      <c r="D1089">
        <v>2335.4299999999998</v>
      </c>
      <c r="E1089">
        <v>1.92126</v>
      </c>
      <c r="F1089">
        <v>4606.6499999999996</v>
      </c>
      <c r="G1089">
        <v>54.397300000000001</v>
      </c>
    </row>
    <row r="1090" spans="1:7" x14ac:dyDescent="0.25">
      <c r="A1090">
        <v>12</v>
      </c>
      <c r="B1090">
        <v>162.50200000000001</v>
      </c>
      <c r="C1090">
        <v>202.18700000000001</v>
      </c>
      <c r="D1090">
        <v>6618.9</v>
      </c>
      <c r="E1090">
        <v>2.29921</v>
      </c>
      <c r="F1090">
        <v>8241.77</v>
      </c>
      <c r="G1090">
        <v>25.2578</v>
      </c>
    </row>
    <row r="1091" spans="1:7" x14ac:dyDescent="0.25">
      <c r="A1091">
        <v>12</v>
      </c>
      <c r="B1091">
        <v>155.572</v>
      </c>
      <c r="C1091">
        <v>199.667</v>
      </c>
      <c r="D1091">
        <v>2335.4299999999998</v>
      </c>
      <c r="E1091">
        <v>3.6929099999999999</v>
      </c>
      <c r="F1091">
        <v>3926.44</v>
      </c>
      <c r="G1091">
        <v>62.523499999999999</v>
      </c>
    </row>
    <row r="1092" spans="1:7" x14ac:dyDescent="0.25">
      <c r="A1092">
        <v>12</v>
      </c>
      <c r="B1092">
        <v>156.202</v>
      </c>
      <c r="C1092">
        <v>205.96600000000001</v>
      </c>
      <c r="D1092">
        <v>2870.87</v>
      </c>
      <c r="E1092">
        <v>2.4645700000000001</v>
      </c>
      <c r="F1092">
        <v>4775.54</v>
      </c>
      <c r="G1092">
        <v>43.8187</v>
      </c>
    </row>
    <row r="1093" spans="1:7" x14ac:dyDescent="0.25">
      <c r="A1093">
        <v>12</v>
      </c>
      <c r="B1093">
        <v>170.691</v>
      </c>
      <c r="C1093">
        <v>197.77699999999999</v>
      </c>
      <c r="D1093">
        <v>2469.29</v>
      </c>
      <c r="E1093">
        <v>3.8110200000000001</v>
      </c>
      <c r="F1093">
        <v>3577.66</v>
      </c>
      <c r="G1093">
        <v>104.624</v>
      </c>
    </row>
    <row r="1094" spans="1:7" x14ac:dyDescent="0.25">
      <c r="A1094">
        <v>12</v>
      </c>
      <c r="B1094">
        <v>162.50200000000001</v>
      </c>
      <c r="C1094">
        <v>195.887</v>
      </c>
      <c r="D1094">
        <v>2870.87</v>
      </c>
      <c r="E1094">
        <v>3.7873999999999999</v>
      </c>
      <c r="F1094">
        <v>4070.69</v>
      </c>
      <c r="G1094">
        <v>79.637500000000003</v>
      </c>
    </row>
    <row r="1095" spans="1:7" x14ac:dyDescent="0.25">
      <c r="A1095">
        <v>12</v>
      </c>
      <c r="B1095">
        <v>163.761</v>
      </c>
      <c r="C1095">
        <v>201.24199999999999</v>
      </c>
      <c r="D1095">
        <v>6618.9</v>
      </c>
      <c r="E1095">
        <v>3.4094500000000001</v>
      </c>
      <c r="F1095">
        <v>7740.48</v>
      </c>
      <c r="G1095">
        <v>82.258700000000005</v>
      </c>
    </row>
    <row r="1096" spans="1:7" x14ac:dyDescent="0.25">
      <c r="A1096">
        <v>12</v>
      </c>
      <c r="B1096">
        <v>140.45400000000001</v>
      </c>
      <c r="C1096">
        <v>198.40700000000001</v>
      </c>
      <c r="D1096">
        <v>7154.33</v>
      </c>
      <c r="E1096">
        <v>3.8110200000000001</v>
      </c>
      <c r="F1096">
        <v>8728.98</v>
      </c>
      <c r="G1096">
        <v>18.436</v>
      </c>
    </row>
    <row r="1097" spans="1:7" x14ac:dyDescent="0.25">
      <c r="A1097">
        <v>12</v>
      </c>
      <c r="B1097">
        <v>140.45400000000001</v>
      </c>
      <c r="C1097">
        <v>202.81700000000001</v>
      </c>
      <c r="D1097">
        <v>7288.19</v>
      </c>
      <c r="E1097">
        <v>2.29921</v>
      </c>
      <c r="F1097">
        <v>9410.93</v>
      </c>
      <c r="G1097">
        <v>18.9481</v>
      </c>
    </row>
    <row r="1098" spans="1:7" x14ac:dyDescent="0.25">
      <c r="A1098">
        <v>12</v>
      </c>
      <c r="B1098">
        <v>156.202</v>
      </c>
      <c r="C1098">
        <v>200.61199999999999</v>
      </c>
      <c r="D1098">
        <v>1933.86</v>
      </c>
      <c r="E1098">
        <v>3.0551200000000001</v>
      </c>
      <c r="F1098">
        <v>3734.07</v>
      </c>
      <c r="G1098">
        <v>79.698599999999999</v>
      </c>
    </row>
    <row r="1099" spans="1:7" x14ac:dyDescent="0.25">
      <c r="A1099">
        <v>12</v>
      </c>
      <c r="B1099">
        <v>141.084</v>
      </c>
      <c r="C1099">
        <v>198.40700000000001</v>
      </c>
      <c r="D1099">
        <v>2870.87</v>
      </c>
      <c r="E1099">
        <v>3.9763799999999998</v>
      </c>
      <c r="F1099">
        <v>4529.7</v>
      </c>
      <c r="G1099">
        <v>101.25700000000001</v>
      </c>
    </row>
    <row r="1100" spans="1:7" x14ac:dyDescent="0.25">
      <c r="A1100">
        <v>12</v>
      </c>
      <c r="B1100">
        <v>161.24199999999999</v>
      </c>
      <c r="C1100">
        <v>208.80099999999999</v>
      </c>
      <c r="D1100">
        <v>2870.87</v>
      </c>
      <c r="E1100">
        <v>2.20472</v>
      </c>
      <c r="F1100">
        <v>4723.1400000000003</v>
      </c>
      <c r="G1100">
        <v>61.130600000000001</v>
      </c>
    </row>
    <row r="1101" spans="1:7" x14ac:dyDescent="0.25">
      <c r="A1101">
        <v>12</v>
      </c>
      <c r="B1101">
        <v>156.202</v>
      </c>
      <c r="C1101">
        <v>198.40700000000001</v>
      </c>
      <c r="D1101">
        <v>2870.87</v>
      </c>
      <c r="E1101">
        <v>3.59843</v>
      </c>
      <c r="F1101">
        <v>4488.6499999999996</v>
      </c>
      <c r="G1101">
        <v>34.958199999999998</v>
      </c>
    </row>
    <row r="1102" spans="1:7" x14ac:dyDescent="0.25">
      <c r="A1102">
        <v>12</v>
      </c>
      <c r="B1102">
        <v>160.61199999999999</v>
      </c>
      <c r="C1102">
        <v>200.92699999999999</v>
      </c>
      <c r="D1102">
        <v>8225.2000000000007</v>
      </c>
      <c r="E1102">
        <v>3.8110200000000001</v>
      </c>
      <c r="F1102">
        <v>9306.07</v>
      </c>
      <c r="G1102">
        <v>27.118600000000001</v>
      </c>
    </row>
    <row r="1103" spans="1:7" x14ac:dyDescent="0.25">
      <c r="A1103">
        <v>12</v>
      </c>
      <c r="B1103">
        <v>161.87200000000001</v>
      </c>
      <c r="C1103">
        <v>205.02099999999999</v>
      </c>
      <c r="D1103">
        <v>1933.86</v>
      </c>
      <c r="E1103">
        <v>2.2755899999999998</v>
      </c>
      <c r="F1103">
        <v>3997.17</v>
      </c>
      <c r="G1103">
        <v>65.9709</v>
      </c>
    </row>
    <row r="1104" spans="1:7" x14ac:dyDescent="0.25">
      <c r="A1104">
        <v>12</v>
      </c>
      <c r="B1104">
        <v>160.61199999999999</v>
      </c>
      <c r="C1104">
        <v>211.32</v>
      </c>
      <c r="D1104">
        <v>3406.3</v>
      </c>
      <c r="E1104">
        <v>3.4330699999999998</v>
      </c>
      <c r="F1104">
        <v>4688.54</v>
      </c>
      <c r="G1104">
        <v>26.6066</v>
      </c>
    </row>
    <row r="1105" spans="1:7" x14ac:dyDescent="0.25">
      <c r="A1105">
        <v>12</v>
      </c>
      <c r="B1105">
        <v>166.28100000000001</v>
      </c>
      <c r="C1105">
        <v>201.87200000000001</v>
      </c>
      <c r="D1105">
        <v>1800</v>
      </c>
      <c r="E1105">
        <v>3.8110200000000001</v>
      </c>
      <c r="F1105">
        <v>3182.38</v>
      </c>
      <c r="G1105">
        <v>74.304599999999994</v>
      </c>
    </row>
    <row r="1106" spans="1:7" x14ac:dyDescent="0.25">
      <c r="A1106">
        <v>12</v>
      </c>
      <c r="B1106">
        <v>143.60400000000001</v>
      </c>
      <c r="C1106">
        <v>195.887</v>
      </c>
      <c r="D1106">
        <v>6083.46</v>
      </c>
      <c r="E1106">
        <v>3.59843</v>
      </c>
      <c r="F1106">
        <v>7439.64</v>
      </c>
      <c r="G1106">
        <v>22.0457</v>
      </c>
    </row>
    <row r="1107" spans="1:7" x14ac:dyDescent="0.25">
      <c r="A1107">
        <v>12</v>
      </c>
      <c r="B1107">
        <v>141.084</v>
      </c>
      <c r="C1107">
        <v>203.446</v>
      </c>
      <c r="D1107">
        <v>3406.3</v>
      </c>
      <c r="E1107">
        <v>1.1653500000000001</v>
      </c>
      <c r="F1107">
        <v>6917.16</v>
      </c>
      <c r="G1107">
        <v>41.411900000000003</v>
      </c>
    </row>
    <row r="1108" spans="1:7" x14ac:dyDescent="0.25">
      <c r="A1108">
        <v>12</v>
      </c>
      <c r="B1108">
        <v>173.84</v>
      </c>
      <c r="C1108">
        <v>208.48599999999999</v>
      </c>
      <c r="D1108">
        <v>2870.87</v>
      </c>
      <c r="E1108">
        <v>3.4094500000000001</v>
      </c>
      <c r="F1108">
        <v>3538.47</v>
      </c>
      <c r="G1108">
        <v>109.072</v>
      </c>
    </row>
    <row r="1109" spans="1:7" x14ac:dyDescent="0.25">
      <c r="A1109">
        <v>12</v>
      </c>
      <c r="B1109">
        <v>160.61199999999999</v>
      </c>
      <c r="C1109">
        <v>200.92699999999999</v>
      </c>
      <c r="D1109">
        <v>3540.16</v>
      </c>
      <c r="E1109">
        <v>1.54331</v>
      </c>
      <c r="F1109">
        <v>5879.38</v>
      </c>
      <c r="G1109">
        <v>35.665999999999997</v>
      </c>
    </row>
    <row r="1110" spans="1:7" x14ac:dyDescent="0.25">
      <c r="A1110">
        <v>12</v>
      </c>
      <c r="B1110">
        <v>158.72200000000001</v>
      </c>
      <c r="C1110">
        <v>200.92699999999999</v>
      </c>
      <c r="D1110">
        <v>2335.4299999999998</v>
      </c>
      <c r="E1110">
        <v>3.3385799999999999</v>
      </c>
      <c r="F1110">
        <v>3958.33</v>
      </c>
      <c r="G1110">
        <v>52.644399999999997</v>
      </c>
    </row>
    <row r="1111" spans="1:7" x14ac:dyDescent="0.25">
      <c r="A1111">
        <v>12</v>
      </c>
      <c r="B1111">
        <v>141.084</v>
      </c>
      <c r="C1111">
        <v>198.72200000000001</v>
      </c>
      <c r="D1111">
        <v>6083.46</v>
      </c>
      <c r="E1111">
        <v>3.9763799999999998</v>
      </c>
      <c r="F1111">
        <v>7469.33</v>
      </c>
      <c r="G1111">
        <v>16.398399999999999</v>
      </c>
    </row>
    <row r="1112" spans="1:7" x14ac:dyDescent="0.25">
      <c r="A1112">
        <v>12</v>
      </c>
      <c r="B1112">
        <v>161.24199999999999</v>
      </c>
      <c r="C1112">
        <v>200.297</v>
      </c>
      <c r="D1112">
        <v>2870.87</v>
      </c>
      <c r="E1112">
        <v>2.6299199999999998</v>
      </c>
      <c r="F1112">
        <v>4537.76</v>
      </c>
      <c r="G1112">
        <v>30.751799999999999</v>
      </c>
    </row>
    <row r="1113" spans="1:7" x14ac:dyDescent="0.25">
      <c r="A1113">
        <v>12</v>
      </c>
      <c r="B1113">
        <v>161.24199999999999</v>
      </c>
      <c r="C1113">
        <v>196.202</v>
      </c>
      <c r="D1113">
        <v>2335.4299999999998</v>
      </c>
      <c r="E1113">
        <v>2.6771699999999998</v>
      </c>
      <c r="F1113">
        <v>4054.29</v>
      </c>
      <c r="G1113">
        <v>30.366499999999998</v>
      </c>
    </row>
    <row r="1114" spans="1:7" x14ac:dyDescent="0.25">
      <c r="A1114">
        <v>12</v>
      </c>
      <c r="B1114">
        <v>161.24199999999999</v>
      </c>
      <c r="C1114">
        <v>205.02099999999999</v>
      </c>
      <c r="D1114">
        <v>7154.33</v>
      </c>
      <c r="E1114">
        <v>2.0866099999999999</v>
      </c>
      <c r="F1114">
        <v>8958.4599999999991</v>
      </c>
      <c r="G1114">
        <v>62.113300000000002</v>
      </c>
    </row>
    <row r="1115" spans="1:7" x14ac:dyDescent="0.25">
      <c r="A1115">
        <v>12</v>
      </c>
      <c r="B1115">
        <v>156.202</v>
      </c>
      <c r="C1115">
        <v>209.74600000000001</v>
      </c>
      <c r="D1115">
        <v>2870.87</v>
      </c>
      <c r="E1115">
        <v>3.7165400000000002</v>
      </c>
      <c r="F1115">
        <v>4342.63</v>
      </c>
      <c r="G1115">
        <v>34.726700000000001</v>
      </c>
    </row>
    <row r="1116" spans="1:7" x14ac:dyDescent="0.25">
      <c r="A1116">
        <v>12</v>
      </c>
      <c r="B1116">
        <v>142.97399999999999</v>
      </c>
      <c r="C1116">
        <v>197.77699999999999</v>
      </c>
      <c r="D1116">
        <v>6618.9</v>
      </c>
      <c r="E1116">
        <v>2.20472</v>
      </c>
      <c r="F1116">
        <v>8701.5300000000007</v>
      </c>
      <c r="G1116">
        <v>23.463899999999999</v>
      </c>
    </row>
    <row r="1117" spans="1:7" x14ac:dyDescent="0.25">
      <c r="A1117">
        <v>12</v>
      </c>
      <c r="B1117">
        <v>163.131</v>
      </c>
      <c r="C1117">
        <v>198.09200000000001</v>
      </c>
      <c r="D1117">
        <v>2870.87</v>
      </c>
      <c r="E1117">
        <v>3.7873999999999999</v>
      </c>
      <c r="F1117">
        <v>4165.8500000000004</v>
      </c>
      <c r="G1117">
        <v>80.639099999999999</v>
      </c>
    </row>
    <row r="1118" spans="1:7" x14ac:dyDescent="0.25">
      <c r="A1118">
        <v>12</v>
      </c>
      <c r="B1118">
        <v>163.131</v>
      </c>
      <c r="C1118">
        <v>200.92699999999999</v>
      </c>
      <c r="D1118">
        <v>3004.72</v>
      </c>
      <c r="E1118">
        <v>1.92126</v>
      </c>
      <c r="F1118">
        <v>5196.1000000000004</v>
      </c>
      <c r="G1118">
        <v>39.711799999999997</v>
      </c>
    </row>
    <row r="1119" spans="1:7" x14ac:dyDescent="0.25">
      <c r="A1119">
        <v>12</v>
      </c>
      <c r="B1119">
        <v>161.24199999999999</v>
      </c>
      <c r="C1119">
        <v>196.202</v>
      </c>
      <c r="D1119">
        <v>1933.86</v>
      </c>
      <c r="E1119">
        <v>3.0551200000000001</v>
      </c>
      <c r="F1119">
        <v>3690.32</v>
      </c>
      <c r="G1119">
        <v>66.312600000000003</v>
      </c>
    </row>
    <row r="1120" spans="1:7" x14ac:dyDescent="0.25">
      <c r="A1120">
        <v>12</v>
      </c>
      <c r="B1120">
        <v>142.97399999999999</v>
      </c>
      <c r="C1120">
        <v>200.92699999999999</v>
      </c>
      <c r="D1120">
        <v>6083.46</v>
      </c>
      <c r="E1120">
        <v>3.59843</v>
      </c>
      <c r="F1120">
        <v>7436.67</v>
      </c>
      <c r="G1120">
        <v>20.6678</v>
      </c>
    </row>
    <row r="1121" spans="1:7" x14ac:dyDescent="0.25">
      <c r="A1121">
        <v>12</v>
      </c>
      <c r="B1121">
        <v>155.572</v>
      </c>
      <c r="C1121">
        <v>204.70599999999999</v>
      </c>
      <c r="D1121">
        <v>1800</v>
      </c>
      <c r="E1121">
        <v>2.2755899999999998</v>
      </c>
      <c r="F1121">
        <v>4014.4</v>
      </c>
      <c r="G1121">
        <v>76.846599999999995</v>
      </c>
    </row>
    <row r="1122" spans="1:7" x14ac:dyDescent="0.25">
      <c r="A1122">
        <v>12</v>
      </c>
      <c r="B1122">
        <v>161.24199999999999</v>
      </c>
      <c r="C1122">
        <v>195.572</v>
      </c>
      <c r="D1122">
        <v>2870.87</v>
      </c>
      <c r="E1122">
        <v>3.7873999999999999</v>
      </c>
      <c r="F1122">
        <v>4137.8</v>
      </c>
      <c r="G1122">
        <v>28.374600000000001</v>
      </c>
    </row>
    <row r="1123" spans="1:7" x14ac:dyDescent="0.25">
      <c r="A1123">
        <v>12</v>
      </c>
      <c r="B1123">
        <v>161.24199999999999</v>
      </c>
      <c r="C1123">
        <v>196.202</v>
      </c>
      <c r="D1123">
        <v>7154.33</v>
      </c>
      <c r="E1123">
        <v>3.59843</v>
      </c>
      <c r="F1123">
        <v>8236.7000000000007</v>
      </c>
      <c r="G1123">
        <v>28.032900000000001</v>
      </c>
    </row>
    <row r="1124" spans="1:7" x14ac:dyDescent="0.25">
      <c r="A1124">
        <v>12</v>
      </c>
      <c r="B1124">
        <v>167.541</v>
      </c>
      <c r="C1124">
        <v>202.50200000000001</v>
      </c>
      <c r="D1124">
        <v>1800</v>
      </c>
      <c r="E1124">
        <v>3.8110200000000001</v>
      </c>
      <c r="F1124">
        <v>3234.22</v>
      </c>
      <c r="G1124">
        <v>79.053700000000006</v>
      </c>
    </row>
    <row r="1125" spans="1:7" x14ac:dyDescent="0.25">
      <c r="A1125">
        <v>12</v>
      </c>
      <c r="B1125">
        <v>156.202</v>
      </c>
      <c r="C1125">
        <v>211.95</v>
      </c>
      <c r="D1125">
        <v>1800</v>
      </c>
      <c r="E1125">
        <v>3.0551200000000001</v>
      </c>
      <c r="F1125">
        <v>3629.35</v>
      </c>
      <c r="G1125">
        <v>84.853200000000001</v>
      </c>
    </row>
    <row r="1126" spans="1:7" x14ac:dyDescent="0.25">
      <c r="A1126">
        <v>12</v>
      </c>
      <c r="B1126">
        <v>161.24199999999999</v>
      </c>
      <c r="C1126">
        <v>195.572</v>
      </c>
      <c r="D1126">
        <v>1800</v>
      </c>
      <c r="E1126">
        <v>3.7873999999999999</v>
      </c>
      <c r="F1126">
        <v>3412.66</v>
      </c>
      <c r="G1126">
        <v>86.150899999999993</v>
      </c>
    </row>
    <row r="1127" spans="1:7" x14ac:dyDescent="0.25">
      <c r="A1127">
        <v>12</v>
      </c>
      <c r="B1127">
        <v>163.131</v>
      </c>
      <c r="C1127">
        <v>204.07599999999999</v>
      </c>
      <c r="D1127">
        <v>2335.4299999999998</v>
      </c>
      <c r="E1127">
        <v>2.29921</v>
      </c>
      <c r="F1127">
        <v>4359.3999999999996</v>
      </c>
      <c r="G1127">
        <v>26.097200000000001</v>
      </c>
    </row>
    <row r="1128" spans="1:7" x14ac:dyDescent="0.25">
      <c r="A1128">
        <v>12</v>
      </c>
      <c r="B1128">
        <v>137.935</v>
      </c>
      <c r="C1128">
        <v>200.297</v>
      </c>
      <c r="D1128">
        <v>6083.46</v>
      </c>
      <c r="E1128">
        <v>1.99213</v>
      </c>
      <c r="F1128">
        <v>8352.49</v>
      </c>
      <c r="G1128">
        <v>12.1572</v>
      </c>
    </row>
    <row r="1129" spans="1:7" x14ac:dyDescent="0.25">
      <c r="A1129">
        <v>12</v>
      </c>
      <c r="B1129">
        <v>172.58</v>
      </c>
      <c r="C1129">
        <v>202.18700000000001</v>
      </c>
      <c r="D1129">
        <v>1933.86</v>
      </c>
      <c r="E1129">
        <v>3.7873999999999999</v>
      </c>
      <c r="F1129">
        <v>3178.51</v>
      </c>
      <c r="G1129">
        <v>106.667</v>
      </c>
    </row>
    <row r="1130" spans="1:7" x14ac:dyDescent="0.25">
      <c r="A1130">
        <v>12</v>
      </c>
      <c r="B1130">
        <v>141.084</v>
      </c>
      <c r="C1130">
        <v>198.40700000000001</v>
      </c>
      <c r="D1130">
        <v>2870.87</v>
      </c>
      <c r="E1130">
        <v>3.8110200000000001</v>
      </c>
      <c r="F1130">
        <v>4586.79</v>
      </c>
      <c r="G1130">
        <v>98.950299999999999</v>
      </c>
    </row>
    <row r="1131" spans="1:7" x14ac:dyDescent="0.25">
      <c r="A1131">
        <v>12</v>
      </c>
      <c r="B1131">
        <v>156.202</v>
      </c>
      <c r="C1131">
        <v>200.92699999999999</v>
      </c>
      <c r="D1131">
        <v>2335.4299999999998</v>
      </c>
      <c r="E1131">
        <v>3.7165400000000002</v>
      </c>
      <c r="F1131">
        <v>3819.04</v>
      </c>
      <c r="G1131">
        <v>57.969799999999999</v>
      </c>
    </row>
    <row r="1132" spans="1:7" x14ac:dyDescent="0.25">
      <c r="A1132">
        <v>12</v>
      </c>
      <c r="B1132">
        <v>140.45400000000001</v>
      </c>
      <c r="C1132">
        <v>202.81700000000001</v>
      </c>
      <c r="D1132">
        <v>6083.46</v>
      </c>
      <c r="E1132">
        <v>2.4881899999999999</v>
      </c>
      <c r="F1132">
        <v>8020.58</v>
      </c>
      <c r="G1132">
        <v>16.131</v>
      </c>
    </row>
    <row r="1133" spans="1:7" x14ac:dyDescent="0.25">
      <c r="A1133">
        <v>12</v>
      </c>
      <c r="B1133">
        <v>141.714</v>
      </c>
      <c r="C1133">
        <v>200.92699999999999</v>
      </c>
      <c r="D1133">
        <v>2335.4299999999998</v>
      </c>
      <c r="E1133">
        <v>1.82677</v>
      </c>
      <c r="F1133">
        <v>4991.51</v>
      </c>
      <c r="G1133">
        <v>86.448599999999999</v>
      </c>
    </row>
    <row r="1134" spans="1:7" x14ac:dyDescent="0.25">
      <c r="A1134">
        <v>12</v>
      </c>
      <c r="B1134">
        <v>161.24199999999999</v>
      </c>
      <c r="C1134">
        <v>203.131</v>
      </c>
      <c r="D1134">
        <v>1800</v>
      </c>
      <c r="E1134">
        <v>2.6771699999999998</v>
      </c>
      <c r="F1134">
        <v>3676.54</v>
      </c>
      <c r="G1134">
        <v>70.4084</v>
      </c>
    </row>
    <row r="1135" spans="1:7" x14ac:dyDescent="0.25">
      <c r="A1135">
        <v>12</v>
      </c>
      <c r="B1135">
        <v>161.24199999999999</v>
      </c>
      <c r="C1135">
        <v>195.572</v>
      </c>
      <c r="D1135">
        <v>1800</v>
      </c>
      <c r="E1135">
        <v>3.8110200000000001</v>
      </c>
      <c r="F1135">
        <v>3405.37</v>
      </c>
      <c r="G1135">
        <v>86.501499999999993</v>
      </c>
    </row>
    <row r="1136" spans="1:7" x14ac:dyDescent="0.25">
      <c r="A1136">
        <v>12</v>
      </c>
      <c r="B1136">
        <v>163.761</v>
      </c>
      <c r="C1136">
        <v>203.446</v>
      </c>
      <c r="D1136">
        <v>1800</v>
      </c>
      <c r="E1136">
        <v>2.20472</v>
      </c>
      <c r="F1136">
        <v>3996.21</v>
      </c>
      <c r="G1136">
        <v>72.696700000000007</v>
      </c>
    </row>
    <row r="1137" spans="1:7" x14ac:dyDescent="0.25">
      <c r="A1137">
        <v>12</v>
      </c>
      <c r="B1137">
        <v>161.24199999999999</v>
      </c>
      <c r="C1137">
        <v>205.02099999999999</v>
      </c>
      <c r="D1137">
        <v>2870.87</v>
      </c>
      <c r="E1137">
        <v>3.9763799999999998</v>
      </c>
      <c r="F1137">
        <v>4198.33</v>
      </c>
      <c r="G1137">
        <v>28.7377</v>
      </c>
    </row>
    <row r="1138" spans="1:7" x14ac:dyDescent="0.25">
      <c r="A1138">
        <v>12</v>
      </c>
      <c r="B1138">
        <v>161.24199999999999</v>
      </c>
      <c r="C1138">
        <v>203.446</v>
      </c>
      <c r="D1138">
        <v>3406.3</v>
      </c>
      <c r="E1138">
        <v>1.92126</v>
      </c>
      <c r="F1138">
        <v>5427.89</v>
      </c>
      <c r="G1138">
        <v>60.8337</v>
      </c>
    </row>
    <row r="1139" spans="1:7" x14ac:dyDescent="0.25">
      <c r="A1139">
        <v>12</v>
      </c>
      <c r="B1139">
        <v>141.084</v>
      </c>
      <c r="C1139">
        <v>203.446</v>
      </c>
      <c r="D1139">
        <v>2870.87</v>
      </c>
      <c r="E1139">
        <v>3.4330699999999998</v>
      </c>
      <c r="F1139">
        <v>4611.3</v>
      </c>
      <c r="G1139">
        <v>94.026600000000002</v>
      </c>
    </row>
    <row r="1140" spans="1:7" x14ac:dyDescent="0.25">
      <c r="A1140">
        <v>12</v>
      </c>
      <c r="B1140">
        <v>161.24199999999999</v>
      </c>
      <c r="C1140">
        <v>195.887</v>
      </c>
      <c r="D1140">
        <v>3004.72</v>
      </c>
      <c r="E1140">
        <v>3.0314999999999999</v>
      </c>
      <c r="F1140">
        <v>4489.96</v>
      </c>
      <c r="G1140">
        <v>26.581600000000002</v>
      </c>
    </row>
    <row r="1141" spans="1:7" x14ac:dyDescent="0.25">
      <c r="A1141">
        <v>12</v>
      </c>
      <c r="B1141">
        <v>166.28100000000001</v>
      </c>
      <c r="C1141">
        <v>195.572</v>
      </c>
      <c r="D1141">
        <v>7288.19</v>
      </c>
      <c r="E1141">
        <v>1.02362</v>
      </c>
      <c r="F1141">
        <v>7152.81</v>
      </c>
      <c r="G1141">
        <v>19.911000000000001</v>
      </c>
    </row>
    <row r="1142" spans="1:7" x14ac:dyDescent="0.25">
      <c r="A1142">
        <v>12</v>
      </c>
      <c r="B1142">
        <v>140.45400000000001</v>
      </c>
      <c r="C1142">
        <v>198.40700000000001</v>
      </c>
      <c r="D1142">
        <v>6083.46</v>
      </c>
      <c r="E1142">
        <v>3.8110200000000001</v>
      </c>
      <c r="F1142">
        <v>7525.89</v>
      </c>
      <c r="G1142">
        <v>15.047800000000001</v>
      </c>
    </row>
    <row r="1143" spans="1:7" x14ac:dyDescent="0.25">
      <c r="A1143">
        <v>12</v>
      </c>
      <c r="B1143">
        <v>162.50200000000001</v>
      </c>
      <c r="C1143">
        <v>202.18700000000001</v>
      </c>
      <c r="D1143">
        <v>2335.4299999999998</v>
      </c>
      <c r="E1143">
        <v>2.29921</v>
      </c>
      <c r="F1143">
        <v>4373.03</v>
      </c>
      <c r="G1143">
        <v>25.35</v>
      </c>
    </row>
    <row r="1144" spans="1:7" x14ac:dyDescent="0.25">
      <c r="A1144">
        <v>12</v>
      </c>
      <c r="B1144">
        <v>137.935</v>
      </c>
      <c r="C1144">
        <v>203.131</v>
      </c>
      <c r="D1144">
        <v>6083.46</v>
      </c>
      <c r="E1144">
        <v>2.6771699999999998</v>
      </c>
      <c r="F1144">
        <v>7860.24</v>
      </c>
      <c r="G1144">
        <v>13.7896</v>
      </c>
    </row>
    <row r="1145" spans="1:7" x14ac:dyDescent="0.25">
      <c r="A1145">
        <v>12</v>
      </c>
      <c r="B1145">
        <v>141.084</v>
      </c>
      <c r="C1145">
        <v>198.72200000000001</v>
      </c>
      <c r="D1145">
        <v>6083.46</v>
      </c>
      <c r="E1145">
        <v>3.9763799999999998</v>
      </c>
      <c r="F1145">
        <v>7469.33</v>
      </c>
      <c r="G1145">
        <v>16.398399999999999</v>
      </c>
    </row>
    <row r="1146" spans="1:7" x14ac:dyDescent="0.25">
      <c r="A1146">
        <v>12</v>
      </c>
      <c r="B1146">
        <v>170.691</v>
      </c>
      <c r="C1146">
        <v>200.92699999999999</v>
      </c>
      <c r="D1146">
        <v>1800</v>
      </c>
      <c r="E1146">
        <v>3.7873999999999999</v>
      </c>
      <c r="F1146">
        <v>3157.85</v>
      </c>
      <c r="G1146">
        <v>100.657</v>
      </c>
    </row>
    <row r="1147" spans="1:7" x14ac:dyDescent="0.25">
      <c r="A1147">
        <v>12</v>
      </c>
      <c r="B1147">
        <v>163.131</v>
      </c>
      <c r="C1147">
        <v>204.07599999999999</v>
      </c>
      <c r="D1147">
        <v>2335.4299999999998</v>
      </c>
      <c r="E1147">
        <v>2.29921</v>
      </c>
      <c r="F1147">
        <v>4359.3999999999996</v>
      </c>
      <c r="G1147">
        <v>26.097200000000001</v>
      </c>
    </row>
    <row r="1148" spans="1:7" x14ac:dyDescent="0.25">
      <c r="A1148">
        <v>12</v>
      </c>
      <c r="B1148">
        <v>173.21</v>
      </c>
      <c r="C1148">
        <v>195.887</v>
      </c>
      <c r="D1148">
        <v>1800</v>
      </c>
      <c r="E1148">
        <v>3.8110200000000001</v>
      </c>
      <c r="F1148">
        <v>3143.16</v>
      </c>
      <c r="G1148">
        <v>106.97</v>
      </c>
    </row>
    <row r="1149" spans="1:7" x14ac:dyDescent="0.25">
      <c r="A1149">
        <v>12</v>
      </c>
      <c r="B1149">
        <v>161.24199999999999</v>
      </c>
      <c r="C1149">
        <v>195.572</v>
      </c>
      <c r="D1149">
        <v>2870.87</v>
      </c>
      <c r="E1149">
        <v>3.0551200000000001</v>
      </c>
      <c r="F1149">
        <v>4319</v>
      </c>
      <c r="G1149">
        <v>26.6569</v>
      </c>
    </row>
    <row r="1150" spans="1:7" x14ac:dyDescent="0.25">
      <c r="A1150">
        <v>12</v>
      </c>
      <c r="B1150">
        <v>160.61199999999999</v>
      </c>
      <c r="C1150">
        <v>213.84</v>
      </c>
      <c r="D1150">
        <v>2335.4299999999998</v>
      </c>
      <c r="E1150">
        <v>1.3307100000000001</v>
      </c>
      <c r="F1150">
        <v>5313.69</v>
      </c>
      <c r="G1150">
        <v>25.168900000000001</v>
      </c>
    </row>
    <row r="1151" spans="1:7" x14ac:dyDescent="0.25">
      <c r="A1151">
        <v>12</v>
      </c>
      <c r="B1151">
        <v>165.65100000000001</v>
      </c>
      <c r="C1151">
        <v>199.982</v>
      </c>
      <c r="D1151">
        <v>1933.86</v>
      </c>
      <c r="E1151">
        <v>3.7873999999999999</v>
      </c>
      <c r="F1151">
        <v>3302.26</v>
      </c>
      <c r="G1151">
        <v>57.241799999999998</v>
      </c>
    </row>
    <row r="1152" spans="1:7" x14ac:dyDescent="0.25">
      <c r="A1152">
        <v>12</v>
      </c>
      <c r="B1152">
        <v>160.61199999999999</v>
      </c>
      <c r="C1152">
        <v>200.297</v>
      </c>
      <c r="D1152">
        <v>2335.4299999999998</v>
      </c>
      <c r="E1152">
        <v>3.0551200000000001</v>
      </c>
      <c r="F1152">
        <v>3922.51</v>
      </c>
      <c r="G1152">
        <v>29.449200000000001</v>
      </c>
    </row>
    <row r="1153" spans="1:7" x14ac:dyDescent="0.25">
      <c r="A1153">
        <v>12</v>
      </c>
      <c r="B1153">
        <v>165.65100000000001</v>
      </c>
      <c r="C1153">
        <v>199.982</v>
      </c>
      <c r="D1153">
        <v>1933.86</v>
      </c>
      <c r="E1153">
        <v>3.7873999999999999</v>
      </c>
      <c r="F1153">
        <v>3302.26</v>
      </c>
      <c r="G1153">
        <v>57.241799999999998</v>
      </c>
    </row>
    <row r="1154" spans="1:7" x14ac:dyDescent="0.25">
      <c r="A1154">
        <v>12</v>
      </c>
      <c r="B1154">
        <v>145.494</v>
      </c>
      <c r="C1154">
        <v>195.887</v>
      </c>
      <c r="D1154">
        <v>5012.6000000000004</v>
      </c>
      <c r="E1154">
        <v>3.3149600000000001</v>
      </c>
      <c r="F1154">
        <v>6539.73</v>
      </c>
      <c r="G1154">
        <v>21.848099999999999</v>
      </c>
    </row>
    <row r="1155" spans="1:7" x14ac:dyDescent="0.25">
      <c r="A1155">
        <v>12</v>
      </c>
      <c r="B1155">
        <v>160.61199999999999</v>
      </c>
      <c r="C1155">
        <v>200.92699999999999</v>
      </c>
      <c r="D1155">
        <v>3004.72</v>
      </c>
      <c r="E1155">
        <v>3.8110200000000001</v>
      </c>
      <c r="F1155">
        <v>4216.18</v>
      </c>
      <c r="G1155">
        <v>27.2697</v>
      </c>
    </row>
    <row r="1156" spans="1:7" x14ac:dyDescent="0.25">
      <c r="A1156">
        <v>12</v>
      </c>
      <c r="B1156">
        <v>166.28100000000001</v>
      </c>
      <c r="C1156">
        <v>201.87200000000001</v>
      </c>
      <c r="D1156">
        <v>1800</v>
      </c>
      <c r="E1156">
        <v>3.8110200000000001</v>
      </c>
      <c r="F1156">
        <v>3182.38</v>
      </c>
      <c r="G1156">
        <v>74.304599999999994</v>
      </c>
    </row>
    <row r="1157" spans="1:7" x14ac:dyDescent="0.25">
      <c r="A1157">
        <v>12</v>
      </c>
      <c r="B1157">
        <v>165.65100000000001</v>
      </c>
      <c r="C1157">
        <v>199.982</v>
      </c>
      <c r="D1157">
        <v>1933.86</v>
      </c>
      <c r="E1157">
        <v>3.7873999999999999</v>
      </c>
      <c r="F1157">
        <v>3302.26</v>
      </c>
      <c r="G1157">
        <v>57.241799999999998</v>
      </c>
    </row>
    <row r="1158" spans="1:7" x14ac:dyDescent="0.25">
      <c r="A1158">
        <v>12</v>
      </c>
      <c r="B1158">
        <v>161.24199999999999</v>
      </c>
      <c r="C1158">
        <v>204.70599999999999</v>
      </c>
      <c r="D1158">
        <v>2335.4299999999998</v>
      </c>
      <c r="E1158">
        <v>3.7165400000000002</v>
      </c>
      <c r="F1158">
        <v>3775</v>
      </c>
      <c r="G1158">
        <v>49.923200000000001</v>
      </c>
    </row>
    <row r="1159" spans="1:7" x14ac:dyDescent="0.25">
      <c r="A1159">
        <v>12</v>
      </c>
      <c r="B1159">
        <v>137.935</v>
      </c>
      <c r="C1159">
        <v>198.09200000000001</v>
      </c>
      <c r="D1159">
        <v>6083.46</v>
      </c>
      <c r="E1159">
        <v>2.1102400000000001</v>
      </c>
      <c r="F1159">
        <v>8238.3799999999992</v>
      </c>
      <c r="G1159">
        <v>11.8962</v>
      </c>
    </row>
    <row r="1160" spans="1:7" x14ac:dyDescent="0.25">
      <c r="A1160">
        <v>12</v>
      </c>
      <c r="B1160">
        <v>166.28100000000001</v>
      </c>
      <c r="C1160">
        <v>201.87200000000001</v>
      </c>
      <c r="D1160">
        <v>1800</v>
      </c>
      <c r="E1160">
        <v>3.8110200000000001</v>
      </c>
      <c r="F1160">
        <v>3182.38</v>
      </c>
      <c r="G1160">
        <v>74.304599999999994</v>
      </c>
    </row>
    <row r="1161" spans="1:7" x14ac:dyDescent="0.25">
      <c r="A1161">
        <v>12</v>
      </c>
      <c r="B1161">
        <v>163.131</v>
      </c>
      <c r="C1161">
        <v>197.46199999999999</v>
      </c>
      <c r="D1161">
        <v>3004.72</v>
      </c>
      <c r="E1161">
        <v>2.20472</v>
      </c>
      <c r="F1161">
        <v>4871.2700000000004</v>
      </c>
      <c r="G1161">
        <v>25.2303</v>
      </c>
    </row>
    <row r="1162" spans="1:7" x14ac:dyDescent="0.25">
      <c r="A1162">
        <v>12</v>
      </c>
      <c r="B1162">
        <v>160.61199999999999</v>
      </c>
      <c r="C1162">
        <v>196.202</v>
      </c>
      <c r="D1162">
        <v>2870.87</v>
      </c>
      <c r="E1162">
        <v>4</v>
      </c>
      <c r="F1162">
        <v>4101.1499999999996</v>
      </c>
      <c r="G1162">
        <v>27.514500000000002</v>
      </c>
    </row>
    <row r="1163" spans="1:7" x14ac:dyDescent="0.25">
      <c r="A1163">
        <v>12</v>
      </c>
      <c r="B1163">
        <v>136.04499999999999</v>
      </c>
      <c r="C1163">
        <v>195.572</v>
      </c>
      <c r="D1163">
        <v>6083.46</v>
      </c>
      <c r="E1163">
        <v>1.1653500000000001</v>
      </c>
      <c r="F1163">
        <v>9446.7000000000007</v>
      </c>
      <c r="G1163">
        <v>11.3193</v>
      </c>
    </row>
    <row r="1164" spans="1:7" x14ac:dyDescent="0.25">
      <c r="A1164">
        <v>12</v>
      </c>
      <c r="B1164">
        <v>137.935</v>
      </c>
      <c r="C1164">
        <v>198.09200000000001</v>
      </c>
      <c r="D1164">
        <v>6083.46</v>
      </c>
      <c r="E1164">
        <v>2.1102400000000001</v>
      </c>
      <c r="F1164">
        <v>8238.3799999999992</v>
      </c>
      <c r="G1164">
        <v>11.8962</v>
      </c>
    </row>
    <row r="1165" spans="1:7" x14ac:dyDescent="0.25">
      <c r="A1165">
        <v>12</v>
      </c>
      <c r="B1165">
        <v>156.202</v>
      </c>
      <c r="C1165">
        <v>196.83199999999999</v>
      </c>
      <c r="D1165">
        <v>3004.72</v>
      </c>
      <c r="E1165">
        <v>1.54331</v>
      </c>
      <c r="F1165">
        <v>5700.32</v>
      </c>
      <c r="G1165">
        <v>22.826499999999999</v>
      </c>
    </row>
    <row r="1166" spans="1:7" x14ac:dyDescent="0.25">
      <c r="A1166">
        <v>12</v>
      </c>
      <c r="B1166">
        <v>137.935</v>
      </c>
      <c r="C1166">
        <v>198.09200000000001</v>
      </c>
      <c r="D1166">
        <v>6083.46</v>
      </c>
      <c r="E1166">
        <v>2.1102400000000001</v>
      </c>
      <c r="F1166">
        <v>8238.3799999999992</v>
      </c>
      <c r="G1166">
        <v>11.8962</v>
      </c>
    </row>
    <row r="1167" spans="1:7" x14ac:dyDescent="0.25">
      <c r="A1167">
        <v>12</v>
      </c>
      <c r="B1167">
        <v>161.24199999999999</v>
      </c>
      <c r="C1167">
        <v>204.70599999999999</v>
      </c>
      <c r="D1167">
        <v>2335.4299999999998</v>
      </c>
      <c r="E1167">
        <v>3.7165400000000002</v>
      </c>
      <c r="F1167">
        <v>3775</v>
      </c>
      <c r="G1167">
        <v>49.923200000000001</v>
      </c>
    </row>
    <row r="1168" spans="1:7" x14ac:dyDescent="0.25">
      <c r="A1168">
        <v>12</v>
      </c>
      <c r="B1168">
        <v>156.202</v>
      </c>
      <c r="C1168">
        <v>195.572</v>
      </c>
      <c r="D1168">
        <v>3004.72</v>
      </c>
      <c r="E1168">
        <v>1.6377999999999999</v>
      </c>
      <c r="F1168">
        <v>5544</v>
      </c>
      <c r="G1168">
        <v>23.644500000000001</v>
      </c>
    </row>
    <row r="1169" spans="1:7" x14ac:dyDescent="0.25">
      <c r="A1169">
        <v>12</v>
      </c>
      <c r="B1169">
        <v>168.80099999999999</v>
      </c>
      <c r="C1169">
        <v>195.572</v>
      </c>
      <c r="D1169">
        <v>3406.3</v>
      </c>
      <c r="E1169">
        <v>1.6141700000000001</v>
      </c>
      <c r="F1169">
        <v>5485.25</v>
      </c>
      <c r="G1169">
        <v>23.9512</v>
      </c>
    </row>
    <row r="1170" spans="1:7" x14ac:dyDescent="0.25">
      <c r="A1170">
        <v>12</v>
      </c>
      <c r="B1170">
        <v>141.084</v>
      </c>
      <c r="C1170">
        <v>195.572</v>
      </c>
      <c r="D1170">
        <v>6083.46</v>
      </c>
      <c r="E1170">
        <v>3.59843</v>
      </c>
      <c r="F1170">
        <v>7435.91</v>
      </c>
      <c r="G1170">
        <v>16.470400000000001</v>
      </c>
    </row>
    <row r="1171" spans="1:7" x14ac:dyDescent="0.25">
      <c r="A1171">
        <v>13</v>
      </c>
      <c r="B1171">
        <v>165.65100000000001</v>
      </c>
      <c r="C1171">
        <v>195.887</v>
      </c>
      <c r="D1171">
        <v>7288.19</v>
      </c>
      <c r="E1171">
        <v>1.89764</v>
      </c>
      <c r="F1171">
        <v>6942.38</v>
      </c>
      <c r="G1171">
        <v>24.9282</v>
      </c>
    </row>
    <row r="1172" spans="1:7" x14ac:dyDescent="0.25">
      <c r="A1172">
        <v>13</v>
      </c>
      <c r="B1172">
        <v>172.58</v>
      </c>
      <c r="C1172">
        <v>202.18700000000001</v>
      </c>
      <c r="D1172">
        <v>1933.86</v>
      </c>
      <c r="E1172">
        <v>3.7873999999999999</v>
      </c>
      <c r="F1172">
        <v>3178.51</v>
      </c>
      <c r="G1172">
        <v>106.667</v>
      </c>
    </row>
    <row r="1173" spans="1:7" x14ac:dyDescent="0.25">
      <c r="A1173">
        <v>13</v>
      </c>
      <c r="B1173">
        <v>166.28100000000001</v>
      </c>
      <c r="C1173">
        <v>201.87200000000001</v>
      </c>
      <c r="D1173">
        <v>1800</v>
      </c>
      <c r="E1173">
        <v>3.8110200000000001</v>
      </c>
      <c r="F1173">
        <v>3182.38</v>
      </c>
      <c r="G1173">
        <v>74.304599999999994</v>
      </c>
    </row>
    <row r="1174" spans="1:7" x14ac:dyDescent="0.25">
      <c r="A1174">
        <v>13</v>
      </c>
      <c r="B1174">
        <v>142.97399999999999</v>
      </c>
      <c r="C1174">
        <v>200.92699999999999</v>
      </c>
      <c r="D1174">
        <v>6083.46</v>
      </c>
      <c r="E1174">
        <v>3.59843</v>
      </c>
      <c r="F1174">
        <v>7436.67</v>
      </c>
      <c r="G1174">
        <v>20.6678</v>
      </c>
    </row>
    <row r="1175" spans="1:7" x14ac:dyDescent="0.25">
      <c r="A1175">
        <v>13</v>
      </c>
      <c r="B1175">
        <v>135.41499999999999</v>
      </c>
      <c r="C1175">
        <v>204.39099999999999</v>
      </c>
      <c r="D1175">
        <v>6618.9</v>
      </c>
      <c r="E1175">
        <v>3.4330699999999998</v>
      </c>
      <c r="F1175">
        <v>8103.9</v>
      </c>
      <c r="G1175">
        <v>23.0367</v>
      </c>
    </row>
    <row r="1176" spans="1:7" x14ac:dyDescent="0.25">
      <c r="A1176">
        <v>13</v>
      </c>
      <c r="B1176">
        <v>142.97399999999999</v>
      </c>
      <c r="C1176">
        <v>181.084</v>
      </c>
      <c r="D1176">
        <v>2870.87</v>
      </c>
      <c r="E1176">
        <v>3.4094500000000001</v>
      </c>
      <c r="F1176">
        <v>5043.3100000000004</v>
      </c>
      <c r="G1176">
        <v>94.4482</v>
      </c>
    </row>
    <row r="1177" spans="1:7" x14ac:dyDescent="0.25">
      <c r="A1177">
        <v>13</v>
      </c>
      <c r="B1177">
        <v>140.45400000000001</v>
      </c>
      <c r="C1177">
        <v>203.446</v>
      </c>
      <c r="D1177">
        <v>1800</v>
      </c>
      <c r="E1177">
        <v>3.7165400000000002</v>
      </c>
      <c r="F1177">
        <v>3609.01</v>
      </c>
      <c r="G1177">
        <v>125.075</v>
      </c>
    </row>
    <row r="1178" spans="1:7" x14ac:dyDescent="0.25">
      <c r="A1178">
        <v>13</v>
      </c>
      <c r="B1178">
        <v>165.02099999999999</v>
      </c>
      <c r="C1178">
        <v>202.18700000000001</v>
      </c>
      <c r="D1178">
        <v>2469.29</v>
      </c>
      <c r="E1178">
        <v>3.3385799999999999</v>
      </c>
      <c r="F1178">
        <v>3909.01</v>
      </c>
      <c r="G1178">
        <v>83.331800000000001</v>
      </c>
    </row>
    <row r="1179" spans="1:7" x14ac:dyDescent="0.25">
      <c r="A1179">
        <v>13</v>
      </c>
      <c r="B1179">
        <v>135.41499999999999</v>
      </c>
      <c r="C1179">
        <v>211.63499999999999</v>
      </c>
      <c r="D1179">
        <v>6217.32</v>
      </c>
      <c r="E1179">
        <v>3.8818899999999998</v>
      </c>
      <c r="F1179">
        <v>7680.01</v>
      </c>
      <c r="G1179">
        <v>28.318899999999999</v>
      </c>
    </row>
    <row r="1180" spans="1:7" x14ac:dyDescent="0.25">
      <c r="A1180">
        <v>13</v>
      </c>
      <c r="B1180">
        <v>164.39099999999999</v>
      </c>
      <c r="C1180">
        <v>200.92699999999999</v>
      </c>
      <c r="D1180">
        <v>6083.46</v>
      </c>
      <c r="E1180">
        <v>3.59843</v>
      </c>
      <c r="F1180">
        <v>7131.83</v>
      </c>
      <c r="G1180">
        <v>81.982699999999994</v>
      </c>
    </row>
    <row r="1181" spans="1:7" x14ac:dyDescent="0.25">
      <c r="A1181">
        <v>13</v>
      </c>
      <c r="B1181">
        <v>161.24199999999999</v>
      </c>
      <c r="C1181">
        <v>204.39099999999999</v>
      </c>
      <c r="D1181">
        <v>1800</v>
      </c>
      <c r="E1181">
        <v>3.8110200000000001</v>
      </c>
      <c r="F1181">
        <v>3311.97</v>
      </c>
      <c r="G1181">
        <v>79.545500000000004</v>
      </c>
    </row>
    <row r="1182" spans="1:7" x14ac:dyDescent="0.25">
      <c r="A1182">
        <v>13</v>
      </c>
      <c r="B1182">
        <v>174.47</v>
      </c>
      <c r="C1182">
        <v>200.92699999999999</v>
      </c>
      <c r="D1182">
        <v>1800</v>
      </c>
      <c r="E1182">
        <v>3.9763799999999998</v>
      </c>
      <c r="F1182">
        <v>3087.32</v>
      </c>
      <c r="G1182">
        <v>106.405</v>
      </c>
    </row>
    <row r="1183" spans="1:7" x14ac:dyDescent="0.25">
      <c r="A1183">
        <v>13</v>
      </c>
      <c r="B1183">
        <v>155.572</v>
      </c>
      <c r="C1183">
        <v>209.74600000000001</v>
      </c>
      <c r="D1183">
        <v>7288.19</v>
      </c>
      <c r="E1183">
        <v>3.6929099999999999</v>
      </c>
      <c r="F1183">
        <v>8510.42</v>
      </c>
      <c r="G1183">
        <v>40.834299999999999</v>
      </c>
    </row>
    <row r="1184" spans="1:7" x14ac:dyDescent="0.25">
      <c r="A1184">
        <v>13</v>
      </c>
      <c r="B1184">
        <v>160.61199999999999</v>
      </c>
      <c r="C1184">
        <v>200.92699999999999</v>
      </c>
      <c r="D1184">
        <v>2335.4299999999998</v>
      </c>
      <c r="E1184">
        <v>3.8110200000000001</v>
      </c>
      <c r="F1184">
        <v>3802.87</v>
      </c>
      <c r="G1184">
        <v>53.109400000000001</v>
      </c>
    </row>
    <row r="1185" spans="1:7" x14ac:dyDescent="0.25">
      <c r="A1185">
        <v>13</v>
      </c>
      <c r="B1185">
        <v>145.494</v>
      </c>
      <c r="C1185">
        <v>195.887</v>
      </c>
      <c r="D1185">
        <v>15855.1</v>
      </c>
      <c r="E1185">
        <v>3.59843</v>
      </c>
      <c r="F1185">
        <v>17128.900000000001</v>
      </c>
      <c r="G1185">
        <v>27.284300000000002</v>
      </c>
    </row>
    <row r="1186" spans="1:7" x14ac:dyDescent="0.25">
      <c r="A1186">
        <v>13</v>
      </c>
      <c r="B1186">
        <v>156.202</v>
      </c>
      <c r="C1186">
        <v>211.006</v>
      </c>
      <c r="D1186">
        <v>6083.46</v>
      </c>
      <c r="E1186">
        <v>3.3385799999999999</v>
      </c>
      <c r="F1186">
        <v>7378</v>
      </c>
      <c r="G1186">
        <v>42.273099999999999</v>
      </c>
    </row>
    <row r="1187" spans="1:7" x14ac:dyDescent="0.25">
      <c r="A1187">
        <v>13</v>
      </c>
      <c r="B1187">
        <v>171.95</v>
      </c>
      <c r="C1187">
        <v>200.92699999999999</v>
      </c>
      <c r="D1187">
        <v>6083.46</v>
      </c>
      <c r="E1187">
        <v>3.4094500000000001</v>
      </c>
      <c r="F1187">
        <v>3875.81</v>
      </c>
      <c r="G1187">
        <v>107.238</v>
      </c>
    </row>
    <row r="1188" spans="1:7" x14ac:dyDescent="0.25">
      <c r="A1188">
        <v>13</v>
      </c>
      <c r="B1188">
        <v>155.572</v>
      </c>
      <c r="C1188">
        <v>199.982</v>
      </c>
      <c r="D1188">
        <v>1933.86</v>
      </c>
      <c r="E1188">
        <v>3.9763799999999998</v>
      </c>
      <c r="F1188">
        <v>3486.88</v>
      </c>
      <c r="G1188">
        <v>91.461299999999994</v>
      </c>
    </row>
    <row r="1189" spans="1:7" x14ac:dyDescent="0.25">
      <c r="A1189">
        <v>13</v>
      </c>
      <c r="B1189">
        <v>163.761</v>
      </c>
      <c r="C1189">
        <v>200.61199999999999</v>
      </c>
      <c r="D1189">
        <v>2335.4299999999998</v>
      </c>
      <c r="E1189">
        <v>1.1653500000000001</v>
      </c>
      <c r="F1189">
        <v>5435.06</v>
      </c>
      <c r="G1189">
        <v>23.8245</v>
      </c>
    </row>
    <row r="1190" spans="1:7" x14ac:dyDescent="0.25">
      <c r="A1190">
        <v>13</v>
      </c>
      <c r="B1190">
        <v>148.01300000000001</v>
      </c>
      <c r="C1190">
        <v>195.887</v>
      </c>
      <c r="D1190">
        <v>6083.46</v>
      </c>
      <c r="E1190">
        <v>1.89764</v>
      </c>
      <c r="F1190">
        <v>8231.67</v>
      </c>
      <c r="G1190">
        <v>28.450700000000001</v>
      </c>
    </row>
    <row r="1191" spans="1:7" x14ac:dyDescent="0.25">
      <c r="A1191">
        <v>13</v>
      </c>
      <c r="B1191">
        <v>137.935</v>
      </c>
      <c r="C1191">
        <v>203.131</v>
      </c>
      <c r="D1191">
        <v>2335.4299999999998</v>
      </c>
      <c r="E1191">
        <v>1.92126</v>
      </c>
      <c r="F1191">
        <v>5016.8</v>
      </c>
      <c r="G1191">
        <v>93.716200000000001</v>
      </c>
    </row>
    <row r="1192" spans="1:7" x14ac:dyDescent="0.25">
      <c r="A1192">
        <v>13</v>
      </c>
      <c r="B1192">
        <v>162.50200000000001</v>
      </c>
      <c r="C1192">
        <v>200.61199999999999</v>
      </c>
      <c r="D1192">
        <v>1800</v>
      </c>
      <c r="E1192">
        <v>3.7873999999999999</v>
      </c>
      <c r="F1192">
        <v>3347.42</v>
      </c>
      <c r="G1192">
        <v>76.0976</v>
      </c>
    </row>
    <row r="1193" spans="1:7" x14ac:dyDescent="0.25">
      <c r="A1193">
        <v>13</v>
      </c>
      <c r="B1193">
        <v>168.80099999999999</v>
      </c>
      <c r="C1193">
        <v>201.24199999999999</v>
      </c>
      <c r="D1193">
        <v>6083.46</v>
      </c>
      <c r="E1193">
        <v>3.9763799999999998</v>
      </c>
      <c r="F1193">
        <v>4526.42</v>
      </c>
      <c r="G1193">
        <v>100.876</v>
      </c>
    </row>
    <row r="1194" spans="1:7" x14ac:dyDescent="0.25">
      <c r="A1194">
        <v>13</v>
      </c>
      <c r="B1194">
        <v>161.24199999999999</v>
      </c>
      <c r="C1194">
        <v>202.81700000000001</v>
      </c>
      <c r="D1194">
        <v>2335.4299999999998</v>
      </c>
      <c r="E1194">
        <v>3.8110200000000001</v>
      </c>
      <c r="F1194">
        <v>3748.22</v>
      </c>
      <c r="G1194">
        <v>49.7836</v>
      </c>
    </row>
    <row r="1195" spans="1:7" x14ac:dyDescent="0.25">
      <c r="A1195">
        <v>13</v>
      </c>
      <c r="B1195">
        <v>141.084</v>
      </c>
      <c r="C1195">
        <v>195.572</v>
      </c>
      <c r="D1195">
        <v>7154.33</v>
      </c>
      <c r="E1195">
        <v>3.9763799999999998</v>
      </c>
      <c r="F1195">
        <v>8670.41</v>
      </c>
      <c r="G1195">
        <v>19.5427</v>
      </c>
    </row>
    <row r="1196" spans="1:7" x14ac:dyDescent="0.25">
      <c r="A1196">
        <v>13</v>
      </c>
      <c r="B1196">
        <v>161.24199999999999</v>
      </c>
      <c r="C1196">
        <v>204.70599999999999</v>
      </c>
      <c r="D1196">
        <v>1933.86</v>
      </c>
      <c r="E1196">
        <v>3.8110200000000001</v>
      </c>
      <c r="F1196">
        <v>3412.42</v>
      </c>
      <c r="G1196">
        <v>69.590400000000002</v>
      </c>
    </row>
    <row r="1197" spans="1:7" x14ac:dyDescent="0.25">
      <c r="A1197">
        <v>13</v>
      </c>
      <c r="B1197">
        <v>161.24199999999999</v>
      </c>
      <c r="C1197">
        <v>204.70599999999999</v>
      </c>
      <c r="D1197">
        <v>2335.4299999999998</v>
      </c>
      <c r="E1197">
        <v>3.7873999999999999</v>
      </c>
      <c r="F1197">
        <v>3754.72</v>
      </c>
      <c r="G1197">
        <v>49.822800000000001</v>
      </c>
    </row>
    <row r="1198" spans="1:7" x14ac:dyDescent="0.25">
      <c r="A1198">
        <v>13</v>
      </c>
      <c r="B1198">
        <v>137.935</v>
      </c>
      <c r="C1198">
        <v>200.297</v>
      </c>
      <c r="D1198">
        <v>6083.46</v>
      </c>
      <c r="E1198">
        <v>1.99213</v>
      </c>
      <c r="F1198">
        <v>8352.49</v>
      </c>
      <c r="G1198">
        <v>12.1572</v>
      </c>
    </row>
    <row r="1199" spans="1:7" x14ac:dyDescent="0.25">
      <c r="A1199">
        <v>13</v>
      </c>
      <c r="B1199">
        <v>161.24199999999999</v>
      </c>
      <c r="C1199">
        <v>195.887</v>
      </c>
      <c r="D1199">
        <v>3004.72</v>
      </c>
      <c r="E1199">
        <v>3.8110200000000001</v>
      </c>
      <c r="F1199">
        <v>4270.53</v>
      </c>
      <c r="G1199">
        <v>28.418800000000001</v>
      </c>
    </row>
    <row r="1200" spans="1:7" x14ac:dyDescent="0.25">
      <c r="A1200">
        <v>13</v>
      </c>
      <c r="B1200">
        <v>163.131</v>
      </c>
      <c r="C1200">
        <v>200.297</v>
      </c>
      <c r="D1200">
        <v>2870.87</v>
      </c>
      <c r="E1200">
        <v>2.5590600000000001</v>
      </c>
      <c r="F1200">
        <v>4465.1499999999996</v>
      </c>
      <c r="G1200">
        <v>27.772099999999998</v>
      </c>
    </row>
    <row r="1201" spans="1:7" x14ac:dyDescent="0.25">
      <c r="A1201">
        <v>13</v>
      </c>
      <c r="B1201">
        <v>141.084</v>
      </c>
      <c r="C1201">
        <v>195.887</v>
      </c>
      <c r="D1201">
        <v>6083.46</v>
      </c>
      <c r="E1201">
        <v>3.6220500000000002</v>
      </c>
      <c r="F1201">
        <v>7421.91</v>
      </c>
      <c r="G1201">
        <v>16.4617</v>
      </c>
    </row>
    <row r="1202" spans="1:7" x14ac:dyDescent="0.25">
      <c r="A1202">
        <v>13</v>
      </c>
      <c r="B1202">
        <v>142.97399999999999</v>
      </c>
      <c r="C1202">
        <v>200.297</v>
      </c>
      <c r="D1202">
        <v>6083.46</v>
      </c>
      <c r="E1202">
        <v>2.0866099999999999</v>
      </c>
      <c r="F1202">
        <v>8301.07</v>
      </c>
      <c r="G1202">
        <v>22.092700000000001</v>
      </c>
    </row>
    <row r="1203" spans="1:7" x14ac:dyDescent="0.25">
      <c r="A1203">
        <v>13</v>
      </c>
      <c r="B1203">
        <v>140.45400000000001</v>
      </c>
      <c r="C1203">
        <v>204.70599999999999</v>
      </c>
      <c r="D1203">
        <v>6618.9</v>
      </c>
      <c r="E1203">
        <v>3.8818899999999998</v>
      </c>
      <c r="F1203">
        <v>7924.84</v>
      </c>
      <c r="G1203">
        <v>18.409800000000001</v>
      </c>
    </row>
    <row r="1204" spans="1:7" x14ac:dyDescent="0.25">
      <c r="A1204">
        <v>13</v>
      </c>
      <c r="B1204">
        <v>166.28100000000001</v>
      </c>
      <c r="C1204">
        <v>203.131</v>
      </c>
      <c r="D1204">
        <v>6083.46</v>
      </c>
      <c r="E1204">
        <v>3.8110200000000001</v>
      </c>
      <c r="F1204">
        <v>5962.81</v>
      </c>
      <c r="G1204">
        <v>81.188999999999993</v>
      </c>
    </row>
    <row r="1205" spans="1:7" x14ac:dyDescent="0.25">
      <c r="A1205">
        <v>13</v>
      </c>
      <c r="B1205">
        <v>160.61199999999999</v>
      </c>
      <c r="C1205">
        <v>200.92699999999999</v>
      </c>
      <c r="D1205">
        <v>2335.4299999999998</v>
      </c>
      <c r="E1205">
        <v>2.9606300000000001</v>
      </c>
      <c r="F1205">
        <v>3953.79</v>
      </c>
      <c r="G1205">
        <v>30.044599999999999</v>
      </c>
    </row>
    <row r="1206" spans="1:7" x14ac:dyDescent="0.25">
      <c r="A1206">
        <v>13</v>
      </c>
      <c r="B1206">
        <v>140.45400000000001</v>
      </c>
      <c r="C1206">
        <v>210.691</v>
      </c>
      <c r="D1206">
        <v>6618.9</v>
      </c>
      <c r="E1206">
        <v>3.4330699999999998</v>
      </c>
      <c r="F1206">
        <v>8150.62</v>
      </c>
      <c r="G1206">
        <v>18.583200000000001</v>
      </c>
    </row>
    <row r="1207" spans="1:7" x14ac:dyDescent="0.25">
      <c r="A1207">
        <v>13</v>
      </c>
      <c r="B1207">
        <v>161.87200000000001</v>
      </c>
      <c r="C1207">
        <v>198.40700000000001</v>
      </c>
      <c r="D1207">
        <v>6217.32</v>
      </c>
      <c r="E1207">
        <v>3.8110200000000001</v>
      </c>
      <c r="F1207">
        <v>7312.11</v>
      </c>
      <c r="G1207">
        <v>29.7806</v>
      </c>
    </row>
    <row r="1208" spans="1:7" x14ac:dyDescent="0.25">
      <c r="A1208">
        <v>13</v>
      </c>
      <c r="B1208">
        <v>161.24199999999999</v>
      </c>
      <c r="C1208">
        <v>204.39099999999999</v>
      </c>
      <c r="D1208">
        <v>2870.87</v>
      </c>
      <c r="E1208">
        <v>3.7873999999999999</v>
      </c>
      <c r="F1208">
        <v>4137.8</v>
      </c>
      <c r="G1208">
        <v>28.374600000000001</v>
      </c>
    </row>
    <row r="1209" spans="1:7" x14ac:dyDescent="0.25">
      <c r="A1209">
        <v>13</v>
      </c>
      <c r="B1209">
        <v>166.28100000000001</v>
      </c>
      <c r="C1209">
        <v>195.887</v>
      </c>
      <c r="D1209">
        <v>6217.32</v>
      </c>
      <c r="E1209">
        <v>3.7873999999999999</v>
      </c>
      <c r="F1209">
        <v>5961.94</v>
      </c>
      <c r="G1209">
        <v>81.245099999999994</v>
      </c>
    </row>
    <row r="1210" spans="1:7" x14ac:dyDescent="0.25">
      <c r="A1210">
        <v>13</v>
      </c>
      <c r="B1210">
        <v>165.65100000000001</v>
      </c>
      <c r="C1210">
        <v>204.70599999999999</v>
      </c>
      <c r="D1210">
        <v>1800</v>
      </c>
      <c r="E1210">
        <v>3.6929099999999999</v>
      </c>
      <c r="F1210">
        <v>3294.17</v>
      </c>
      <c r="G1210">
        <v>68.730099999999993</v>
      </c>
    </row>
    <row r="1211" spans="1:7" x14ac:dyDescent="0.25">
      <c r="A1211">
        <v>13</v>
      </c>
      <c r="B1211">
        <v>161.87200000000001</v>
      </c>
      <c r="C1211">
        <v>202.18700000000001</v>
      </c>
      <c r="D1211">
        <v>2469.29</v>
      </c>
      <c r="E1211">
        <v>2.2755899999999998</v>
      </c>
      <c r="F1211">
        <v>4552.22</v>
      </c>
      <c r="G1211">
        <v>32.374200000000002</v>
      </c>
    </row>
    <row r="1212" spans="1:7" x14ac:dyDescent="0.25">
      <c r="A1212">
        <v>13</v>
      </c>
      <c r="B1212">
        <v>156.202</v>
      </c>
      <c r="C1212">
        <v>198.40700000000001</v>
      </c>
      <c r="D1212">
        <v>2335.4299999999998</v>
      </c>
      <c r="E1212">
        <v>3.0551200000000001</v>
      </c>
      <c r="F1212">
        <v>4032.43</v>
      </c>
      <c r="G1212">
        <v>58.396500000000003</v>
      </c>
    </row>
    <row r="1213" spans="1:7" x14ac:dyDescent="0.25">
      <c r="A1213">
        <v>13</v>
      </c>
      <c r="B1213">
        <v>137.935</v>
      </c>
      <c r="C1213">
        <v>200.92699999999999</v>
      </c>
      <c r="D1213">
        <v>6083.46</v>
      </c>
      <c r="E1213">
        <v>3.59843</v>
      </c>
      <c r="F1213">
        <v>7519.59</v>
      </c>
      <c r="G1213">
        <v>21.314399999999999</v>
      </c>
    </row>
    <row r="1214" spans="1:7" x14ac:dyDescent="0.25">
      <c r="A1214">
        <v>13</v>
      </c>
      <c r="B1214">
        <v>168.17099999999999</v>
      </c>
      <c r="C1214">
        <v>195.572</v>
      </c>
      <c r="D1214">
        <v>6083.46</v>
      </c>
      <c r="E1214">
        <v>1.92126</v>
      </c>
      <c r="F1214">
        <v>5233.4399999999996</v>
      </c>
      <c r="G1214">
        <v>95.881500000000003</v>
      </c>
    </row>
    <row r="1215" spans="1:7" x14ac:dyDescent="0.25">
      <c r="A1215">
        <v>13</v>
      </c>
      <c r="B1215">
        <v>171.32</v>
      </c>
      <c r="C1215">
        <v>201.55699999999999</v>
      </c>
      <c r="D1215">
        <v>1800</v>
      </c>
      <c r="E1215">
        <v>3.8110200000000001</v>
      </c>
      <c r="F1215">
        <v>3115.28</v>
      </c>
      <c r="G1215">
        <v>103.167</v>
      </c>
    </row>
    <row r="1216" spans="1:7" x14ac:dyDescent="0.25">
      <c r="A1216">
        <v>13</v>
      </c>
      <c r="B1216">
        <v>165.65100000000001</v>
      </c>
      <c r="C1216">
        <v>198.72200000000001</v>
      </c>
      <c r="D1216">
        <v>7288.19</v>
      </c>
      <c r="E1216">
        <v>2.2755899999999998</v>
      </c>
      <c r="F1216">
        <v>6609.41</v>
      </c>
      <c r="G1216">
        <v>88.819500000000005</v>
      </c>
    </row>
    <row r="1217" spans="1:7" x14ac:dyDescent="0.25">
      <c r="A1217">
        <v>13</v>
      </c>
      <c r="B1217">
        <v>161.24199999999999</v>
      </c>
      <c r="C1217">
        <v>196.202</v>
      </c>
      <c r="D1217">
        <v>1933.86</v>
      </c>
      <c r="E1217">
        <v>2.6771699999999998</v>
      </c>
      <c r="F1217">
        <v>3802.47</v>
      </c>
      <c r="G1217">
        <v>69.5441</v>
      </c>
    </row>
    <row r="1218" spans="1:7" x14ac:dyDescent="0.25">
      <c r="A1218">
        <v>13</v>
      </c>
      <c r="B1218">
        <v>140.45400000000001</v>
      </c>
      <c r="C1218">
        <v>203.131</v>
      </c>
      <c r="D1218">
        <v>1800</v>
      </c>
      <c r="E1218">
        <v>3.4094500000000001</v>
      </c>
      <c r="F1218">
        <v>3656.18</v>
      </c>
      <c r="G1218">
        <v>120.73399999999999</v>
      </c>
    </row>
    <row r="1219" spans="1:7" x14ac:dyDescent="0.25">
      <c r="A1219">
        <v>13</v>
      </c>
      <c r="B1219">
        <v>155.572</v>
      </c>
      <c r="C1219">
        <v>195.25700000000001</v>
      </c>
      <c r="D1219">
        <v>7288.19</v>
      </c>
      <c r="E1219">
        <v>2.2755899999999998</v>
      </c>
      <c r="F1219">
        <v>9428.2800000000007</v>
      </c>
      <c r="G1219">
        <v>38.585599999999999</v>
      </c>
    </row>
    <row r="1220" spans="1:7" x14ac:dyDescent="0.25">
      <c r="A1220">
        <v>13</v>
      </c>
      <c r="B1220">
        <v>165.65100000000001</v>
      </c>
      <c r="C1220">
        <v>176.04499999999999</v>
      </c>
      <c r="D1220">
        <v>1933.86</v>
      </c>
      <c r="E1220">
        <v>3.7873999999999999</v>
      </c>
      <c r="F1220">
        <v>3862.54</v>
      </c>
      <c r="G1220">
        <v>75.172700000000006</v>
      </c>
    </row>
    <row r="1221" spans="1:7" x14ac:dyDescent="0.25">
      <c r="A1221">
        <v>13</v>
      </c>
      <c r="B1221">
        <v>156.202</v>
      </c>
      <c r="C1221">
        <v>201.24199999999999</v>
      </c>
      <c r="D1221">
        <v>2335.4299999999998</v>
      </c>
      <c r="E1221">
        <v>3.6929099999999999</v>
      </c>
      <c r="F1221">
        <v>3830.04</v>
      </c>
      <c r="G1221">
        <v>57.452199999999998</v>
      </c>
    </row>
    <row r="1222" spans="1:7" x14ac:dyDescent="0.25">
      <c r="A1222">
        <v>13</v>
      </c>
      <c r="B1222">
        <v>148.01300000000001</v>
      </c>
      <c r="C1222">
        <v>200.92699999999999</v>
      </c>
      <c r="D1222">
        <v>6217.32</v>
      </c>
      <c r="E1222">
        <v>3.59843</v>
      </c>
      <c r="F1222">
        <v>7526.39</v>
      </c>
      <c r="G1222">
        <v>29.004999999999999</v>
      </c>
    </row>
    <row r="1223" spans="1:7" x14ac:dyDescent="0.25">
      <c r="A1223">
        <v>13</v>
      </c>
      <c r="B1223">
        <v>171.32</v>
      </c>
      <c r="C1223">
        <v>196.202</v>
      </c>
      <c r="D1223">
        <v>1933.86</v>
      </c>
      <c r="E1223">
        <v>3.7873999999999999</v>
      </c>
      <c r="F1223">
        <v>3259.25</v>
      </c>
      <c r="G1223">
        <v>105.49</v>
      </c>
    </row>
    <row r="1224" spans="1:7" x14ac:dyDescent="0.25">
      <c r="A1224">
        <v>13</v>
      </c>
      <c r="B1224">
        <v>156.202</v>
      </c>
      <c r="C1224">
        <v>203.131</v>
      </c>
      <c r="D1224">
        <v>1800</v>
      </c>
      <c r="E1224">
        <v>3.0551200000000001</v>
      </c>
      <c r="F1224">
        <v>3629.35</v>
      </c>
      <c r="G1224">
        <v>84.853200000000001</v>
      </c>
    </row>
    <row r="1225" spans="1:7" x14ac:dyDescent="0.25">
      <c r="A1225">
        <v>13</v>
      </c>
      <c r="B1225">
        <v>166.28100000000001</v>
      </c>
      <c r="C1225">
        <v>204.70599999999999</v>
      </c>
      <c r="D1225">
        <v>2335.4299999999998</v>
      </c>
      <c r="E1225">
        <v>3.8110200000000001</v>
      </c>
      <c r="F1225">
        <v>3584.22</v>
      </c>
      <c r="G1225">
        <v>77.358999999999995</v>
      </c>
    </row>
    <row r="1226" spans="1:7" x14ac:dyDescent="0.25">
      <c r="A1226">
        <v>13</v>
      </c>
      <c r="B1226">
        <v>163.761</v>
      </c>
      <c r="C1226">
        <v>201.87200000000001</v>
      </c>
      <c r="D1226">
        <v>1800</v>
      </c>
      <c r="E1226">
        <v>2.29921</v>
      </c>
      <c r="F1226">
        <v>3939.48</v>
      </c>
      <c r="G1226">
        <v>73.017300000000006</v>
      </c>
    </row>
    <row r="1227" spans="1:7" x14ac:dyDescent="0.25">
      <c r="A1227">
        <v>13</v>
      </c>
      <c r="B1227">
        <v>161.24199999999999</v>
      </c>
      <c r="C1227">
        <v>195.887</v>
      </c>
      <c r="D1227">
        <v>3004.72</v>
      </c>
      <c r="E1227">
        <v>3.0314999999999999</v>
      </c>
      <c r="F1227">
        <v>4489.96</v>
      </c>
      <c r="G1227">
        <v>26.581600000000002</v>
      </c>
    </row>
    <row r="1228" spans="1:7" x14ac:dyDescent="0.25">
      <c r="A1228">
        <v>13</v>
      </c>
      <c r="B1228">
        <v>172.58</v>
      </c>
      <c r="C1228">
        <v>201.24199999999999</v>
      </c>
      <c r="D1228">
        <v>2335.4299999999998</v>
      </c>
      <c r="E1228">
        <v>3.7873999999999999</v>
      </c>
      <c r="F1228">
        <v>3449.41</v>
      </c>
      <c r="G1228">
        <v>106.667</v>
      </c>
    </row>
    <row r="1229" spans="1:7" x14ac:dyDescent="0.25">
      <c r="A1229">
        <v>13</v>
      </c>
      <c r="B1229">
        <v>165.65100000000001</v>
      </c>
      <c r="C1229">
        <v>195.887</v>
      </c>
      <c r="D1229">
        <v>2870.87</v>
      </c>
      <c r="E1229">
        <v>2.2755899999999998</v>
      </c>
      <c r="F1229">
        <v>4555.57</v>
      </c>
      <c r="G1229">
        <v>88.819500000000005</v>
      </c>
    </row>
    <row r="1230" spans="1:7" x14ac:dyDescent="0.25">
      <c r="A1230">
        <v>13</v>
      </c>
      <c r="B1230">
        <v>156.202</v>
      </c>
      <c r="C1230">
        <v>195.25700000000001</v>
      </c>
      <c r="D1230">
        <v>2870.87</v>
      </c>
      <c r="E1230">
        <v>3.6929099999999999</v>
      </c>
      <c r="F1230">
        <v>4353.03</v>
      </c>
      <c r="G1230">
        <v>34.8384</v>
      </c>
    </row>
    <row r="1231" spans="1:7" x14ac:dyDescent="0.25">
      <c r="A1231">
        <v>13</v>
      </c>
      <c r="B1231">
        <v>166.28100000000001</v>
      </c>
      <c r="C1231">
        <v>195.572</v>
      </c>
      <c r="D1231">
        <v>7288.19</v>
      </c>
      <c r="E1231">
        <v>1.02362</v>
      </c>
      <c r="F1231">
        <v>7152.81</v>
      </c>
      <c r="G1231">
        <v>19.911000000000001</v>
      </c>
    </row>
    <row r="1232" spans="1:7" x14ac:dyDescent="0.25">
      <c r="A1232">
        <v>13</v>
      </c>
      <c r="B1232">
        <v>140.45400000000001</v>
      </c>
      <c r="C1232">
        <v>198.40700000000001</v>
      </c>
      <c r="D1232">
        <v>6083.46</v>
      </c>
      <c r="E1232">
        <v>3.8110200000000001</v>
      </c>
      <c r="F1232">
        <v>7525.89</v>
      </c>
      <c r="G1232">
        <v>15.047800000000001</v>
      </c>
    </row>
    <row r="1233" spans="1:7" x14ac:dyDescent="0.25">
      <c r="A1233">
        <v>13</v>
      </c>
      <c r="B1233">
        <v>162.50200000000001</v>
      </c>
      <c r="C1233">
        <v>202.18700000000001</v>
      </c>
      <c r="D1233">
        <v>2335.4299999999998</v>
      </c>
      <c r="E1233">
        <v>2.29921</v>
      </c>
      <c r="F1233">
        <v>4373.03</v>
      </c>
      <c r="G1233">
        <v>25.35</v>
      </c>
    </row>
    <row r="1234" spans="1:7" x14ac:dyDescent="0.25">
      <c r="A1234">
        <v>13</v>
      </c>
      <c r="B1234">
        <v>137.935</v>
      </c>
      <c r="C1234">
        <v>203.131</v>
      </c>
      <c r="D1234">
        <v>6083.46</v>
      </c>
      <c r="E1234">
        <v>2.6771699999999998</v>
      </c>
      <c r="F1234">
        <v>7860.24</v>
      </c>
      <c r="G1234">
        <v>13.7896</v>
      </c>
    </row>
    <row r="1235" spans="1:7" x14ac:dyDescent="0.25">
      <c r="A1235">
        <v>13</v>
      </c>
      <c r="B1235">
        <v>141.084</v>
      </c>
      <c r="C1235">
        <v>198.72200000000001</v>
      </c>
      <c r="D1235">
        <v>6083.46</v>
      </c>
      <c r="E1235">
        <v>3.9763799999999998</v>
      </c>
      <c r="F1235">
        <v>7469.33</v>
      </c>
      <c r="G1235">
        <v>16.398399999999999</v>
      </c>
    </row>
    <row r="1236" spans="1:7" x14ac:dyDescent="0.25">
      <c r="A1236">
        <v>13</v>
      </c>
      <c r="B1236">
        <v>170.691</v>
      </c>
      <c r="C1236">
        <v>200.92699999999999</v>
      </c>
      <c r="D1236">
        <v>1800</v>
      </c>
      <c r="E1236">
        <v>3.7873999999999999</v>
      </c>
      <c r="F1236">
        <v>3157.85</v>
      </c>
      <c r="G1236">
        <v>100.657</v>
      </c>
    </row>
    <row r="1237" spans="1:7" x14ac:dyDescent="0.25">
      <c r="A1237">
        <v>13</v>
      </c>
      <c r="B1237">
        <v>163.131</v>
      </c>
      <c r="C1237">
        <v>204.07599999999999</v>
      </c>
      <c r="D1237">
        <v>2335.4299999999998</v>
      </c>
      <c r="E1237">
        <v>2.29921</v>
      </c>
      <c r="F1237">
        <v>4359.3999999999996</v>
      </c>
      <c r="G1237">
        <v>26.097200000000001</v>
      </c>
    </row>
    <row r="1238" spans="1:7" x14ac:dyDescent="0.25">
      <c r="A1238">
        <v>13</v>
      </c>
      <c r="B1238">
        <v>174.47</v>
      </c>
      <c r="C1238">
        <v>200.92699999999999</v>
      </c>
      <c r="D1238">
        <v>1800</v>
      </c>
      <c r="E1238">
        <v>3.9763799999999998</v>
      </c>
      <c r="F1238">
        <v>3087.32</v>
      </c>
      <c r="G1238">
        <v>106.405</v>
      </c>
    </row>
    <row r="1239" spans="1:7" x14ac:dyDescent="0.25">
      <c r="A1239">
        <v>13</v>
      </c>
      <c r="B1239">
        <v>161.24199999999999</v>
      </c>
      <c r="C1239">
        <v>195.572</v>
      </c>
      <c r="D1239">
        <v>2870.87</v>
      </c>
      <c r="E1239">
        <v>3.0551200000000001</v>
      </c>
      <c r="F1239">
        <v>4319</v>
      </c>
      <c r="G1239">
        <v>26.6569</v>
      </c>
    </row>
    <row r="1240" spans="1:7" x14ac:dyDescent="0.25">
      <c r="A1240">
        <v>13</v>
      </c>
      <c r="B1240">
        <v>160.61199999999999</v>
      </c>
      <c r="C1240">
        <v>213.84</v>
      </c>
      <c r="D1240">
        <v>2335.4299999999998</v>
      </c>
      <c r="E1240">
        <v>1.3307100000000001</v>
      </c>
      <c r="F1240">
        <v>5313.69</v>
      </c>
      <c r="G1240">
        <v>25.168900000000001</v>
      </c>
    </row>
    <row r="1241" spans="1:7" x14ac:dyDescent="0.25">
      <c r="A1241">
        <v>13</v>
      </c>
      <c r="B1241">
        <v>165.65100000000001</v>
      </c>
      <c r="C1241">
        <v>204.70599999999999</v>
      </c>
      <c r="D1241">
        <v>1800</v>
      </c>
      <c r="E1241">
        <v>3.6929099999999999</v>
      </c>
      <c r="F1241">
        <v>3294.17</v>
      </c>
      <c r="G1241">
        <v>68.730099999999993</v>
      </c>
    </row>
    <row r="1242" spans="1:7" x14ac:dyDescent="0.25">
      <c r="A1242">
        <v>13</v>
      </c>
      <c r="B1242">
        <v>160.61199999999999</v>
      </c>
      <c r="C1242">
        <v>200.297</v>
      </c>
      <c r="D1242">
        <v>2335.4299999999998</v>
      </c>
      <c r="E1242">
        <v>3.0551200000000001</v>
      </c>
      <c r="F1242">
        <v>3922.51</v>
      </c>
      <c r="G1242">
        <v>29.449200000000001</v>
      </c>
    </row>
    <row r="1243" spans="1:7" x14ac:dyDescent="0.25">
      <c r="A1243">
        <v>13</v>
      </c>
      <c r="B1243">
        <v>171.32</v>
      </c>
      <c r="C1243">
        <v>201.55699999999999</v>
      </c>
      <c r="D1243">
        <v>1800</v>
      </c>
      <c r="E1243">
        <v>3.8110200000000001</v>
      </c>
      <c r="F1243">
        <v>3115.28</v>
      </c>
      <c r="G1243">
        <v>103.167</v>
      </c>
    </row>
    <row r="1244" spans="1:7" x14ac:dyDescent="0.25">
      <c r="A1244">
        <v>13</v>
      </c>
      <c r="B1244">
        <v>145.494</v>
      </c>
      <c r="C1244">
        <v>195.887</v>
      </c>
      <c r="D1244">
        <v>5012.6000000000004</v>
      </c>
      <c r="E1244">
        <v>3.3149600000000001</v>
      </c>
      <c r="F1244">
        <v>6539.73</v>
      </c>
      <c r="G1244">
        <v>21.848099999999999</v>
      </c>
    </row>
    <row r="1245" spans="1:7" x14ac:dyDescent="0.25">
      <c r="A1245">
        <v>13</v>
      </c>
      <c r="B1245">
        <v>160.61199999999999</v>
      </c>
      <c r="C1245">
        <v>200.92699999999999</v>
      </c>
      <c r="D1245">
        <v>3004.72</v>
      </c>
      <c r="E1245">
        <v>3.8110200000000001</v>
      </c>
      <c r="F1245">
        <v>4216.18</v>
      </c>
      <c r="G1245">
        <v>27.2697</v>
      </c>
    </row>
    <row r="1246" spans="1:7" x14ac:dyDescent="0.25">
      <c r="A1246">
        <v>13</v>
      </c>
      <c r="B1246">
        <v>166.28100000000001</v>
      </c>
      <c r="C1246">
        <v>201.87200000000001</v>
      </c>
      <c r="D1246">
        <v>1800</v>
      </c>
      <c r="E1246">
        <v>3.8110200000000001</v>
      </c>
      <c r="F1246">
        <v>3182.38</v>
      </c>
      <c r="G1246">
        <v>74.304599999999994</v>
      </c>
    </row>
    <row r="1247" spans="1:7" x14ac:dyDescent="0.25">
      <c r="A1247">
        <v>13</v>
      </c>
      <c r="B1247">
        <v>165.65100000000001</v>
      </c>
      <c r="C1247">
        <v>199.982</v>
      </c>
      <c r="D1247">
        <v>1933.86</v>
      </c>
      <c r="E1247">
        <v>3.7873999999999999</v>
      </c>
      <c r="F1247">
        <v>3302.26</v>
      </c>
      <c r="G1247">
        <v>57.241799999999998</v>
      </c>
    </row>
    <row r="1248" spans="1:7" x14ac:dyDescent="0.25">
      <c r="A1248">
        <v>13</v>
      </c>
      <c r="B1248">
        <v>161.24199999999999</v>
      </c>
      <c r="C1248">
        <v>202.81700000000001</v>
      </c>
      <c r="D1248">
        <v>2335.4299999999998</v>
      </c>
      <c r="E1248">
        <v>3.8110200000000001</v>
      </c>
      <c r="F1248">
        <v>3748.22</v>
      </c>
      <c r="G1248">
        <v>49.7836</v>
      </c>
    </row>
    <row r="1249" spans="1:7" x14ac:dyDescent="0.25">
      <c r="A1249">
        <v>13</v>
      </c>
      <c r="B1249">
        <v>137.935</v>
      </c>
      <c r="C1249">
        <v>198.09200000000001</v>
      </c>
      <c r="D1249">
        <v>6083.46</v>
      </c>
      <c r="E1249">
        <v>2.1102400000000001</v>
      </c>
      <c r="F1249">
        <v>8238.3799999999992</v>
      </c>
      <c r="G1249">
        <v>11.8962</v>
      </c>
    </row>
    <row r="1250" spans="1:7" x14ac:dyDescent="0.25">
      <c r="A1250">
        <v>13</v>
      </c>
      <c r="B1250">
        <v>166.28100000000001</v>
      </c>
      <c r="C1250">
        <v>201.87200000000001</v>
      </c>
      <c r="D1250">
        <v>1800</v>
      </c>
      <c r="E1250">
        <v>3.8110200000000001</v>
      </c>
      <c r="F1250">
        <v>3182.38</v>
      </c>
      <c r="G1250">
        <v>74.304599999999994</v>
      </c>
    </row>
    <row r="1251" spans="1:7" x14ac:dyDescent="0.25">
      <c r="A1251">
        <v>13</v>
      </c>
      <c r="B1251">
        <v>163.131</v>
      </c>
      <c r="C1251">
        <v>197.46199999999999</v>
      </c>
      <c r="D1251">
        <v>3004.72</v>
      </c>
      <c r="E1251">
        <v>2.20472</v>
      </c>
      <c r="F1251">
        <v>4871.2700000000004</v>
      </c>
      <c r="G1251">
        <v>25.2303</v>
      </c>
    </row>
    <row r="1252" spans="1:7" x14ac:dyDescent="0.25">
      <c r="A1252">
        <v>13</v>
      </c>
      <c r="B1252">
        <v>160.61199999999999</v>
      </c>
      <c r="C1252">
        <v>196.202</v>
      </c>
      <c r="D1252">
        <v>2870.87</v>
      </c>
      <c r="E1252">
        <v>4</v>
      </c>
      <c r="F1252">
        <v>4101.1499999999996</v>
      </c>
      <c r="G1252">
        <v>27.514500000000002</v>
      </c>
    </row>
    <row r="1253" spans="1:7" x14ac:dyDescent="0.25">
      <c r="A1253">
        <v>13</v>
      </c>
      <c r="B1253">
        <v>136.04499999999999</v>
      </c>
      <c r="C1253">
        <v>195.572</v>
      </c>
      <c r="D1253">
        <v>6083.46</v>
      </c>
      <c r="E1253">
        <v>1.1653500000000001</v>
      </c>
      <c r="F1253">
        <v>9446.7000000000007</v>
      </c>
      <c r="G1253">
        <v>11.3193</v>
      </c>
    </row>
    <row r="1254" spans="1:7" x14ac:dyDescent="0.25">
      <c r="A1254">
        <v>13</v>
      </c>
      <c r="B1254">
        <v>137.935</v>
      </c>
      <c r="C1254">
        <v>198.09200000000001</v>
      </c>
      <c r="D1254">
        <v>6083.46</v>
      </c>
      <c r="E1254">
        <v>2.1102400000000001</v>
      </c>
      <c r="F1254">
        <v>8238.3799999999992</v>
      </c>
      <c r="G1254">
        <v>11.8962</v>
      </c>
    </row>
    <row r="1255" spans="1:7" x14ac:dyDescent="0.25">
      <c r="A1255">
        <v>13</v>
      </c>
      <c r="B1255">
        <v>156.202</v>
      </c>
      <c r="C1255">
        <v>196.83199999999999</v>
      </c>
      <c r="D1255">
        <v>3004.72</v>
      </c>
      <c r="E1255">
        <v>1.54331</v>
      </c>
      <c r="F1255">
        <v>5700.32</v>
      </c>
      <c r="G1255">
        <v>22.826499999999999</v>
      </c>
    </row>
    <row r="1256" spans="1:7" x14ac:dyDescent="0.25">
      <c r="A1256">
        <v>13</v>
      </c>
      <c r="B1256">
        <v>137.935</v>
      </c>
      <c r="C1256">
        <v>198.09200000000001</v>
      </c>
      <c r="D1256">
        <v>6083.46</v>
      </c>
      <c r="E1256">
        <v>2.1102400000000001</v>
      </c>
      <c r="F1256">
        <v>8238.3799999999992</v>
      </c>
      <c r="G1256">
        <v>11.8962</v>
      </c>
    </row>
    <row r="1257" spans="1:7" x14ac:dyDescent="0.25">
      <c r="A1257">
        <v>13</v>
      </c>
      <c r="B1257">
        <v>161.24199999999999</v>
      </c>
      <c r="C1257">
        <v>202.81700000000001</v>
      </c>
      <c r="D1257">
        <v>2335.4299999999998</v>
      </c>
      <c r="E1257">
        <v>3.8110200000000001</v>
      </c>
      <c r="F1257">
        <v>3748.22</v>
      </c>
      <c r="G1257">
        <v>49.7836</v>
      </c>
    </row>
    <row r="1258" spans="1:7" x14ac:dyDescent="0.25">
      <c r="A1258">
        <v>13</v>
      </c>
      <c r="B1258">
        <v>156.202</v>
      </c>
      <c r="C1258">
        <v>195.572</v>
      </c>
      <c r="D1258">
        <v>3004.72</v>
      </c>
      <c r="E1258">
        <v>1.6377999999999999</v>
      </c>
      <c r="F1258">
        <v>5544</v>
      </c>
      <c r="G1258">
        <v>23.644500000000001</v>
      </c>
    </row>
    <row r="1259" spans="1:7" x14ac:dyDescent="0.25">
      <c r="A1259">
        <v>13</v>
      </c>
      <c r="B1259">
        <v>163.761</v>
      </c>
      <c r="C1259">
        <v>200.61199999999999</v>
      </c>
      <c r="D1259">
        <v>2335.4299999999998</v>
      </c>
      <c r="E1259">
        <v>1.1653500000000001</v>
      </c>
      <c r="F1259">
        <v>5435.06</v>
      </c>
      <c r="G1259">
        <v>23.8245</v>
      </c>
    </row>
    <row r="1260" spans="1:7" x14ac:dyDescent="0.25">
      <c r="A1260">
        <v>13</v>
      </c>
      <c r="B1260">
        <v>141.084</v>
      </c>
      <c r="C1260">
        <v>195.887</v>
      </c>
      <c r="D1260">
        <v>6083.46</v>
      </c>
      <c r="E1260">
        <v>3.6220500000000002</v>
      </c>
      <c r="F1260">
        <v>7421.91</v>
      </c>
      <c r="G1260">
        <v>16.4617</v>
      </c>
    </row>
    <row r="1261" spans="1:7" x14ac:dyDescent="0.25">
      <c r="A1261">
        <v>14</v>
      </c>
      <c r="B1261">
        <v>163.761</v>
      </c>
      <c r="C1261">
        <v>200.61199999999999</v>
      </c>
      <c r="D1261">
        <v>2335.4299999999998</v>
      </c>
      <c r="E1261">
        <v>1.1653500000000001</v>
      </c>
      <c r="F1261">
        <v>5435.06</v>
      </c>
      <c r="G1261">
        <v>23.8245</v>
      </c>
    </row>
    <row r="1262" spans="1:7" x14ac:dyDescent="0.25">
      <c r="A1262">
        <v>14</v>
      </c>
      <c r="B1262">
        <v>137.935</v>
      </c>
      <c r="C1262">
        <v>200.297</v>
      </c>
      <c r="D1262">
        <v>6083.46</v>
      </c>
      <c r="E1262">
        <v>1.99213</v>
      </c>
      <c r="F1262">
        <v>8352.49</v>
      </c>
      <c r="G1262">
        <v>12.1572</v>
      </c>
    </row>
    <row r="1263" spans="1:7" x14ac:dyDescent="0.25">
      <c r="A1263">
        <v>14</v>
      </c>
      <c r="B1263">
        <v>141.084</v>
      </c>
      <c r="C1263">
        <v>195.887</v>
      </c>
      <c r="D1263">
        <v>6083.46</v>
      </c>
      <c r="E1263">
        <v>3.6220500000000002</v>
      </c>
      <c r="F1263">
        <v>7421.91</v>
      </c>
      <c r="G1263">
        <v>16.4617</v>
      </c>
    </row>
    <row r="1264" spans="1:7" x14ac:dyDescent="0.25">
      <c r="A1264">
        <v>14</v>
      </c>
      <c r="B1264">
        <v>161.24199999999999</v>
      </c>
      <c r="C1264">
        <v>202.81700000000001</v>
      </c>
      <c r="D1264">
        <v>2335.4299999999998</v>
      </c>
      <c r="E1264">
        <v>3.8110200000000001</v>
      </c>
      <c r="F1264">
        <v>3748.22</v>
      </c>
      <c r="G1264">
        <v>49.7836</v>
      </c>
    </row>
    <row r="1265" spans="1:7" x14ac:dyDescent="0.25">
      <c r="A1265">
        <v>14</v>
      </c>
      <c r="B1265">
        <v>161.24199999999999</v>
      </c>
      <c r="C1265">
        <v>200.92699999999999</v>
      </c>
      <c r="D1265">
        <v>2335.4299999999998</v>
      </c>
      <c r="E1265">
        <v>2.9606300000000001</v>
      </c>
      <c r="F1265">
        <v>3950.78</v>
      </c>
      <c r="G1265">
        <v>24.827000000000002</v>
      </c>
    </row>
    <row r="1266" spans="1:7" x14ac:dyDescent="0.25">
      <c r="A1266">
        <v>14</v>
      </c>
      <c r="B1266">
        <v>154.31299999999999</v>
      </c>
      <c r="C1266">
        <v>200.92699999999999</v>
      </c>
      <c r="D1266">
        <v>1800</v>
      </c>
      <c r="E1266">
        <v>3.9763799999999998</v>
      </c>
      <c r="F1266">
        <v>3378.44</v>
      </c>
      <c r="G1266">
        <v>98.440399999999997</v>
      </c>
    </row>
    <row r="1267" spans="1:7" x14ac:dyDescent="0.25">
      <c r="A1267">
        <v>14</v>
      </c>
      <c r="B1267">
        <v>163.131</v>
      </c>
      <c r="C1267">
        <v>203.131</v>
      </c>
      <c r="D1267">
        <v>2335.4299999999998</v>
      </c>
      <c r="E1267">
        <v>2.6771699999999998</v>
      </c>
      <c r="F1267">
        <v>4048.84</v>
      </c>
      <c r="G1267">
        <v>28.4739</v>
      </c>
    </row>
    <row r="1268" spans="1:7" x14ac:dyDescent="0.25">
      <c r="A1268">
        <v>14</v>
      </c>
      <c r="B1268">
        <v>164.39099999999999</v>
      </c>
      <c r="C1268">
        <v>201.24199999999999</v>
      </c>
      <c r="D1268">
        <v>1933.86</v>
      </c>
      <c r="E1268">
        <v>2.65354</v>
      </c>
      <c r="F1268">
        <v>3735.56</v>
      </c>
      <c r="G1268">
        <v>68.434200000000004</v>
      </c>
    </row>
    <row r="1269" spans="1:7" x14ac:dyDescent="0.25">
      <c r="A1269">
        <v>14</v>
      </c>
      <c r="B1269">
        <v>170.691</v>
      </c>
      <c r="C1269">
        <v>195.887</v>
      </c>
      <c r="D1269">
        <v>1800</v>
      </c>
      <c r="E1269">
        <v>3.9763799999999998</v>
      </c>
      <c r="F1269">
        <v>3100.39</v>
      </c>
      <c r="G1269">
        <v>96.464200000000005</v>
      </c>
    </row>
    <row r="1270" spans="1:7" x14ac:dyDescent="0.25">
      <c r="A1270">
        <v>14</v>
      </c>
      <c r="B1270">
        <v>160.61199999999999</v>
      </c>
      <c r="C1270">
        <v>204.70599999999999</v>
      </c>
      <c r="D1270">
        <v>3406.3</v>
      </c>
      <c r="E1270">
        <v>2.65354</v>
      </c>
      <c r="F1270">
        <v>5114.3500000000004</v>
      </c>
      <c r="G1270">
        <v>36.9465</v>
      </c>
    </row>
    <row r="1271" spans="1:7" x14ac:dyDescent="0.25">
      <c r="A1271">
        <v>14</v>
      </c>
      <c r="B1271">
        <v>172.58</v>
      </c>
      <c r="C1271">
        <v>200.297</v>
      </c>
      <c r="D1271">
        <v>1800</v>
      </c>
      <c r="E1271">
        <v>3.8110200000000001</v>
      </c>
      <c r="F1271">
        <v>3177.1</v>
      </c>
      <c r="G1271">
        <v>106.611</v>
      </c>
    </row>
    <row r="1272" spans="1:7" x14ac:dyDescent="0.25">
      <c r="A1272">
        <v>14</v>
      </c>
      <c r="B1272">
        <v>160.61199999999999</v>
      </c>
      <c r="C1272">
        <v>200.297</v>
      </c>
      <c r="D1272">
        <v>2870.87</v>
      </c>
      <c r="E1272">
        <v>3.7165400000000002</v>
      </c>
      <c r="F1272">
        <v>4160.6499999999996</v>
      </c>
      <c r="G1272">
        <v>28.473800000000001</v>
      </c>
    </row>
    <row r="1273" spans="1:7" x14ac:dyDescent="0.25">
      <c r="A1273">
        <v>14</v>
      </c>
      <c r="B1273">
        <v>163.761</v>
      </c>
      <c r="C1273">
        <v>200.297</v>
      </c>
      <c r="D1273">
        <v>7154.33</v>
      </c>
      <c r="E1273">
        <v>3.6220500000000002</v>
      </c>
      <c r="F1273">
        <v>8069.48</v>
      </c>
      <c r="G1273">
        <v>81.568899999999999</v>
      </c>
    </row>
    <row r="1274" spans="1:7" x14ac:dyDescent="0.25">
      <c r="A1274">
        <v>14</v>
      </c>
      <c r="B1274">
        <v>161.24199999999999</v>
      </c>
      <c r="C1274">
        <v>202.81700000000001</v>
      </c>
      <c r="D1274">
        <v>2335.4299999999998</v>
      </c>
      <c r="E1274">
        <v>1.89764</v>
      </c>
      <c r="F1274">
        <v>4584.87</v>
      </c>
      <c r="G1274">
        <v>55.334899999999998</v>
      </c>
    </row>
    <row r="1275" spans="1:7" x14ac:dyDescent="0.25">
      <c r="A1275">
        <v>14</v>
      </c>
      <c r="B1275">
        <v>160.61199999999999</v>
      </c>
      <c r="C1275">
        <v>202.18700000000001</v>
      </c>
      <c r="D1275">
        <v>2335.4299999999998</v>
      </c>
      <c r="E1275">
        <v>3.7873999999999999</v>
      </c>
      <c r="F1275">
        <v>3809.78</v>
      </c>
      <c r="G1275">
        <v>53.0687</v>
      </c>
    </row>
    <row r="1276" spans="1:7" x14ac:dyDescent="0.25">
      <c r="A1276">
        <v>14</v>
      </c>
      <c r="B1276">
        <v>163.761</v>
      </c>
      <c r="C1276">
        <v>200.297</v>
      </c>
      <c r="D1276">
        <v>2335.4299999999998</v>
      </c>
      <c r="E1276">
        <v>1.54331</v>
      </c>
      <c r="F1276">
        <v>4961.59</v>
      </c>
      <c r="G1276">
        <v>69.180700000000002</v>
      </c>
    </row>
    <row r="1277" spans="1:7" x14ac:dyDescent="0.25">
      <c r="A1277">
        <v>14</v>
      </c>
      <c r="B1277">
        <v>161.24199999999999</v>
      </c>
      <c r="C1277">
        <v>201.87200000000001</v>
      </c>
      <c r="D1277">
        <v>3406.3</v>
      </c>
      <c r="E1277">
        <v>1.1417299999999999</v>
      </c>
      <c r="F1277">
        <v>6860.51</v>
      </c>
      <c r="G1277">
        <v>21.440799999999999</v>
      </c>
    </row>
    <row r="1278" spans="1:7" x14ac:dyDescent="0.25">
      <c r="A1278">
        <v>14</v>
      </c>
      <c r="B1278">
        <v>163.131</v>
      </c>
      <c r="C1278">
        <v>195.887</v>
      </c>
      <c r="D1278">
        <v>3004.72</v>
      </c>
      <c r="E1278">
        <v>2.9370099999999999</v>
      </c>
      <c r="F1278">
        <v>4468.5600000000004</v>
      </c>
      <c r="G1278">
        <v>29.922799999999999</v>
      </c>
    </row>
    <row r="1279" spans="1:7" x14ac:dyDescent="0.25">
      <c r="A1279">
        <v>14</v>
      </c>
      <c r="B1279">
        <v>160.61199999999999</v>
      </c>
      <c r="C1279">
        <v>204.39099999999999</v>
      </c>
      <c r="D1279">
        <v>6083.46</v>
      </c>
      <c r="E1279">
        <v>3.8110200000000001</v>
      </c>
      <c r="F1279">
        <v>7253.7</v>
      </c>
      <c r="G1279">
        <v>27.118600000000001</v>
      </c>
    </row>
    <row r="1280" spans="1:7" x14ac:dyDescent="0.25">
      <c r="A1280">
        <v>14</v>
      </c>
      <c r="B1280">
        <v>137.935</v>
      </c>
      <c r="C1280">
        <v>195.25700000000001</v>
      </c>
      <c r="D1280">
        <v>6083.46</v>
      </c>
      <c r="E1280">
        <v>1.99213</v>
      </c>
      <c r="F1280">
        <v>8352.49</v>
      </c>
      <c r="G1280">
        <v>12.1572</v>
      </c>
    </row>
    <row r="1281" spans="1:7" x14ac:dyDescent="0.25">
      <c r="A1281">
        <v>14</v>
      </c>
      <c r="B1281">
        <v>160.61199999999999</v>
      </c>
      <c r="C1281">
        <v>210.691</v>
      </c>
      <c r="D1281">
        <v>6083.46</v>
      </c>
      <c r="E1281">
        <v>3.3385799999999999</v>
      </c>
      <c r="F1281">
        <v>7283.22</v>
      </c>
      <c r="G1281">
        <v>27.1188</v>
      </c>
    </row>
    <row r="1282" spans="1:7" x14ac:dyDescent="0.25">
      <c r="A1282">
        <v>14</v>
      </c>
      <c r="B1282">
        <v>161.24199999999999</v>
      </c>
      <c r="C1282">
        <v>204.39099999999999</v>
      </c>
      <c r="D1282">
        <v>1800</v>
      </c>
      <c r="E1282">
        <v>3.6929099999999999</v>
      </c>
      <c r="F1282">
        <v>3345.3</v>
      </c>
      <c r="G1282">
        <v>79.138000000000005</v>
      </c>
    </row>
    <row r="1283" spans="1:7" x14ac:dyDescent="0.25">
      <c r="A1283">
        <v>14</v>
      </c>
      <c r="B1283">
        <v>160.61199999999999</v>
      </c>
      <c r="C1283">
        <v>200.297</v>
      </c>
      <c r="D1283">
        <v>2335.4299999999998</v>
      </c>
      <c r="E1283">
        <v>3.8110200000000001</v>
      </c>
      <c r="F1283">
        <v>3802.87</v>
      </c>
      <c r="G1283">
        <v>53.109400000000001</v>
      </c>
    </row>
    <row r="1284" spans="1:7" x14ac:dyDescent="0.25">
      <c r="A1284">
        <v>14</v>
      </c>
      <c r="B1284">
        <v>161.24199999999999</v>
      </c>
      <c r="C1284">
        <v>202.18700000000001</v>
      </c>
      <c r="D1284">
        <v>2870.87</v>
      </c>
      <c r="E1284">
        <v>3.8110200000000001</v>
      </c>
      <c r="F1284">
        <v>4133.2700000000004</v>
      </c>
      <c r="G1284">
        <v>28.418800000000001</v>
      </c>
    </row>
    <row r="1285" spans="1:7" x14ac:dyDescent="0.25">
      <c r="A1285">
        <v>14</v>
      </c>
      <c r="B1285">
        <v>140.45400000000001</v>
      </c>
      <c r="C1285">
        <v>204.07599999999999</v>
      </c>
      <c r="D1285">
        <v>6083.46</v>
      </c>
      <c r="E1285">
        <v>3.7873999999999999</v>
      </c>
      <c r="F1285">
        <v>7535.64</v>
      </c>
      <c r="G1285">
        <v>15.052099999999999</v>
      </c>
    </row>
    <row r="1286" spans="1:7" x14ac:dyDescent="0.25">
      <c r="A1286">
        <v>14</v>
      </c>
      <c r="B1286">
        <v>160.61199999999999</v>
      </c>
      <c r="C1286">
        <v>200.92699999999999</v>
      </c>
      <c r="D1286">
        <v>2870.87</v>
      </c>
      <c r="E1286">
        <v>2.9606300000000001</v>
      </c>
      <c r="F1286">
        <v>4442.22</v>
      </c>
      <c r="G1286">
        <v>33.768599999999999</v>
      </c>
    </row>
    <row r="1287" spans="1:7" x14ac:dyDescent="0.25">
      <c r="A1287">
        <v>14</v>
      </c>
      <c r="B1287">
        <v>160.61199999999999</v>
      </c>
      <c r="C1287">
        <v>200.92699999999999</v>
      </c>
      <c r="D1287">
        <v>2335.4299999999998</v>
      </c>
      <c r="E1287">
        <v>2.9606300000000001</v>
      </c>
      <c r="F1287">
        <v>3953.79</v>
      </c>
      <c r="G1287">
        <v>30.044599999999999</v>
      </c>
    </row>
    <row r="1288" spans="1:7" x14ac:dyDescent="0.25">
      <c r="A1288">
        <v>14</v>
      </c>
      <c r="B1288">
        <v>160.61199999999999</v>
      </c>
      <c r="C1288">
        <v>200.297</v>
      </c>
      <c r="D1288">
        <v>3406.3</v>
      </c>
      <c r="E1288">
        <v>2.9606300000000001</v>
      </c>
      <c r="F1288">
        <v>4891.04</v>
      </c>
      <c r="G1288">
        <v>33.4602</v>
      </c>
    </row>
    <row r="1289" spans="1:7" x14ac:dyDescent="0.25">
      <c r="A1289">
        <v>14</v>
      </c>
      <c r="B1289">
        <v>137.935</v>
      </c>
      <c r="C1289">
        <v>200.297</v>
      </c>
      <c r="D1289">
        <v>6083.46</v>
      </c>
      <c r="E1289">
        <v>3.5039400000000001</v>
      </c>
      <c r="F1289">
        <v>7634.9</v>
      </c>
      <c r="G1289">
        <v>22.231400000000001</v>
      </c>
    </row>
    <row r="1290" spans="1:7" x14ac:dyDescent="0.25">
      <c r="A1290">
        <v>14</v>
      </c>
      <c r="B1290">
        <v>140.45400000000001</v>
      </c>
      <c r="C1290">
        <v>200.92699999999999</v>
      </c>
      <c r="D1290">
        <v>2335.4299999999998</v>
      </c>
      <c r="E1290">
        <v>3.90551</v>
      </c>
      <c r="F1290">
        <v>4063.48</v>
      </c>
      <c r="G1290">
        <v>115.96599999999999</v>
      </c>
    </row>
    <row r="1291" spans="1:7" x14ac:dyDescent="0.25">
      <c r="A1291">
        <v>14</v>
      </c>
      <c r="B1291">
        <v>173.21</v>
      </c>
      <c r="C1291">
        <v>200.92699999999999</v>
      </c>
      <c r="D1291">
        <v>6083.46</v>
      </c>
      <c r="E1291">
        <v>4</v>
      </c>
      <c r="F1291">
        <v>3577.89</v>
      </c>
      <c r="G1291">
        <v>106.288</v>
      </c>
    </row>
    <row r="1292" spans="1:7" x14ac:dyDescent="0.25">
      <c r="A1292">
        <v>14</v>
      </c>
      <c r="B1292">
        <v>161.24199999999999</v>
      </c>
      <c r="C1292">
        <v>195.887</v>
      </c>
      <c r="D1292">
        <v>3004.72</v>
      </c>
      <c r="E1292">
        <v>3.7873999999999999</v>
      </c>
      <c r="F1292">
        <v>4275.6000000000004</v>
      </c>
      <c r="G1292">
        <v>28.374600000000001</v>
      </c>
    </row>
    <row r="1293" spans="1:7" x14ac:dyDescent="0.25">
      <c r="A1293">
        <v>14</v>
      </c>
      <c r="B1293">
        <v>163.761</v>
      </c>
      <c r="C1293">
        <v>200.297</v>
      </c>
      <c r="D1293">
        <v>2335.4299999999998</v>
      </c>
      <c r="E1293">
        <v>1.54331</v>
      </c>
      <c r="F1293">
        <v>4961.59</v>
      </c>
      <c r="G1293">
        <v>69.180700000000002</v>
      </c>
    </row>
    <row r="1294" spans="1:7" x14ac:dyDescent="0.25">
      <c r="A1294">
        <v>14</v>
      </c>
      <c r="B1294">
        <v>163.761</v>
      </c>
      <c r="C1294">
        <v>195.25700000000001</v>
      </c>
      <c r="D1294">
        <v>1800</v>
      </c>
      <c r="E1294">
        <v>3.9763799999999998</v>
      </c>
      <c r="F1294">
        <v>3236.36</v>
      </c>
      <c r="G1294">
        <v>79.399299999999997</v>
      </c>
    </row>
    <row r="1295" spans="1:7" x14ac:dyDescent="0.25">
      <c r="A1295">
        <v>14</v>
      </c>
      <c r="B1295">
        <v>137.935</v>
      </c>
      <c r="C1295">
        <v>204.70599999999999</v>
      </c>
      <c r="D1295">
        <v>6083.46</v>
      </c>
      <c r="E1295">
        <v>3.7873999999999999</v>
      </c>
      <c r="F1295">
        <v>7582.75</v>
      </c>
      <c r="G1295">
        <v>21.346499999999999</v>
      </c>
    </row>
    <row r="1296" spans="1:7" x14ac:dyDescent="0.25">
      <c r="A1296">
        <v>14</v>
      </c>
      <c r="B1296">
        <v>155.572</v>
      </c>
      <c r="C1296">
        <v>195.25700000000001</v>
      </c>
      <c r="D1296">
        <v>7154.33</v>
      </c>
      <c r="E1296">
        <v>3.7165400000000002</v>
      </c>
      <c r="F1296">
        <v>8328.69</v>
      </c>
      <c r="G1296">
        <v>40.845500000000001</v>
      </c>
    </row>
    <row r="1297" spans="1:7" x14ac:dyDescent="0.25">
      <c r="A1297">
        <v>14</v>
      </c>
      <c r="B1297">
        <v>156.202</v>
      </c>
      <c r="C1297">
        <v>197.77699999999999</v>
      </c>
      <c r="D1297">
        <v>6618.9</v>
      </c>
      <c r="E1297">
        <v>4</v>
      </c>
      <c r="F1297">
        <v>7852.31</v>
      </c>
      <c r="G1297">
        <v>42.747999999999998</v>
      </c>
    </row>
    <row r="1298" spans="1:7" x14ac:dyDescent="0.25">
      <c r="A1298">
        <v>14</v>
      </c>
      <c r="B1298">
        <v>170.06100000000001</v>
      </c>
      <c r="C1298">
        <v>201.55699999999999</v>
      </c>
      <c r="D1298">
        <v>1800</v>
      </c>
      <c r="E1298">
        <v>3.7873999999999999</v>
      </c>
      <c r="F1298">
        <v>3171.67</v>
      </c>
      <c r="G1298">
        <v>95.021299999999997</v>
      </c>
    </row>
    <row r="1299" spans="1:7" x14ac:dyDescent="0.25">
      <c r="A1299">
        <v>14</v>
      </c>
      <c r="B1299">
        <v>141.084</v>
      </c>
      <c r="C1299">
        <v>200.297</v>
      </c>
      <c r="D1299">
        <v>6217.32</v>
      </c>
      <c r="E1299">
        <v>2.2755899999999998</v>
      </c>
      <c r="F1299">
        <v>8141.17</v>
      </c>
      <c r="G1299">
        <v>19.419499999999999</v>
      </c>
    </row>
    <row r="1300" spans="1:7" x14ac:dyDescent="0.25">
      <c r="A1300">
        <v>14</v>
      </c>
      <c r="B1300">
        <v>161.24199999999999</v>
      </c>
      <c r="C1300">
        <v>202.81700000000001</v>
      </c>
      <c r="D1300">
        <v>2469.29</v>
      </c>
      <c r="E1300">
        <v>3.0551200000000001</v>
      </c>
      <c r="F1300">
        <v>4014.31</v>
      </c>
      <c r="G1300">
        <v>26.6569</v>
      </c>
    </row>
    <row r="1301" spans="1:7" x14ac:dyDescent="0.25">
      <c r="A1301">
        <v>14</v>
      </c>
      <c r="B1301">
        <v>172.58</v>
      </c>
      <c r="C1301">
        <v>196.517</v>
      </c>
      <c r="D1301">
        <v>3004.72</v>
      </c>
      <c r="E1301">
        <v>2.29921</v>
      </c>
      <c r="F1301">
        <v>4187.49</v>
      </c>
      <c r="G1301">
        <v>93.374399999999994</v>
      </c>
    </row>
    <row r="1302" spans="1:7" x14ac:dyDescent="0.25">
      <c r="A1302">
        <v>14</v>
      </c>
      <c r="B1302">
        <v>140.45400000000001</v>
      </c>
      <c r="C1302">
        <v>200.61199999999999</v>
      </c>
      <c r="D1302">
        <v>7823.62</v>
      </c>
      <c r="E1302">
        <v>3.7165400000000002</v>
      </c>
      <c r="F1302">
        <v>9151.51</v>
      </c>
      <c r="G1302">
        <v>21.1099</v>
      </c>
    </row>
    <row r="1303" spans="1:7" x14ac:dyDescent="0.25">
      <c r="A1303">
        <v>14</v>
      </c>
      <c r="B1303">
        <v>143.60400000000001</v>
      </c>
      <c r="C1303">
        <v>200.61199999999999</v>
      </c>
      <c r="D1303">
        <v>1800</v>
      </c>
      <c r="E1303">
        <v>2.1102400000000001</v>
      </c>
      <c r="F1303">
        <v>4221.68</v>
      </c>
      <c r="G1303">
        <v>99.0381</v>
      </c>
    </row>
    <row r="1304" spans="1:7" x14ac:dyDescent="0.25">
      <c r="A1304">
        <v>14</v>
      </c>
      <c r="B1304">
        <v>141.084</v>
      </c>
      <c r="C1304">
        <v>195.25700000000001</v>
      </c>
      <c r="D1304">
        <v>3004.72</v>
      </c>
      <c r="E1304">
        <v>3.9763799999999998</v>
      </c>
      <c r="F1304">
        <v>4686</v>
      </c>
      <c r="G1304">
        <v>102.23699999999999</v>
      </c>
    </row>
    <row r="1305" spans="1:7" x14ac:dyDescent="0.25">
      <c r="A1305">
        <v>14</v>
      </c>
      <c r="B1305">
        <v>135.41499999999999</v>
      </c>
      <c r="C1305">
        <v>200.92699999999999</v>
      </c>
      <c r="D1305">
        <v>7154.33</v>
      </c>
      <c r="E1305">
        <v>1.99213</v>
      </c>
      <c r="F1305">
        <v>9426.48</v>
      </c>
      <c r="G1305">
        <v>14.209199999999999</v>
      </c>
    </row>
    <row r="1306" spans="1:7" x14ac:dyDescent="0.25">
      <c r="A1306">
        <v>14</v>
      </c>
      <c r="B1306">
        <v>171.32</v>
      </c>
      <c r="C1306">
        <v>202.18700000000001</v>
      </c>
      <c r="D1306">
        <v>2870.87</v>
      </c>
      <c r="E1306">
        <v>3.7873999999999999</v>
      </c>
      <c r="F1306">
        <v>3870.49</v>
      </c>
      <c r="G1306">
        <v>105.49</v>
      </c>
    </row>
    <row r="1307" spans="1:7" x14ac:dyDescent="0.25">
      <c r="A1307">
        <v>14</v>
      </c>
      <c r="B1307">
        <v>161.24199999999999</v>
      </c>
      <c r="C1307">
        <v>200.61199999999999</v>
      </c>
      <c r="D1307">
        <v>1800</v>
      </c>
      <c r="E1307">
        <v>1.1653500000000001</v>
      </c>
      <c r="F1307">
        <v>5140.91</v>
      </c>
      <c r="G1307">
        <v>20.473600000000001</v>
      </c>
    </row>
    <row r="1308" spans="1:7" x14ac:dyDescent="0.25">
      <c r="A1308">
        <v>14</v>
      </c>
      <c r="B1308">
        <v>171.32</v>
      </c>
      <c r="C1308">
        <v>195.887</v>
      </c>
      <c r="D1308">
        <v>7288.19</v>
      </c>
      <c r="E1308">
        <v>2.2755899999999998</v>
      </c>
      <c r="F1308">
        <v>4210.4399999999996</v>
      </c>
      <c r="G1308">
        <v>88.809299999999993</v>
      </c>
    </row>
    <row r="1309" spans="1:7" x14ac:dyDescent="0.25">
      <c r="A1309">
        <v>14</v>
      </c>
      <c r="B1309">
        <v>171.32</v>
      </c>
      <c r="C1309">
        <v>200.297</v>
      </c>
      <c r="D1309">
        <v>1800</v>
      </c>
      <c r="E1309">
        <v>3.7873999999999999</v>
      </c>
      <c r="F1309">
        <v>3116.93</v>
      </c>
      <c r="G1309">
        <v>103.426</v>
      </c>
    </row>
    <row r="1310" spans="1:7" x14ac:dyDescent="0.25">
      <c r="A1310">
        <v>14</v>
      </c>
      <c r="B1310">
        <v>174.47</v>
      </c>
      <c r="C1310">
        <v>203.446</v>
      </c>
      <c r="D1310">
        <v>2870.87</v>
      </c>
      <c r="E1310">
        <v>3.7873999999999999</v>
      </c>
      <c r="F1310">
        <v>3517.1</v>
      </c>
      <c r="G1310">
        <v>107.20699999999999</v>
      </c>
    </row>
    <row r="1311" spans="1:7" x14ac:dyDescent="0.25">
      <c r="A1311">
        <v>14</v>
      </c>
      <c r="B1311">
        <v>160.61199999999999</v>
      </c>
      <c r="C1311">
        <v>180.13900000000001</v>
      </c>
      <c r="D1311">
        <v>2335.4299999999998</v>
      </c>
      <c r="E1311">
        <v>2.9606300000000001</v>
      </c>
      <c r="F1311">
        <v>4301.1000000000004</v>
      </c>
      <c r="G1311">
        <v>38.466700000000003</v>
      </c>
    </row>
    <row r="1312" spans="1:7" x14ac:dyDescent="0.25">
      <c r="A1312">
        <v>14</v>
      </c>
      <c r="B1312">
        <v>140.45400000000001</v>
      </c>
      <c r="C1312">
        <v>195.887</v>
      </c>
      <c r="D1312">
        <v>6083.46</v>
      </c>
      <c r="E1312">
        <v>3.59843</v>
      </c>
      <c r="F1312">
        <v>7613.08</v>
      </c>
      <c r="G1312">
        <v>15.106299999999999</v>
      </c>
    </row>
    <row r="1313" spans="1:7" x14ac:dyDescent="0.25">
      <c r="A1313">
        <v>14</v>
      </c>
      <c r="B1313">
        <v>163.761</v>
      </c>
      <c r="C1313">
        <v>202.81700000000001</v>
      </c>
      <c r="D1313">
        <v>1800</v>
      </c>
      <c r="E1313">
        <v>3.8110200000000001</v>
      </c>
      <c r="F1313">
        <v>3250.23</v>
      </c>
      <c r="G1313">
        <v>73.559899999999999</v>
      </c>
    </row>
    <row r="1314" spans="1:7" x14ac:dyDescent="0.25">
      <c r="A1314">
        <v>14</v>
      </c>
      <c r="B1314">
        <v>141.084</v>
      </c>
      <c r="C1314">
        <v>195.887</v>
      </c>
      <c r="D1314">
        <v>6217.32</v>
      </c>
      <c r="E1314">
        <v>2.8661400000000001</v>
      </c>
      <c r="F1314">
        <v>7852.65</v>
      </c>
      <c r="G1314">
        <v>19.0441</v>
      </c>
    </row>
    <row r="1315" spans="1:7" x14ac:dyDescent="0.25">
      <c r="A1315">
        <v>14</v>
      </c>
      <c r="B1315">
        <v>156.202</v>
      </c>
      <c r="C1315">
        <v>195.887</v>
      </c>
      <c r="D1315">
        <v>3004.72</v>
      </c>
      <c r="E1315">
        <v>3.0551200000000001</v>
      </c>
      <c r="F1315">
        <v>4537.82</v>
      </c>
      <c r="G1315">
        <v>42.960299999999997</v>
      </c>
    </row>
    <row r="1316" spans="1:7" x14ac:dyDescent="0.25">
      <c r="A1316">
        <v>14</v>
      </c>
      <c r="B1316">
        <v>141.084</v>
      </c>
      <c r="C1316">
        <v>197.14699999999999</v>
      </c>
      <c r="D1316">
        <v>6083.46</v>
      </c>
      <c r="E1316">
        <v>3.6220500000000002</v>
      </c>
      <c r="F1316">
        <v>7422.02</v>
      </c>
      <c r="G1316">
        <v>16.4617</v>
      </c>
    </row>
    <row r="1317" spans="1:7" x14ac:dyDescent="0.25">
      <c r="A1317">
        <v>14</v>
      </c>
      <c r="B1317">
        <v>173.84</v>
      </c>
      <c r="C1317">
        <v>200.297</v>
      </c>
      <c r="D1317">
        <v>1800</v>
      </c>
      <c r="E1317">
        <v>4</v>
      </c>
      <c r="F1317">
        <v>3111.34</v>
      </c>
      <c r="G1317">
        <v>106.307</v>
      </c>
    </row>
    <row r="1318" spans="1:7" x14ac:dyDescent="0.25">
      <c r="A1318">
        <v>14</v>
      </c>
      <c r="B1318">
        <v>158.09200000000001</v>
      </c>
      <c r="C1318">
        <v>195.887</v>
      </c>
      <c r="D1318">
        <v>7288.19</v>
      </c>
      <c r="E1318">
        <v>1.99213</v>
      </c>
      <c r="F1318">
        <v>9378.27</v>
      </c>
      <c r="G1318">
        <v>32.864899999999999</v>
      </c>
    </row>
    <row r="1319" spans="1:7" x14ac:dyDescent="0.25">
      <c r="A1319">
        <v>14</v>
      </c>
      <c r="B1319">
        <v>156.202</v>
      </c>
      <c r="C1319">
        <v>195.887</v>
      </c>
      <c r="D1319">
        <v>3004.72</v>
      </c>
      <c r="E1319">
        <v>3.8110200000000001</v>
      </c>
      <c r="F1319">
        <v>4577.1899999999996</v>
      </c>
      <c r="G1319">
        <v>36.541600000000003</v>
      </c>
    </row>
    <row r="1320" spans="1:7" x14ac:dyDescent="0.25">
      <c r="A1320">
        <v>14</v>
      </c>
      <c r="B1320">
        <v>160.61199999999999</v>
      </c>
      <c r="C1320">
        <v>200.297</v>
      </c>
      <c r="D1320">
        <v>7154.33</v>
      </c>
      <c r="E1320">
        <v>2.6771699999999998</v>
      </c>
      <c r="F1320">
        <v>8725.61</v>
      </c>
      <c r="G1320">
        <v>37.7896</v>
      </c>
    </row>
    <row r="1321" spans="1:7" x14ac:dyDescent="0.25">
      <c r="A1321">
        <v>14</v>
      </c>
      <c r="B1321">
        <v>166.28100000000001</v>
      </c>
      <c r="C1321">
        <v>195.572</v>
      </c>
      <c r="D1321">
        <v>7288.19</v>
      </c>
      <c r="E1321">
        <v>1.02362</v>
      </c>
      <c r="F1321">
        <v>7152.81</v>
      </c>
      <c r="G1321">
        <v>19.911000000000001</v>
      </c>
    </row>
    <row r="1322" spans="1:7" x14ac:dyDescent="0.25">
      <c r="A1322">
        <v>14</v>
      </c>
      <c r="B1322">
        <v>140.45400000000001</v>
      </c>
      <c r="C1322">
        <v>198.40700000000001</v>
      </c>
      <c r="D1322">
        <v>6083.46</v>
      </c>
      <c r="E1322">
        <v>3.8110200000000001</v>
      </c>
      <c r="F1322">
        <v>7525.89</v>
      </c>
      <c r="G1322">
        <v>15.047800000000001</v>
      </c>
    </row>
    <row r="1323" spans="1:7" x14ac:dyDescent="0.25">
      <c r="A1323">
        <v>14</v>
      </c>
      <c r="B1323">
        <v>170.06100000000001</v>
      </c>
      <c r="C1323">
        <v>201.55699999999999</v>
      </c>
      <c r="D1323">
        <v>1800</v>
      </c>
      <c r="E1323">
        <v>3.7873999999999999</v>
      </c>
      <c r="F1323">
        <v>3171.67</v>
      </c>
      <c r="G1323">
        <v>95.021299999999997</v>
      </c>
    </row>
    <row r="1324" spans="1:7" x14ac:dyDescent="0.25">
      <c r="A1324">
        <v>14</v>
      </c>
      <c r="B1324">
        <v>137.935</v>
      </c>
      <c r="C1324">
        <v>203.131</v>
      </c>
      <c r="D1324">
        <v>6083.46</v>
      </c>
      <c r="E1324">
        <v>2.6771699999999998</v>
      </c>
      <c r="F1324">
        <v>7860.24</v>
      </c>
      <c r="G1324">
        <v>13.7896</v>
      </c>
    </row>
    <row r="1325" spans="1:7" x14ac:dyDescent="0.25">
      <c r="A1325">
        <v>14</v>
      </c>
      <c r="B1325">
        <v>141.084</v>
      </c>
      <c r="C1325">
        <v>198.72200000000001</v>
      </c>
      <c r="D1325">
        <v>6083.46</v>
      </c>
      <c r="E1325">
        <v>3.9763799999999998</v>
      </c>
      <c r="F1325">
        <v>7469.33</v>
      </c>
      <c r="G1325">
        <v>16.398399999999999</v>
      </c>
    </row>
    <row r="1326" spans="1:7" x14ac:dyDescent="0.25">
      <c r="A1326">
        <v>14</v>
      </c>
      <c r="B1326">
        <v>163.761</v>
      </c>
      <c r="C1326">
        <v>202.81700000000001</v>
      </c>
      <c r="D1326">
        <v>1800</v>
      </c>
      <c r="E1326">
        <v>3.8110200000000001</v>
      </c>
      <c r="F1326">
        <v>3250.23</v>
      </c>
      <c r="G1326">
        <v>73.559899999999999</v>
      </c>
    </row>
    <row r="1327" spans="1:7" x14ac:dyDescent="0.25">
      <c r="A1327">
        <v>14</v>
      </c>
      <c r="B1327">
        <v>161.24199999999999</v>
      </c>
      <c r="C1327">
        <v>200.92699999999999</v>
      </c>
      <c r="D1327">
        <v>2335.4299999999998</v>
      </c>
      <c r="E1327">
        <v>2.9606300000000001</v>
      </c>
      <c r="F1327">
        <v>3950.78</v>
      </c>
      <c r="G1327">
        <v>24.827000000000002</v>
      </c>
    </row>
    <row r="1328" spans="1:7" x14ac:dyDescent="0.25">
      <c r="A1328">
        <v>14</v>
      </c>
      <c r="B1328">
        <v>174.47</v>
      </c>
      <c r="C1328">
        <v>200.92699999999999</v>
      </c>
      <c r="D1328">
        <v>1800</v>
      </c>
      <c r="E1328">
        <v>3.9763799999999998</v>
      </c>
      <c r="F1328">
        <v>3087.32</v>
      </c>
      <c r="G1328">
        <v>106.405</v>
      </c>
    </row>
    <row r="1329" spans="1:7" x14ac:dyDescent="0.25">
      <c r="A1329">
        <v>14</v>
      </c>
      <c r="B1329">
        <v>161.24199999999999</v>
      </c>
      <c r="C1329">
        <v>200.92699999999999</v>
      </c>
      <c r="D1329">
        <v>2335.4299999999998</v>
      </c>
      <c r="E1329">
        <v>2.9606300000000001</v>
      </c>
      <c r="F1329">
        <v>3950.78</v>
      </c>
      <c r="G1329">
        <v>24.827000000000002</v>
      </c>
    </row>
    <row r="1330" spans="1:7" x14ac:dyDescent="0.25">
      <c r="A1330">
        <v>14</v>
      </c>
      <c r="B1330">
        <v>161.24199999999999</v>
      </c>
      <c r="C1330">
        <v>200.92699999999999</v>
      </c>
      <c r="D1330">
        <v>2335.4299999999998</v>
      </c>
      <c r="E1330">
        <v>2.9606300000000001</v>
      </c>
      <c r="F1330">
        <v>3950.78</v>
      </c>
      <c r="G1330">
        <v>24.827000000000002</v>
      </c>
    </row>
    <row r="1331" spans="1:7" x14ac:dyDescent="0.25">
      <c r="A1331">
        <v>14</v>
      </c>
      <c r="B1331">
        <v>165.65100000000001</v>
      </c>
      <c r="C1331">
        <v>204.70599999999999</v>
      </c>
      <c r="D1331">
        <v>1800</v>
      </c>
      <c r="E1331">
        <v>3.6929099999999999</v>
      </c>
      <c r="F1331">
        <v>3294.17</v>
      </c>
      <c r="G1331">
        <v>68.730099999999993</v>
      </c>
    </row>
    <row r="1332" spans="1:7" x14ac:dyDescent="0.25">
      <c r="A1332">
        <v>14</v>
      </c>
      <c r="B1332">
        <v>160.61199999999999</v>
      </c>
      <c r="C1332">
        <v>200.297</v>
      </c>
      <c r="D1332">
        <v>2335.4299999999998</v>
      </c>
      <c r="E1332">
        <v>3.0551200000000001</v>
      </c>
      <c r="F1332">
        <v>3922.51</v>
      </c>
      <c r="G1332">
        <v>29.449200000000001</v>
      </c>
    </row>
    <row r="1333" spans="1:7" x14ac:dyDescent="0.25">
      <c r="A1333">
        <v>14</v>
      </c>
      <c r="B1333">
        <v>170.691</v>
      </c>
      <c r="C1333">
        <v>195.887</v>
      </c>
      <c r="D1333">
        <v>1800</v>
      </c>
      <c r="E1333">
        <v>3.9763799999999998</v>
      </c>
      <c r="F1333">
        <v>3100.39</v>
      </c>
      <c r="G1333">
        <v>96.464200000000005</v>
      </c>
    </row>
    <row r="1334" spans="1:7" x14ac:dyDescent="0.25">
      <c r="A1334">
        <v>14</v>
      </c>
      <c r="B1334">
        <v>161.24199999999999</v>
      </c>
      <c r="C1334">
        <v>200.61199999999999</v>
      </c>
      <c r="D1334">
        <v>1800</v>
      </c>
      <c r="E1334">
        <v>1.1653500000000001</v>
      </c>
      <c r="F1334">
        <v>5140.91</v>
      </c>
      <c r="G1334">
        <v>20.473600000000001</v>
      </c>
    </row>
    <row r="1335" spans="1:7" x14ac:dyDescent="0.25">
      <c r="A1335">
        <v>14</v>
      </c>
      <c r="B1335">
        <v>161.24199999999999</v>
      </c>
      <c r="C1335">
        <v>200.92699999999999</v>
      </c>
      <c r="D1335">
        <v>2335.4299999999998</v>
      </c>
      <c r="E1335">
        <v>2.9606300000000001</v>
      </c>
      <c r="F1335">
        <v>3950.78</v>
      </c>
      <c r="G1335">
        <v>24.827000000000002</v>
      </c>
    </row>
    <row r="1336" spans="1:7" x14ac:dyDescent="0.25">
      <c r="A1336">
        <v>14</v>
      </c>
      <c r="B1336">
        <v>166.28100000000001</v>
      </c>
      <c r="C1336">
        <v>201.87200000000001</v>
      </c>
      <c r="D1336">
        <v>1800</v>
      </c>
      <c r="E1336">
        <v>3.8110200000000001</v>
      </c>
      <c r="F1336">
        <v>3182.38</v>
      </c>
      <c r="G1336">
        <v>74.304599999999994</v>
      </c>
    </row>
    <row r="1337" spans="1:7" x14ac:dyDescent="0.25">
      <c r="A1337">
        <v>14</v>
      </c>
      <c r="B1337">
        <v>165.65100000000001</v>
      </c>
      <c r="C1337">
        <v>199.982</v>
      </c>
      <c r="D1337">
        <v>1933.86</v>
      </c>
      <c r="E1337">
        <v>3.7873999999999999</v>
      </c>
      <c r="F1337">
        <v>3302.26</v>
      </c>
      <c r="G1337">
        <v>57.241799999999998</v>
      </c>
    </row>
    <row r="1338" spans="1:7" x14ac:dyDescent="0.25">
      <c r="A1338">
        <v>14</v>
      </c>
      <c r="B1338">
        <v>161.24199999999999</v>
      </c>
      <c r="C1338">
        <v>202.81700000000001</v>
      </c>
      <c r="D1338">
        <v>2335.4299999999998</v>
      </c>
      <c r="E1338">
        <v>3.8110200000000001</v>
      </c>
      <c r="F1338">
        <v>3748.22</v>
      </c>
      <c r="G1338">
        <v>49.7836</v>
      </c>
    </row>
    <row r="1339" spans="1:7" x14ac:dyDescent="0.25">
      <c r="A1339">
        <v>14</v>
      </c>
      <c r="B1339">
        <v>137.935</v>
      </c>
      <c r="C1339">
        <v>198.09200000000001</v>
      </c>
      <c r="D1339">
        <v>6083.46</v>
      </c>
      <c r="E1339">
        <v>2.1102400000000001</v>
      </c>
      <c r="F1339">
        <v>8238.3799999999992</v>
      </c>
      <c r="G1339">
        <v>11.8962</v>
      </c>
    </row>
    <row r="1340" spans="1:7" x14ac:dyDescent="0.25">
      <c r="A1340">
        <v>14</v>
      </c>
      <c r="B1340">
        <v>166.28100000000001</v>
      </c>
      <c r="C1340">
        <v>201.87200000000001</v>
      </c>
      <c r="D1340">
        <v>1800</v>
      </c>
      <c r="E1340">
        <v>3.8110200000000001</v>
      </c>
      <c r="F1340">
        <v>3182.38</v>
      </c>
      <c r="G1340">
        <v>74.304599999999994</v>
      </c>
    </row>
    <row r="1341" spans="1:7" x14ac:dyDescent="0.25">
      <c r="A1341">
        <v>14</v>
      </c>
      <c r="B1341">
        <v>161.24199999999999</v>
      </c>
      <c r="C1341">
        <v>200.92699999999999</v>
      </c>
      <c r="D1341">
        <v>2335.4299999999998</v>
      </c>
      <c r="E1341">
        <v>2.9606300000000001</v>
      </c>
      <c r="F1341">
        <v>3950.78</v>
      </c>
      <c r="G1341">
        <v>24.827000000000002</v>
      </c>
    </row>
    <row r="1342" spans="1:7" x14ac:dyDescent="0.25">
      <c r="A1342">
        <v>14</v>
      </c>
      <c r="B1342">
        <v>161.24199999999999</v>
      </c>
      <c r="C1342">
        <v>200.92699999999999</v>
      </c>
      <c r="D1342">
        <v>2335.4299999999998</v>
      </c>
      <c r="E1342">
        <v>2.9606300000000001</v>
      </c>
      <c r="F1342">
        <v>3950.78</v>
      </c>
      <c r="G1342">
        <v>24.827000000000002</v>
      </c>
    </row>
    <row r="1343" spans="1:7" x14ac:dyDescent="0.25">
      <c r="A1343">
        <v>14</v>
      </c>
      <c r="B1343">
        <v>136.04499999999999</v>
      </c>
      <c r="C1343">
        <v>195.572</v>
      </c>
      <c r="D1343">
        <v>6083.46</v>
      </c>
      <c r="E1343">
        <v>1.1653500000000001</v>
      </c>
      <c r="F1343">
        <v>9446.7000000000007</v>
      </c>
      <c r="G1343">
        <v>11.3193</v>
      </c>
    </row>
    <row r="1344" spans="1:7" x14ac:dyDescent="0.25">
      <c r="A1344">
        <v>14</v>
      </c>
      <c r="B1344">
        <v>137.935</v>
      </c>
      <c r="C1344">
        <v>198.09200000000001</v>
      </c>
      <c r="D1344">
        <v>6083.46</v>
      </c>
      <c r="E1344">
        <v>2.1102400000000001</v>
      </c>
      <c r="F1344">
        <v>8238.3799999999992</v>
      </c>
      <c r="G1344">
        <v>11.8962</v>
      </c>
    </row>
    <row r="1345" spans="1:7" x14ac:dyDescent="0.25">
      <c r="A1345">
        <v>14</v>
      </c>
      <c r="B1345">
        <v>161.24199999999999</v>
      </c>
      <c r="C1345">
        <v>200.61199999999999</v>
      </c>
      <c r="D1345">
        <v>1800</v>
      </c>
      <c r="E1345">
        <v>1.1653500000000001</v>
      </c>
      <c r="F1345">
        <v>5140.91</v>
      </c>
      <c r="G1345">
        <v>20.473600000000001</v>
      </c>
    </row>
    <row r="1346" spans="1:7" x14ac:dyDescent="0.25">
      <c r="A1346">
        <v>14</v>
      </c>
      <c r="B1346">
        <v>137.935</v>
      </c>
      <c r="C1346">
        <v>198.09200000000001</v>
      </c>
      <c r="D1346">
        <v>6083.46</v>
      </c>
      <c r="E1346">
        <v>2.1102400000000001</v>
      </c>
      <c r="F1346">
        <v>8238.3799999999992</v>
      </c>
      <c r="G1346">
        <v>11.8962</v>
      </c>
    </row>
    <row r="1347" spans="1:7" x14ac:dyDescent="0.25">
      <c r="A1347">
        <v>14</v>
      </c>
      <c r="B1347">
        <v>161.24199999999999</v>
      </c>
      <c r="C1347">
        <v>202.81700000000001</v>
      </c>
      <c r="D1347">
        <v>2335.4299999999998</v>
      </c>
      <c r="E1347">
        <v>3.8110200000000001</v>
      </c>
      <c r="F1347">
        <v>3748.22</v>
      </c>
      <c r="G1347">
        <v>49.7836</v>
      </c>
    </row>
    <row r="1348" spans="1:7" x14ac:dyDescent="0.25">
      <c r="A1348">
        <v>14</v>
      </c>
      <c r="B1348">
        <v>161.24199999999999</v>
      </c>
      <c r="C1348">
        <v>200.61199999999999</v>
      </c>
      <c r="D1348">
        <v>1800</v>
      </c>
      <c r="E1348">
        <v>1.1653500000000001</v>
      </c>
      <c r="F1348">
        <v>5140.91</v>
      </c>
      <c r="G1348">
        <v>20.473600000000001</v>
      </c>
    </row>
    <row r="1349" spans="1:7" x14ac:dyDescent="0.25">
      <c r="A1349">
        <v>14</v>
      </c>
      <c r="B1349">
        <v>161.24199999999999</v>
      </c>
      <c r="C1349">
        <v>200.61199999999999</v>
      </c>
      <c r="D1349">
        <v>1800</v>
      </c>
      <c r="E1349">
        <v>1.1653500000000001</v>
      </c>
      <c r="F1349">
        <v>5140.91</v>
      </c>
      <c r="G1349">
        <v>20.473600000000001</v>
      </c>
    </row>
    <row r="1350" spans="1:7" x14ac:dyDescent="0.25">
      <c r="A1350">
        <v>14</v>
      </c>
      <c r="B1350">
        <v>141.084</v>
      </c>
      <c r="C1350">
        <v>195.887</v>
      </c>
      <c r="D1350">
        <v>6083.46</v>
      </c>
      <c r="E1350">
        <v>3.6220500000000002</v>
      </c>
      <c r="F1350">
        <v>7421.91</v>
      </c>
      <c r="G1350">
        <v>16.4617</v>
      </c>
    </row>
    <row r="1351" spans="1:7" x14ac:dyDescent="0.25">
      <c r="A1351">
        <v>15</v>
      </c>
      <c r="B1351">
        <v>164.39099999999999</v>
      </c>
      <c r="C1351">
        <v>201.24199999999999</v>
      </c>
      <c r="D1351">
        <v>1933.86</v>
      </c>
      <c r="E1351">
        <v>2.65354</v>
      </c>
      <c r="F1351">
        <v>3735.56</v>
      </c>
      <c r="G1351">
        <v>68.434200000000004</v>
      </c>
    </row>
    <row r="1352" spans="1:7" x14ac:dyDescent="0.25">
      <c r="A1352">
        <v>15</v>
      </c>
      <c r="B1352">
        <v>161.24199999999999</v>
      </c>
      <c r="C1352">
        <v>200.61199999999999</v>
      </c>
      <c r="D1352">
        <v>1800</v>
      </c>
      <c r="E1352">
        <v>1.1653500000000001</v>
      </c>
      <c r="F1352">
        <v>5140.91</v>
      </c>
      <c r="G1352">
        <v>20.473600000000001</v>
      </c>
    </row>
    <row r="1353" spans="1:7" x14ac:dyDescent="0.25">
      <c r="A1353">
        <v>15</v>
      </c>
      <c r="B1353">
        <v>161.24199999999999</v>
      </c>
      <c r="C1353">
        <v>200.92699999999999</v>
      </c>
      <c r="D1353">
        <v>2335.4299999999998</v>
      </c>
      <c r="E1353">
        <v>2.9606300000000001</v>
      </c>
      <c r="F1353">
        <v>3950.78</v>
      </c>
      <c r="G1353">
        <v>24.827000000000002</v>
      </c>
    </row>
    <row r="1354" spans="1:7" x14ac:dyDescent="0.25">
      <c r="A1354">
        <v>15</v>
      </c>
      <c r="B1354">
        <v>163.761</v>
      </c>
      <c r="C1354">
        <v>195.25700000000001</v>
      </c>
      <c r="D1354">
        <v>1800</v>
      </c>
      <c r="E1354">
        <v>3.9763799999999998</v>
      </c>
      <c r="F1354">
        <v>3236.36</v>
      </c>
      <c r="G1354">
        <v>79.399299999999997</v>
      </c>
    </row>
    <row r="1355" spans="1:7" x14ac:dyDescent="0.25">
      <c r="A1355">
        <v>15</v>
      </c>
      <c r="B1355">
        <v>161.87200000000001</v>
      </c>
      <c r="C1355">
        <v>201.24199999999999</v>
      </c>
      <c r="D1355">
        <v>1933.86</v>
      </c>
      <c r="E1355">
        <v>3.4094500000000001</v>
      </c>
      <c r="F1355">
        <v>3573.7</v>
      </c>
      <c r="G1355">
        <v>65.700800000000001</v>
      </c>
    </row>
    <row r="1356" spans="1:7" x14ac:dyDescent="0.25">
      <c r="A1356">
        <v>15</v>
      </c>
      <c r="B1356">
        <v>141.084</v>
      </c>
      <c r="C1356">
        <v>202.81700000000001</v>
      </c>
      <c r="D1356">
        <v>2335.4299999999998</v>
      </c>
      <c r="E1356">
        <v>3.4330699999999998</v>
      </c>
      <c r="F1356">
        <v>4169.37</v>
      </c>
      <c r="G1356">
        <v>106.64400000000001</v>
      </c>
    </row>
    <row r="1357" spans="1:7" x14ac:dyDescent="0.25">
      <c r="A1357">
        <v>15</v>
      </c>
      <c r="B1357">
        <v>140.45400000000001</v>
      </c>
      <c r="C1357">
        <v>196.517</v>
      </c>
      <c r="D1357">
        <v>6083.46</v>
      </c>
      <c r="E1357">
        <v>3.59843</v>
      </c>
      <c r="F1357">
        <v>7613.14</v>
      </c>
      <c r="G1357">
        <v>15.106299999999999</v>
      </c>
    </row>
    <row r="1358" spans="1:7" x14ac:dyDescent="0.25">
      <c r="A1358">
        <v>15</v>
      </c>
      <c r="B1358">
        <v>163.761</v>
      </c>
      <c r="C1358">
        <v>195.25700000000001</v>
      </c>
      <c r="D1358">
        <v>1800</v>
      </c>
      <c r="E1358">
        <v>3.9763799999999998</v>
      </c>
      <c r="F1358">
        <v>3236.36</v>
      </c>
      <c r="G1358">
        <v>79.399299999999997</v>
      </c>
    </row>
    <row r="1359" spans="1:7" x14ac:dyDescent="0.25">
      <c r="A1359">
        <v>15</v>
      </c>
      <c r="B1359">
        <v>161.24199999999999</v>
      </c>
      <c r="C1359">
        <v>201.87200000000001</v>
      </c>
      <c r="D1359">
        <v>3406.3</v>
      </c>
      <c r="E1359">
        <v>2.29921</v>
      </c>
      <c r="F1359">
        <v>5220.04</v>
      </c>
      <c r="G1359">
        <v>59.089799999999997</v>
      </c>
    </row>
    <row r="1360" spans="1:7" x14ac:dyDescent="0.25">
      <c r="A1360">
        <v>15</v>
      </c>
      <c r="B1360">
        <v>161.24199999999999</v>
      </c>
      <c r="C1360">
        <v>195.887</v>
      </c>
      <c r="D1360">
        <v>3406.3</v>
      </c>
      <c r="E1360">
        <v>3.7873999999999999</v>
      </c>
      <c r="F1360">
        <v>4567.9799999999996</v>
      </c>
      <c r="G1360">
        <v>28.374600000000001</v>
      </c>
    </row>
    <row r="1361" spans="1:7" x14ac:dyDescent="0.25">
      <c r="A1361">
        <v>15</v>
      </c>
      <c r="B1361">
        <v>162.50200000000001</v>
      </c>
      <c r="C1361">
        <v>204.07599999999999</v>
      </c>
      <c r="D1361">
        <v>1800</v>
      </c>
      <c r="E1361">
        <v>3.7165400000000002</v>
      </c>
      <c r="F1361">
        <v>3275.61</v>
      </c>
      <c r="G1361">
        <v>75.676500000000004</v>
      </c>
    </row>
    <row r="1362" spans="1:7" x14ac:dyDescent="0.25">
      <c r="A1362">
        <v>15</v>
      </c>
      <c r="B1362">
        <v>140.45400000000001</v>
      </c>
      <c r="C1362">
        <v>196.517</v>
      </c>
      <c r="D1362">
        <v>6083.46</v>
      </c>
      <c r="E1362">
        <v>3.59843</v>
      </c>
      <c r="F1362">
        <v>7613.14</v>
      </c>
      <c r="G1362">
        <v>15.106299999999999</v>
      </c>
    </row>
    <row r="1363" spans="1:7" x14ac:dyDescent="0.25">
      <c r="A1363">
        <v>15</v>
      </c>
      <c r="B1363">
        <v>163.761</v>
      </c>
      <c r="C1363">
        <v>200.297</v>
      </c>
      <c r="D1363">
        <v>1800</v>
      </c>
      <c r="E1363">
        <v>2.29921</v>
      </c>
      <c r="F1363">
        <v>3939.48</v>
      </c>
      <c r="G1363">
        <v>73.017300000000006</v>
      </c>
    </row>
    <row r="1364" spans="1:7" x14ac:dyDescent="0.25">
      <c r="A1364">
        <v>15</v>
      </c>
      <c r="B1364">
        <v>171.32</v>
      </c>
      <c r="C1364">
        <v>200.92699999999999</v>
      </c>
      <c r="D1364">
        <v>1800</v>
      </c>
      <c r="E1364">
        <v>3.2440899999999999</v>
      </c>
      <c r="F1364">
        <v>3338.46</v>
      </c>
      <c r="G1364">
        <v>106.53</v>
      </c>
    </row>
    <row r="1365" spans="1:7" x14ac:dyDescent="0.25">
      <c r="A1365">
        <v>15</v>
      </c>
      <c r="B1365">
        <v>161.24199999999999</v>
      </c>
      <c r="C1365">
        <v>200.61199999999999</v>
      </c>
      <c r="D1365">
        <v>1800</v>
      </c>
      <c r="E1365">
        <v>2.29921</v>
      </c>
      <c r="F1365">
        <v>3917.27</v>
      </c>
      <c r="G1365">
        <v>67.829300000000003</v>
      </c>
    </row>
    <row r="1366" spans="1:7" x14ac:dyDescent="0.25">
      <c r="A1366">
        <v>15</v>
      </c>
      <c r="B1366">
        <v>166.28100000000001</v>
      </c>
      <c r="C1366">
        <v>201.87200000000001</v>
      </c>
      <c r="D1366">
        <v>3406.3</v>
      </c>
      <c r="E1366">
        <v>3.0314999999999999</v>
      </c>
      <c r="F1366">
        <v>4764.3500000000004</v>
      </c>
      <c r="G1366">
        <v>85.084299999999999</v>
      </c>
    </row>
    <row r="1367" spans="1:7" x14ac:dyDescent="0.25">
      <c r="A1367">
        <v>15</v>
      </c>
      <c r="B1367">
        <v>175.1</v>
      </c>
      <c r="C1367">
        <v>200.297</v>
      </c>
      <c r="D1367">
        <v>2335.4299999999998</v>
      </c>
      <c r="E1367">
        <v>3.4094500000000001</v>
      </c>
      <c r="F1367">
        <v>3473.3</v>
      </c>
      <c r="G1367">
        <v>109.658</v>
      </c>
    </row>
    <row r="1368" spans="1:7" x14ac:dyDescent="0.25">
      <c r="A1368">
        <v>15</v>
      </c>
      <c r="B1368">
        <v>161.24199999999999</v>
      </c>
      <c r="C1368">
        <v>202.81700000000001</v>
      </c>
      <c r="D1368">
        <v>2335.4299999999998</v>
      </c>
      <c r="E1368">
        <v>4</v>
      </c>
      <c r="F1368">
        <v>3697.32</v>
      </c>
      <c r="G1368">
        <v>49.619300000000003</v>
      </c>
    </row>
    <row r="1369" spans="1:7" x14ac:dyDescent="0.25">
      <c r="A1369">
        <v>15</v>
      </c>
      <c r="B1369">
        <v>141.084</v>
      </c>
      <c r="C1369">
        <v>204.07599999999999</v>
      </c>
      <c r="D1369">
        <v>6618.9</v>
      </c>
      <c r="E1369">
        <v>2.9370099999999999</v>
      </c>
      <c r="F1369">
        <v>8248.59</v>
      </c>
      <c r="G1369">
        <v>19.910599999999999</v>
      </c>
    </row>
    <row r="1370" spans="1:7" x14ac:dyDescent="0.25">
      <c r="A1370">
        <v>15</v>
      </c>
      <c r="B1370">
        <v>164.39099999999999</v>
      </c>
      <c r="C1370">
        <v>201.24199999999999</v>
      </c>
      <c r="D1370">
        <v>1933.86</v>
      </c>
      <c r="E1370">
        <v>2.65354</v>
      </c>
      <c r="F1370">
        <v>3735.56</v>
      </c>
      <c r="G1370">
        <v>68.434200000000004</v>
      </c>
    </row>
    <row r="1371" spans="1:7" x14ac:dyDescent="0.25">
      <c r="A1371">
        <v>15</v>
      </c>
      <c r="B1371">
        <v>161.24199999999999</v>
      </c>
      <c r="C1371">
        <v>202.18700000000001</v>
      </c>
      <c r="D1371">
        <v>1800</v>
      </c>
      <c r="E1371">
        <v>3.8110200000000001</v>
      </c>
      <c r="F1371">
        <v>3313.06</v>
      </c>
      <c r="G1371">
        <v>80.397000000000006</v>
      </c>
    </row>
    <row r="1372" spans="1:7" x14ac:dyDescent="0.25">
      <c r="A1372">
        <v>15</v>
      </c>
      <c r="B1372">
        <v>164.39099999999999</v>
      </c>
      <c r="C1372">
        <v>201.24199999999999</v>
      </c>
      <c r="D1372">
        <v>1933.86</v>
      </c>
      <c r="E1372">
        <v>2.65354</v>
      </c>
      <c r="F1372">
        <v>3735.56</v>
      </c>
      <c r="G1372">
        <v>68.434200000000004</v>
      </c>
    </row>
    <row r="1373" spans="1:7" x14ac:dyDescent="0.25">
      <c r="A1373">
        <v>15</v>
      </c>
      <c r="B1373">
        <v>161.24199999999999</v>
      </c>
      <c r="C1373">
        <v>202.18700000000001</v>
      </c>
      <c r="D1373">
        <v>2870.87</v>
      </c>
      <c r="E1373">
        <v>3.0551200000000001</v>
      </c>
      <c r="F1373">
        <v>4319</v>
      </c>
      <c r="G1373">
        <v>26.6569</v>
      </c>
    </row>
    <row r="1374" spans="1:7" x14ac:dyDescent="0.25">
      <c r="A1374">
        <v>15</v>
      </c>
      <c r="B1374">
        <v>156.202</v>
      </c>
      <c r="C1374">
        <v>201.87200000000001</v>
      </c>
      <c r="D1374">
        <v>3406.3</v>
      </c>
      <c r="E1374">
        <v>3.7873999999999999</v>
      </c>
      <c r="F1374">
        <v>4688.67</v>
      </c>
      <c r="G1374">
        <v>30.164300000000001</v>
      </c>
    </row>
    <row r="1375" spans="1:7" x14ac:dyDescent="0.25">
      <c r="A1375">
        <v>15</v>
      </c>
      <c r="B1375">
        <v>160.61199999999999</v>
      </c>
      <c r="C1375">
        <v>202.18700000000001</v>
      </c>
      <c r="D1375">
        <v>2335.4299999999998</v>
      </c>
      <c r="E1375">
        <v>2.9370099999999999</v>
      </c>
      <c r="F1375">
        <v>3962.23</v>
      </c>
      <c r="G1375">
        <v>30.6447</v>
      </c>
    </row>
    <row r="1376" spans="1:7" x14ac:dyDescent="0.25">
      <c r="A1376">
        <v>15</v>
      </c>
      <c r="B1376">
        <v>166.28100000000001</v>
      </c>
      <c r="C1376">
        <v>200.297</v>
      </c>
      <c r="D1376">
        <v>1800</v>
      </c>
      <c r="E1376">
        <v>3.7873999999999999</v>
      </c>
      <c r="F1376">
        <v>3188.33</v>
      </c>
      <c r="G1376">
        <v>74.307199999999995</v>
      </c>
    </row>
    <row r="1377" spans="1:7" x14ac:dyDescent="0.25">
      <c r="A1377">
        <v>15</v>
      </c>
      <c r="B1377">
        <v>161.24199999999999</v>
      </c>
      <c r="C1377">
        <v>197.77699999999999</v>
      </c>
      <c r="D1377">
        <v>6618.9</v>
      </c>
      <c r="E1377">
        <v>3.7873999999999999</v>
      </c>
      <c r="F1377">
        <v>7772.02</v>
      </c>
      <c r="G1377">
        <v>28.374600000000001</v>
      </c>
    </row>
    <row r="1378" spans="1:7" x14ac:dyDescent="0.25">
      <c r="A1378">
        <v>15</v>
      </c>
      <c r="B1378">
        <v>140.45400000000001</v>
      </c>
      <c r="C1378">
        <v>204.70599999999999</v>
      </c>
      <c r="D1378">
        <v>6083.46</v>
      </c>
      <c r="E1378">
        <v>3.7873999999999999</v>
      </c>
      <c r="F1378">
        <v>7535.69</v>
      </c>
      <c r="G1378">
        <v>15.052099999999999</v>
      </c>
    </row>
    <row r="1379" spans="1:7" x14ac:dyDescent="0.25">
      <c r="A1379">
        <v>15</v>
      </c>
      <c r="B1379">
        <v>142.97399999999999</v>
      </c>
      <c r="C1379">
        <v>195.25700000000001</v>
      </c>
      <c r="D1379">
        <v>1800</v>
      </c>
      <c r="E1379">
        <v>1.1653500000000001</v>
      </c>
      <c r="F1379">
        <v>5452.58</v>
      </c>
      <c r="G1379">
        <v>71.841200000000001</v>
      </c>
    </row>
    <row r="1380" spans="1:7" x14ac:dyDescent="0.25">
      <c r="A1380">
        <v>15</v>
      </c>
      <c r="B1380">
        <v>161.87200000000001</v>
      </c>
      <c r="C1380">
        <v>195.887</v>
      </c>
      <c r="D1380">
        <v>1933.86</v>
      </c>
      <c r="E1380">
        <v>3.9763799999999998</v>
      </c>
      <c r="F1380">
        <v>3381.05</v>
      </c>
      <c r="G1380">
        <v>73.839100000000002</v>
      </c>
    </row>
    <row r="1381" spans="1:7" x14ac:dyDescent="0.25">
      <c r="A1381">
        <v>15</v>
      </c>
      <c r="B1381">
        <v>163.131</v>
      </c>
      <c r="C1381">
        <v>195.25700000000001</v>
      </c>
      <c r="D1381">
        <v>1800</v>
      </c>
      <c r="E1381">
        <v>3.7165400000000002</v>
      </c>
      <c r="F1381">
        <v>3369.81</v>
      </c>
      <c r="G1381">
        <v>82.484300000000005</v>
      </c>
    </row>
    <row r="1382" spans="1:7" x14ac:dyDescent="0.25">
      <c r="A1382">
        <v>15</v>
      </c>
      <c r="B1382">
        <v>163.131</v>
      </c>
      <c r="C1382">
        <v>181.084</v>
      </c>
      <c r="D1382">
        <v>3406.3</v>
      </c>
      <c r="E1382">
        <v>1.1417299999999999</v>
      </c>
      <c r="F1382">
        <v>6595.11</v>
      </c>
      <c r="G1382">
        <v>22.7392</v>
      </c>
    </row>
    <row r="1383" spans="1:7" x14ac:dyDescent="0.25">
      <c r="A1383">
        <v>15</v>
      </c>
      <c r="B1383">
        <v>161.24199999999999</v>
      </c>
      <c r="C1383">
        <v>200.297</v>
      </c>
      <c r="D1383">
        <v>1800</v>
      </c>
      <c r="E1383">
        <v>4</v>
      </c>
      <c r="F1383">
        <v>3288.78</v>
      </c>
      <c r="G1383">
        <v>75.977900000000005</v>
      </c>
    </row>
    <row r="1384" spans="1:7" x14ac:dyDescent="0.25">
      <c r="A1384">
        <v>15</v>
      </c>
      <c r="B1384">
        <v>140.45400000000001</v>
      </c>
      <c r="C1384">
        <v>204.07599999999999</v>
      </c>
      <c r="D1384">
        <v>6618.9</v>
      </c>
      <c r="E1384">
        <v>3.7873999999999999</v>
      </c>
      <c r="F1384">
        <v>7968.43</v>
      </c>
      <c r="G1384">
        <v>18.444900000000001</v>
      </c>
    </row>
    <row r="1385" spans="1:7" x14ac:dyDescent="0.25">
      <c r="A1385">
        <v>15</v>
      </c>
      <c r="B1385">
        <v>163.131</v>
      </c>
      <c r="C1385">
        <v>202.50200000000001</v>
      </c>
      <c r="D1385">
        <v>1933.86</v>
      </c>
      <c r="E1385">
        <v>3.4094500000000001</v>
      </c>
      <c r="F1385">
        <v>3516.54</v>
      </c>
      <c r="G1385">
        <v>68.293800000000005</v>
      </c>
    </row>
    <row r="1386" spans="1:7" x14ac:dyDescent="0.25">
      <c r="A1386">
        <v>15</v>
      </c>
      <c r="B1386">
        <v>161.24199999999999</v>
      </c>
      <c r="C1386">
        <v>200.92699999999999</v>
      </c>
      <c r="D1386">
        <v>2335.4299999999998</v>
      </c>
      <c r="E1386">
        <v>2.9606300000000001</v>
      </c>
      <c r="F1386">
        <v>3950.78</v>
      </c>
      <c r="G1386">
        <v>24.827000000000002</v>
      </c>
    </row>
    <row r="1387" spans="1:7" x14ac:dyDescent="0.25">
      <c r="A1387">
        <v>15</v>
      </c>
      <c r="B1387">
        <v>143.60400000000001</v>
      </c>
      <c r="C1387">
        <v>195.887</v>
      </c>
      <c r="D1387">
        <v>7288.19</v>
      </c>
      <c r="E1387">
        <v>3.9763799999999998</v>
      </c>
      <c r="F1387">
        <v>8626.8799999999992</v>
      </c>
      <c r="G1387">
        <v>24.3934</v>
      </c>
    </row>
    <row r="1388" spans="1:7" x14ac:dyDescent="0.25">
      <c r="A1388">
        <v>15</v>
      </c>
      <c r="B1388">
        <v>141.084</v>
      </c>
      <c r="C1388">
        <v>199.03700000000001</v>
      </c>
      <c r="D1388">
        <v>6618.9</v>
      </c>
      <c r="E1388">
        <v>4</v>
      </c>
      <c r="F1388">
        <v>8104.66</v>
      </c>
      <c r="G1388">
        <v>19.534300000000002</v>
      </c>
    </row>
    <row r="1389" spans="1:7" x14ac:dyDescent="0.25">
      <c r="A1389">
        <v>15</v>
      </c>
      <c r="B1389">
        <v>163.761</v>
      </c>
      <c r="C1389">
        <v>203.131</v>
      </c>
      <c r="D1389">
        <v>1800</v>
      </c>
      <c r="E1389">
        <v>3.4330699999999998</v>
      </c>
      <c r="F1389">
        <v>3347.44</v>
      </c>
      <c r="G1389">
        <v>73.524799999999999</v>
      </c>
    </row>
    <row r="1390" spans="1:7" x14ac:dyDescent="0.25">
      <c r="A1390">
        <v>15</v>
      </c>
      <c r="B1390">
        <v>158.72200000000001</v>
      </c>
      <c r="C1390">
        <v>201.87200000000001</v>
      </c>
      <c r="D1390">
        <v>2335.4299999999998</v>
      </c>
      <c r="E1390">
        <v>2.6771699999999998</v>
      </c>
      <c r="F1390">
        <v>4170.0200000000004</v>
      </c>
      <c r="G1390">
        <v>46.550600000000003</v>
      </c>
    </row>
    <row r="1391" spans="1:7" x14ac:dyDescent="0.25">
      <c r="A1391">
        <v>15</v>
      </c>
      <c r="B1391">
        <v>152.423</v>
      </c>
      <c r="C1391">
        <v>204.07599999999999</v>
      </c>
      <c r="D1391">
        <v>6083.46</v>
      </c>
      <c r="E1391">
        <v>3.7873999999999999</v>
      </c>
      <c r="F1391">
        <v>7207.18</v>
      </c>
      <c r="G1391">
        <v>36.863900000000001</v>
      </c>
    </row>
    <row r="1392" spans="1:7" x14ac:dyDescent="0.25">
      <c r="A1392">
        <v>15</v>
      </c>
      <c r="B1392">
        <v>161.24199999999999</v>
      </c>
      <c r="C1392">
        <v>202.81700000000001</v>
      </c>
      <c r="D1392">
        <v>2335.4299999999998</v>
      </c>
      <c r="E1392">
        <v>3.6929099999999999</v>
      </c>
      <c r="F1392">
        <v>3782.04</v>
      </c>
      <c r="G1392">
        <v>49.950499999999998</v>
      </c>
    </row>
    <row r="1393" spans="1:7" x14ac:dyDescent="0.25">
      <c r="A1393">
        <v>15</v>
      </c>
      <c r="B1393">
        <v>141.084</v>
      </c>
      <c r="C1393">
        <v>200.297</v>
      </c>
      <c r="D1393">
        <v>2469.29</v>
      </c>
      <c r="E1393">
        <v>2.8661400000000001</v>
      </c>
      <c r="F1393">
        <v>4466.53</v>
      </c>
      <c r="G1393">
        <v>97.648200000000003</v>
      </c>
    </row>
    <row r="1394" spans="1:7" x14ac:dyDescent="0.25">
      <c r="A1394">
        <v>15</v>
      </c>
      <c r="B1394">
        <v>170.06100000000001</v>
      </c>
      <c r="C1394">
        <v>201.55699999999999</v>
      </c>
      <c r="D1394">
        <v>2335.4299999999998</v>
      </c>
      <c r="E1394">
        <v>3.7873999999999999</v>
      </c>
      <c r="F1394">
        <v>3633.6</v>
      </c>
      <c r="G1394">
        <v>103.69499999999999</v>
      </c>
    </row>
    <row r="1395" spans="1:7" x14ac:dyDescent="0.25">
      <c r="A1395">
        <v>15</v>
      </c>
      <c r="B1395">
        <v>163.761</v>
      </c>
      <c r="C1395">
        <v>202.81700000000001</v>
      </c>
      <c r="D1395">
        <v>1800</v>
      </c>
      <c r="E1395">
        <v>3.9763799999999998</v>
      </c>
      <c r="F1395">
        <v>3236.36</v>
      </c>
      <c r="G1395">
        <v>77.363600000000005</v>
      </c>
    </row>
    <row r="1396" spans="1:7" x14ac:dyDescent="0.25">
      <c r="A1396">
        <v>15</v>
      </c>
      <c r="B1396">
        <v>163.761</v>
      </c>
      <c r="C1396">
        <v>202.81700000000001</v>
      </c>
      <c r="D1396">
        <v>2335.4299999999998</v>
      </c>
      <c r="E1396">
        <v>1.54331</v>
      </c>
      <c r="F1396">
        <v>4961.59</v>
      </c>
      <c r="G1396">
        <v>69.180700000000002</v>
      </c>
    </row>
    <row r="1397" spans="1:7" x14ac:dyDescent="0.25">
      <c r="A1397">
        <v>15</v>
      </c>
      <c r="B1397">
        <v>161.24199999999999</v>
      </c>
      <c r="C1397">
        <v>200.297</v>
      </c>
      <c r="D1397">
        <v>1800</v>
      </c>
      <c r="E1397">
        <v>2.9606300000000001</v>
      </c>
      <c r="F1397">
        <v>3635.92</v>
      </c>
      <c r="G1397">
        <v>73.394999999999996</v>
      </c>
    </row>
    <row r="1398" spans="1:7" x14ac:dyDescent="0.25">
      <c r="A1398">
        <v>15</v>
      </c>
      <c r="B1398">
        <v>163.761</v>
      </c>
      <c r="C1398">
        <v>200.297</v>
      </c>
      <c r="D1398">
        <v>6083.46</v>
      </c>
      <c r="E1398">
        <v>3.9763799999999998</v>
      </c>
      <c r="F1398">
        <v>7120.67</v>
      </c>
      <c r="G1398">
        <v>80.900499999999994</v>
      </c>
    </row>
    <row r="1399" spans="1:7" x14ac:dyDescent="0.25">
      <c r="A1399">
        <v>15</v>
      </c>
      <c r="B1399">
        <v>161.24199999999999</v>
      </c>
      <c r="C1399">
        <v>200.297</v>
      </c>
      <c r="D1399">
        <v>2335.4299999999998</v>
      </c>
      <c r="E1399">
        <v>2.9606300000000001</v>
      </c>
      <c r="F1399">
        <v>3950.78</v>
      </c>
      <c r="G1399">
        <v>24.827000000000002</v>
      </c>
    </row>
    <row r="1400" spans="1:7" x14ac:dyDescent="0.25">
      <c r="A1400">
        <v>15</v>
      </c>
      <c r="B1400">
        <v>163.131</v>
      </c>
      <c r="C1400">
        <v>200.92699999999999</v>
      </c>
      <c r="D1400">
        <v>1800</v>
      </c>
      <c r="E1400">
        <v>3.0551200000000001</v>
      </c>
      <c r="F1400">
        <v>3477.74</v>
      </c>
      <c r="G1400">
        <v>74.0732</v>
      </c>
    </row>
    <row r="1401" spans="1:7" x14ac:dyDescent="0.25">
      <c r="A1401">
        <v>15</v>
      </c>
      <c r="B1401">
        <v>141.084</v>
      </c>
      <c r="C1401">
        <v>199.03700000000001</v>
      </c>
      <c r="D1401">
        <v>6083.46</v>
      </c>
      <c r="E1401">
        <v>3.6220500000000002</v>
      </c>
      <c r="F1401">
        <v>7422.19</v>
      </c>
      <c r="G1401">
        <v>16.4617</v>
      </c>
    </row>
    <row r="1402" spans="1:7" x14ac:dyDescent="0.25">
      <c r="A1402">
        <v>15</v>
      </c>
      <c r="B1402">
        <v>160.61199999999999</v>
      </c>
      <c r="C1402">
        <v>200.92699999999999</v>
      </c>
      <c r="D1402">
        <v>1800</v>
      </c>
      <c r="E1402">
        <v>3.0551200000000001</v>
      </c>
      <c r="F1402">
        <v>3579.6</v>
      </c>
      <c r="G1402">
        <v>75.996300000000005</v>
      </c>
    </row>
    <row r="1403" spans="1:7" x14ac:dyDescent="0.25">
      <c r="A1403">
        <v>15</v>
      </c>
      <c r="B1403">
        <v>171.32</v>
      </c>
      <c r="C1403">
        <v>200.297</v>
      </c>
      <c r="D1403">
        <v>2870.87</v>
      </c>
      <c r="E1403">
        <v>2.6771699999999998</v>
      </c>
      <c r="F1403">
        <v>4073.83</v>
      </c>
      <c r="G1403">
        <v>53.121600000000001</v>
      </c>
    </row>
    <row r="1404" spans="1:7" x14ac:dyDescent="0.25">
      <c r="A1404">
        <v>15</v>
      </c>
      <c r="B1404">
        <v>159.982</v>
      </c>
      <c r="C1404">
        <v>200.61199999999999</v>
      </c>
      <c r="D1404">
        <v>1933.86</v>
      </c>
      <c r="E1404">
        <v>3.4094500000000001</v>
      </c>
      <c r="F1404">
        <v>3608.71</v>
      </c>
      <c r="G1404">
        <v>64.922300000000007</v>
      </c>
    </row>
    <row r="1405" spans="1:7" x14ac:dyDescent="0.25">
      <c r="A1405">
        <v>15</v>
      </c>
      <c r="B1405">
        <v>162.50200000000001</v>
      </c>
      <c r="C1405">
        <v>200.61199999999999</v>
      </c>
      <c r="D1405">
        <v>1800</v>
      </c>
      <c r="E1405">
        <v>3.8110200000000001</v>
      </c>
      <c r="F1405">
        <v>3343.81</v>
      </c>
      <c r="G1405">
        <v>76.278599999999997</v>
      </c>
    </row>
    <row r="1406" spans="1:7" x14ac:dyDescent="0.25">
      <c r="A1406">
        <v>15</v>
      </c>
      <c r="B1406">
        <v>163.761</v>
      </c>
      <c r="C1406">
        <v>200.297</v>
      </c>
      <c r="D1406">
        <v>6083.46</v>
      </c>
      <c r="E1406">
        <v>1.2598400000000001</v>
      </c>
      <c r="F1406">
        <v>9227.89</v>
      </c>
      <c r="G1406">
        <v>78.426199999999994</v>
      </c>
    </row>
    <row r="1407" spans="1:7" x14ac:dyDescent="0.25">
      <c r="A1407">
        <v>15</v>
      </c>
      <c r="B1407">
        <v>163.131</v>
      </c>
      <c r="C1407">
        <v>195.887</v>
      </c>
      <c r="D1407">
        <v>1800</v>
      </c>
      <c r="E1407">
        <v>3.9763799999999998</v>
      </c>
      <c r="F1407">
        <v>3245.8</v>
      </c>
      <c r="G1407">
        <v>80.910499999999999</v>
      </c>
    </row>
    <row r="1408" spans="1:7" x14ac:dyDescent="0.25">
      <c r="A1408">
        <v>15</v>
      </c>
      <c r="B1408">
        <v>160.61199999999999</v>
      </c>
      <c r="C1408">
        <v>202.50200000000001</v>
      </c>
      <c r="D1408">
        <v>2335.4299999999998</v>
      </c>
      <c r="E1408">
        <v>2.2755899999999998</v>
      </c>
      <c r="F1408">
        <v>4332</v>
      </c>
      <c r="G1408">
        <v>48.723199999999999</v>
      </c>
    </row>
    <row r="1409" spans="1:7" x14ac:dyDescent="0.25">
      <c r="A1409">
        <v>15</v>
      </c>
      <c r="B1409">
        <v>163.131</v>
      </c>
      <c r="C1409">
        <v>200.92699999999999</v>
      </c>
      <c r="D1409">
        <v>1800</v>
      </c>
      <c r="E1409">
        <v>2.65354</v>
      </c>
      <c r="F1409">
        <v>3633.73</v>
      </c>
      <c r="G1409">
        <v>73.628</v>
      </c>
    </row>
    <row r="1410" spans="1:7" x14ac:dyDescent="0.25">
      <c r="A1410">
        <v>15</v>
      </c>
      <c r="B1410">
        <v>171.32</v>
      </c>
      <c r="C1410">
        <v>196.517</v>
      </c>
      <c r="D1410">
        <v>1800</v>
      </c>
      <c r="E1410">
        <v>3.6220500000000002</v>
      </c>
      <c r="F1410">
        <v>3269.97</v>
      </c>
      <c r="G1410">
        <v>105.235</v>
      </c>
    </row>
    <row r="1411" spans="1:7" x14ac:dyDescent="0.25">
      <c r="A1411">
        <v>15</v>
      </c>
      <c r="B1411">
        <v>166.28100000000001</v>
      </c>
      <c r="C1411">
        <v>195.572</v>
      </c>
      <c r="D1411">
        <v>7288.19</v>
      </c>
      <c r="E1411">
        <v>1.02362</v>
      </c>
      <c r="F1411">
        <v>7152.81</v>
      </c>
      <c r="G1411">
        <v>19.911000000000001</v>
      </c>
    </row>
    <row r="1412" spans="1:7" x14ac:dyDescent="0.25">
      <c r="A1412">
        <v>15</v>
      </c>
      <c r="B1412">
        <v>140.45400000000001</v>
      </c>
      <c r="C1412">
        <v>198.40700000000001</v>
      </c>
      <c r="D1412">
        <v>6083.46</v>
      </c>
      <c r="E1412">
        <v>3.8110200000000001</v>
      </c>
      <c r="F1412">
        <v>7525.89</v>
      </c>
      <c r="G1412">
        <v>15.047800000000001</v>
      </c>
    </row>
    <row r="1413" spans="1:7" x14ac:dyDescent="0.25">
      <c r="A1413">
        <v>15</v>
      </c>
      <c r="B1413">
        <v>170.06100000000001</v>
      </c>
      <c r="C1413">
        <v>201.55699999999999</v>
      </c>
      <c r="D1413">
        <v>1800</v>
      </c>
      <c r="E1413">
        <v>3.7873999999999999</v>
      </c>
      <c r="F1413">
        <v>3171.67</v>
      </c>
      <c r="G1413">
        <v>95.021299999999997</v>
      </c>
    </row>
    <row r="1414" spans="1:7" x14ac:dyDescent="0.25">
      <c r="A1414">
        <v>15</v>
      </c>
      <c r="B1414">
        <v>137.935</v>
      </c>
      <c r="C1414">
        <v>203.131</v>
      </c>
      <c r="D1414">
        <v>6083.46</v>
      </c>
      <c r="E1414">
        <v>2.6771699999999998</v>
      </c>
      <c r="F1414">
        <v>7860.24</v>
      </c>
      <c r="G1414">
        <v>13.7896</v>
      </c>
    </row>
    <row r="1415" spans="1:7" x14ac:dyDescent="0.25">
      <c r="A1415">
        <v>15</v>
      </c>
      <c r="B1415">
        <v>141.084</v>
      </c>
      <c r="C1415">
        <v>198.72200000000001</v>
      </c>
      <c r="D1415">
        <v>6083.46</v>
      </c>
      <c r="E1415">
        <v>3.9763799999999998</v>
      </c>
      <c r="F1415">
        <v>7469.33</v>
      </c>
      <c r="G1415">
        <v>16.398399999999999</v>
      </c>
    </row>
    <row r="1416" spans="1:7" x14ac:dyDescent="0.25">
      <c r="A1416">
        <v>15</v>
      </c>
      <c r="B1416">
        <v>163.761</v>
      </c>
      <c r="C1416">
        <v>202.81700000000001</v>
      </c>
      <c r="D1416">
        <v>1800</v>
      </c>
      <c r="E1416">
        <v>3.8110200000000001</v>
      </c>
      <c r="F1416">
        <v>3250.23</v>
      </c>
      <c r="G1416">
        <v>73.559899999999999</v>
      </c>
    </row>
    <row r="1417" spans="1:7" x14ac:dyDescent="0.25">
      <c r="A1417">
        <v>15</v>
      </c>
      <c r="B1417">
        <v>141.084</v>
      </c>
      <c r="C1417">
        <v>199.03700000000001</v>
      </c>
      <c r="D1417">
        <v>6083.46</v>
      </c>
      <c r="E1417">
        <v>3.6220500000000002</v>
      </c>
      <c r="F1417">
        <v>7422.19</v>
      </c>
      <c r="G1417">
        <v>16.4617</v>
      </c>
    </row>
    <row r="1418" spans="1:7" x14ac:dyDescent="0.25">
      <c r="A1418">
        <v>15</v>
      </c>
      <c r="B1418">
        <v>174.47</v>
      </c>
      <c r="C1418">
        <v>200.92699999999999</v>
      </c>
      <c r="D1418">
        <v>1800</v>
      </c>
      <c r="E1418">
        <v>3.9763799999999998</v>
      </c>
      <c r="F1418">
        <v>3087.32</v>
      </c>
      <c r="G1418">
        <v>106.405</v>
      </c>
    </row>
    <row r="1419" spans="1:7" x14ac:dyDescent="0.25">
      <c r="A1419">
        <v>15</v>
      </c>
      <c r="B1419">
        <v>161.24199999999999</v>
      </c>
      <c r="C1419">
        <v>200.92699999999999</v>
      </c>
      <c r="D1419">
        <v>2335.4299999999998</v>
      </c>
      <c r="E1419">
        <v>2.9606300000000001</v>
      </c>
      <c r="F1419">
        <v>3950.78</v>
      </c>
      <c r="G1419">
        <v>24.827000000000002</v>
      </c>
    </row>
    <row r="1420" spans="1:7" x14ac:dyDescent="0.25">
      <c r="A1420">
        <v>15</v>
      </c>
      <c r="B1420">
        <v>161.24199999999999</v>
      </c>
      <c r="C1420">
        <v>200.92699999999999</v>
      </c>
      <c r="D1420">
        <v>2335.4299999999998</v>
      </c>
      <c r="E1420">
        <v>2.9606300000000001</v>
      </c>
      <c r="F1420">
        <v>3950.78</v>
      </c>
      <c r="G1420">
        <v>24.827000000000002</v>
      </c>
    </row>
    <row r="1421" spans="1:7" x14ac:dyDescent="0.25">
      <c r="A1421">
        <v>15</v>
      </c>
      <c r="B1421">
        <v>165.65100000000001</v>
      </c>
      <c r="C1421">
        <v>204.70599999999999</v>
      </c>
      <c r="D1421">
        <v>1800</v>
      </c>
      <c r="E1421">
        <v>3.6929099999999999</v>
      </c>
      <c r="F1421">
        <v>3294.17</v>
      </c>
      <c r="G1421">
        <v>68.730099999999993</v>
      </c>
    </row>
    <row r="1422" spans="1:7" x14ac:dyDescent="0.25">
      <c r="A1422">
        <v>15</v>
      </c>
      <c r="B1422">
        <v>160.61199999999999</v>
      </c>
      <c r="C1422">
        <v>200.297</v>
      </c>
      <c r="D1422">
        <v>2335.4299999999998</v>
      </c>
      <c r="E1422">
        <v>3.0551200000000001</v>
      </c>
      <c r="F1422">
        <v>3922.51</v>
      </c>
      <c r="G1422">
        <v>29.449200000000001</v>
      </c>
    </row>
    <row r="1423" spans="1:7" x14ac:dyDescent="0.25">
      <c r="A1423">
        <v>15</v>
      </c>
      <c r="B1423">
        <v>170.691</v>
      </c>
      <c r="C1423">
        <v>195.887</v>
      </c>
      <c r="D1423">
        <v>1800</v>
      </c>
      <c r="E1423">
        <v>3.9763799999999998</v>
      </c>
      <c r="F1423">
        <v>3100.39</v>
      </c>
      <c r="G1423">
        <v>96.464200000000005</v>
      </c>
    </row>
    <row r="1424" spans="1:7" x14ac:dyDescent="0.25">
      <c r="A1424">
        <v>15</v>
      </c>
      <c r="B1424">
        <v>161.24199999999999</v>
      </c>
      <c r="C1424">
        <v>200.61199999999999</v>
      </c>
      <c r="D1424">
        <v>1800</v>
      </c>
      <c r="E1424">
        <v>1.1653500000000001</v>
      </c>
      <c r="F1424">
        <v>5140.91</v>
      </c>
      <c r="G1424">
        <v>20.473600000000001</v>
      </c>
    </row>
    <row r="1425" spans="1:7" x14ac:dyDescent="0.25">
      <c r="A1425">
        <v>15</v>
      </c>
      <c r="B1425">
        <v>161.24199999999999</v>
      </c>
      <c r="C1425">
        <v>200.92699999999999</v>
      </c>
      <c r="D1425">
        <v>2335.4299999999998</v>
      </c>
      <c r="E1425">
        <v>2.9606300000000001</v>
      </c>
      <c r="F1425">
        <v>3950.78</v>
      </c>
      <c r="G1425">
        <v>24.827000000000002</v>
      </c>
    </row>
    <row r="1426" spans="1:7" x14ac:dyDescent="0.25">
      <c r="A1426">
        <v>15</v>
      </c>
      <c r="B1426">
        <v>166.28100000000001</v>
      </c>
      <c r="C1426">
        <v>201.87200000000001</v>
      </c>
      <c r="D1426">
        <v>1800</v>
      </c>
      <c r="E1426">
        <v>3.8110200000000001</v>
      </c>
      <c r="F1426">
        <v>3182.38</v>
      </c>
      <c r="G1426">
        <v>74.304599999999994</v>
      </c>
    </row>
    <row r="1427" spans="1:7" x14ac:dyDescent="0.25">
      <c r="A1427">
        <v>15</v>
      </c>
      <c r="B1427">
        <v>165.65100000000001</v>
      </c>
      <c r="C1427">
        <v>199.982</v>
      </c>
      <c r="D1427">
        <v>1933.86</v>
      </c>
      <c r="E1427">
        <v>3.7873999999999999</v>
      </c>
      <c r="F1427">
        <v>3302.26</v>
      </c>
      <c r="G1427">
        <v>57.241799999999998</v>
      </c>
    </row>
    <row r="1428" spans="1:7" x14ac:dyDescent="0.25">
      <c r="A1428">
        <v>15</v>
      </c>
      <c r="B1428">
        <v>161.24199999999999</v>
      </c>
      <c r="C1428">
        <v>202.81700000000001</v>
      </c>
      <c r="D1428">
        <v>2335.4299999999998</v>
      </c>
      <c r="E1428">
        <v>4</v>
      </c>
      <c r="F1428">
        <v>3697.32</v>
      </c>
      <c r="G1428">
        <v>49.619300000000003</v>
      </c>
    </row>
    <row r="1429" spans="1:7" x14ac:dyDescent="0.25">
      <c r="A1429">
        <v>15</v>
      </c>
      <c r="B1429">
        <v>137.935</v>
      </c>
      <c r="C1429">
        <v>198.09200000000001</v>
      </c>
      <c r="D1429">
        <v>6083.46</v>
      </c>
      <c r="E1429">
        <v>2.1102400000000001</v>
      </c>
      <c r="F1429">
        <v>8238.3799999999992</v>
      </c>
      <c r="G1429">
        <v>11.8962</v>
      </c>
    </row>
    <row r="1430" spans="1:7" x14ac:dyDescent="0.25">
      <c r="A1430">
        <v>15</v>
      </c>
      <c r="B1430">
        <v>166.28100000000001</v>
      </c>
      <c r="C1430">
        <v>201.87200000000001</v>
      </c>
      <c r="D1430">
        <v>1800</v>
      </c>
      <c r="E1430">
        <v>3.8110200000000001</v>
      </c>
      <c r="F1430">
        <v>3182.38</v>
      </c>
      <c r="G1430">
        <v>74.304599999999994</v>
      </c>
    </row>
    <row r="1431" spans="1:7" x14ac:dyDescent="0.25">
      <c r="A1431">
        <v>15</v>
      </c>
      <c r="B1431">
        <v>161.24199999999999</v>
      </c>
      <c r="C1431">
        <v>200.92699999999999</v>
      </c>
      <c r="D1431">
        <v>2335.4299999999998</v>
      </c>
      <c r="E1431">
        <v>2.9606300000000001</v>
      </c>
      <c r="F1431">
        <v>3950.78</v>
      </c>
      <c r="G1431">
        <v>24.827000000000002</v>
      </c>
    </row>
    <row r="1432" spans="1:7" x14ac:dyDescent="0.25">
      <c r="A1432">
        <v>15</v>
      </c>
      <c r="B1432">
        <v>161.24199999999999</v>
      </c>
      <c r="C1432">
        <v>200.92699999999999</v>
      </c>
      <c r="D1432">
        <v>2335.4299999999998</v>
      </c>
      <c r="E1432">
        <v>2.9606300000000001</v>
      </c>
      <c r="F1432">
        <v>3950.78</v>
      </c>
      <c r="G1432">
        <v>24.827000000000002</v>
      </c>
    </row>
    <row r="1433" spans="1:7" x14ac:dyDescent="0.25">
      <c r="A1433">
        <v>15</v>
      </c>
      <c r="B1433">
        <v>136.04499999999999</v>
      </c>
      <c r="C1433">
        <v>195.572</v>
      </c>
      <c r="D1433">
        <v>6083.46</v>
      </c>
      <c r="E1433">
        <v>1.1653500000000001</v>
      </c>
      <c r="F1433">
        <v>9446.7000000000007</v>
      </c>
      <c r="G1433">
        <v>11.3193</v>
      </c>
    </row>
    <row r="1434" spans="1:7" x14ac:dyDescent="0.25">
      <c r="A1434">
        <v>15</v>
      </c>
      <c r="B1434">
        <v>137.935</v>
      </c>
      <c r="C1434">
        <v>198.09200000000001</v>
      </c>
      <c r="D1434">
        <v>6083.46</v>
      </c>
      <c r="E1434">
        <v>2.1102400000000001</v>
      </c>
      <c r="F1434">
        <v>8238.3799999999992</v>
      </c>
      <c r="G1434">
        <v>11.8962</v>
      </c>
    </row>
    <row r="1435" spans="1:7" x14ac:dyDescent="0.25">
      <c r="A1435">
        <v>15</v>
      </c>
      <c r="B1435">
        <v>161.24199999999999</v>
      </c>
      <c r="C1435">
        <v>200.61199999999999</v>
      </c>
      <c r="D1435">
        <v>1800</v>
      </c>
      <c r="E1435">
        <v>1.1653500000000001</v>
      </c>
      <c r="F1435">
        <v>5140.91</v>
      </c>
      <c r="G1435">
        <v>20.473600000000001</v>
      </c>
    </row>
    <row r="1436" spans="1:7" x14ac:dyDescent="0.25">
      <c r="A1436">
        <v>15</v>
      </c>
      <c r="B1436">
        <v>137.935</v>
      </c>
      <c r="C1436">
        <v>198.09200000000001</v>
      </c>
      <c r="D1436">
        <v>6083.46</v>
      </c>
      <c r="E1436">
        <v>2.1102400000000001</v>
      </c>
      <c r="F1436">
        <v>8238.3799999999992</v>
      </c>
      <c r="G1436">
        <v>11.8962</v>
      </c>
    </row>
    <row r="1437" spans="1:7" x14ac:dyDescent="0.25">
      <c r="A1437">
        <v>15</v>
      </c>
      <c r="B1437">
        <v>161.24199999999999</v>
      </c>
      <c r="C1437">
        <v>202.81700000000001</v>
      </c>
      <c r="D1437">
        <v>2335.4299999999998</v>
      </c>
      <c r="E1437">
        <v>4</v>
      </c>
      <c r="F1437">
        <v>3697.32</v>
      </c>
      <c r="G1437">
        <v>49.619300000000003</v>
      </c>
    </row>
    <row r="1438" spans="1:7" x14ac:dyDescent="0.25">
      <c r="A1438">
        <v>15</v>
      </c>
      <c r="B1438">
        <v>161.24199999999999</v>
      </c>
      <c r="C1438">
        <v>200.61199999999999</v>
      </c>
      <c r="D1438">
        <v>1800</v>
      </c>
      <c r="E1438">
        <v>1.1653500000000001</v>
      </c>
      <c r="F1438">
        <v>5140.91</v>
      </c>
      <c r="G1438">
        <v>20.473600000000001</v>
      </c>
    </row>
    <row r="1439" spans="1:7" x14ac:dyDescent="0.25">
      <c r="A1439">
        <v>15</v>
      </c>
      <c r="B1439">
        <v>161.24199999999999</v>
      </c>
      <c r="C1439">
        <v>200.61199999999999</v>
      </c>
      <c r="D1439">
        <v>1800</v>
      </c>
      <c r="E1439">
        <v>1.1653500000000001</v>
      </c>
      <c r="F1439">
        <v>5140.91</v>
      </c>
      <c r="G1439">
        <v>20.473600000000001</v>
      </c>
    </row>
    <row r="1440" spans="1:7" x14ac:dyDescent="0.25">
      <c r="A1440">
        <v>15</v>
      </c>
      <c r="B1440">
        <v>141.084</v>
      </c>
      <c r="C1440">
        <v>195.887</v>
      </c>
      <c r="D1440">
        <v>6083.46</v>
      </c>
      <c r="E1440">
        <v>3.6220500000000002</v>
      </c>
      <c r="F1440">
        <v>7421.91</v>
      </c>
      <c r="G1440">
        <v>16.4617</v>
      </c>
    </row>
    <row r="1441" spans="1:7" x14ac:dyDescent="0.25">
      <c r="A1441">
        <v>16</v>
      </c>
      <c r="B1441">
        <v>161.24199999999999</v>
      </c>
      <c r="C1441">
        <v>200.61199999999999</v>
      </c>
      <c r="D1441">
        <v>1800</v>
      </c>
      <c r="E1441">
        <v>1.1653500000000001</v>
      </c>
      <c r="F1441">
        <v>5140.91</v>
      </c>
      <c r="G1441">
        <v>20.473600000000001</v>
      </c>
    </row>
    <row r="1442" spans="1:7" x14ac:dyDescent="0.25">
      <c r="A1442">
        <v>16</v>
      </c>
      <c r="B1442">
        <v>161.24199999999999</v>
      </c>
      <c r="C1442">
        <v>202.81700000000001</v>
      </c>
      <c r="D1442">
        <v>2335.4299999999998</v>
      </c>
      <c r="E1442">
        <v>4</v>
      </c>
      <c r="F1442">
        <v>3697.32</v>
      </c>
      <c r="G1442">
        <v>49.619300000000003</v>
      </c>
    </row>
    <row r="1443" spans="1:7" x14ac:dyDescent="0.25">
      <c r="A1443">
        <v>16</v>
      </c>
      <c r="B1443">
        <v>140.45400000000001</v>
      </c>
      <c r="C1443">
        <v>204.70599999999999</v>
      </c>
      <c r="D1443">
        <v>6083.46</v>
      </c>
      <c r="E1443">
        <v>3.7873999999999999</v>
      </c>
      <c r="F1443">
        <v>7535.69</v>
      </c>
      <c r="G1443">
        <v>15.052099999999999</v>
      </c>
    </row>
    <row r="1444" spans="1:7" x14ac:dyDescent="0.25">
      <c r="A1444">
        <v>16</v>
      </c>
      <c r="B1444">
        <v>141.084</v>
      </c>
      <c r="C1444">
        <v>199.03700000000001</v>
      </c>
      <c r="D1444">
        <v>6083.46</v>
      </c>
      <c r="E1444">
        <v>3.6220500000000002</v>
      </c>
      <c r="F1444">
        <v>7422.19</v>
      </c>
      <c r="G1444">
        <v>16.4617</v>
      </c>
    </row>
    <row r="1445" spans="1:7" x14ac:dyDescent="0.25">
      <c r="A1445">
        <v>16</v>
      </c>
      <c r="B1445">
        <v>140.45400000000001</v>
      </c>
      <c r="C1445">
        <v>195.887</v>
      </c>
      <c r="D1445">
        <v>6217.32</v>
      </c>
      <c r="E1445">
        <v>3.4330699999999998</v>
      </c>
      <c r="F1445">
        <v>7694.53</v>
      </c>
      <c r="G1445">
        <v>17.672599999999999</v>
      </c>
    </row>
    <row r="1446" spans="1:7" x14ac:dyDescent="0.25">
      <c r="A1446">
        <v>16</v>
      </c>
      <c r="B1446">
        <v>140.45400000000001</v>
      </c>
      <c r="C1446">
        <v>196.517</v>
      </c>
      <c r="D1446">
        <v>6083.46</v>
      </c>
      <c r="E1446">
        <v>3.6220500000000002</v>
      </c>
      <c r="F1446">
        <v>7602.99</v>
      </c>
      <c r="G1446">
        <v>15.0975</v>
      </c>
    </row>
    <row r="1447" spans="1:7" x14ac:dyDescent="0.25">
      <c r="A1447">
        <v>16</v>
      </c>
      <c r="B1447">
        <v>140.45400000000001</v>
      </c>
      <c r="C1447">
        <v>202.18700000000001</v>
      </c>
      <c r="D1447">
        <v>1800</v>
      </c>
      <c r="E1447">
        <v>3.2204700000000002</v>
      </c>
      <c r="F1447">
        <v>3734.72</v>
      </c>
      <c r="G1447">
        <v>118.526</v>
      </c>
    </row>
    <row r="1448" spans="1:7" x14ac:dyDescent="0.25">
      <c r="A1448">
        <v>16</v>
      </c>
      <c r="B1448">
        <v>161.24199999999999</v>
      </c>
      <c r="C1448">
        <v>200.92699999999999</v>
      </c>
      <c r="D1448">
        <v>2335.4299999999998</v>
      </c>
      <c r="E1448">
        <v>2.9606300000000001</v>
      </c>
      <c r="F1448">
        <v>3950.78</v>
      </c>
      <c r="G1448">
        <v>24.827000000000002</v>
      </c>
    </row>
    <row r="1449" spans="1:7" x14ac:dyDescent="0.25">
      <c r="A1449">
        <v>16</v>
      </c>
      <c r="B1449">
        <v>157.46199999999999</v>
      </c>
      <c r="C1449">
        <v>202.81700000000001</v>
      </c>
      <c r="D1449">
        <v>2335.4299999999998</v>
      </c>
      <c r="E1449">
        <v>3.6929099999999999</v>
      </c>
      <c r="F1449">
        <v>3846.62</v>
      </c>
      <c r="G1449">
        <v>56.591999999999999</v>
      </c>
    </row>
    <row r="1450" spans="1:7" x14ac:dyDescent="0.25">
      <c r="A1450">
        <v>16</v>
      </c>
      <c r="B1450">
        <v>160.61199999999999</v>
      </c>
      <c r="C1450">
        <v>200.92699999999999</v>
      </c>
      <c r="D1450">
        <v>2870.87</v>
      </c>
      <c r="E1450">
        <v>3.7873999999999999</v>
      </c>
      <c r="F1450">
        <v>4144.8</v>
      </c>
      <c r="G1450">
        <v>28.241499999999998</v>
      </c>
    </row>
    <row r="1451" spans="1:7" x14ac:dyDescent="0.25">
      <c r="A1451">
        <v>16</v>
      </c>
      <c r="B1451">
        <v>160.61199999999999</v>
      </c>
      <c r="C1451">
        <v>199.03700000000001</v>
      </c>
      <c r="D1451">
        <v>1800</v>
      </c>
      <c r="E1451">
        <v>3.6220500000000002</v>
      </c>
      <c r="F1451">
        <v>3364.28</v>
      </c>
      <c r="G1451">
        <v>82.766599999999997</v>
      </c>
    </row>
    <row r="1452" spans="1:7" x14ac:dyDescent="0.25">
      <c r="A1452">
        <v>16</v>
      </c>
      <c r="B1452">
        <v>161.24199999999999</v>
      </c>
      <c r="C1452">
        <v>200.61199999999999</v>
      </c>
      <c r="D1452">
        <v>1800</v>
      </c>
      <c r="E1452">
        <v>2.6771699999999998</v>
      </c>
      <c r="F1452">
        <v>3676.54</v>
      </c>
      <c r="G1452">
        <v>70.4084</v>
      </c>
    </row>
    <row r="1453" spans="1:7" x14ac:dyDescent="0.25">
      <c r="A1453">
        <v>16</v>
      </c>
      <c r="B1453">
        <v>160.61199999999999</v>
      </c>
      <c r="C1453">
        <v>203.761</v>
      </c>
      <c r="D1453">
        <v>1800</v>
      </c>
      <c r="E1453">
        <v>2.6771699999999998</v>
      </c>
      <c r="F1453">
        <v>3673.29</v>
      </c>
      <c r="G1453">
        <v>70.905799999999999</v>
      </c>
    </row>
    <row r="1454" spans="1:7" x14ac:dyDescent="0.25">
      <c r="A1454">
        <v>16</v>
      </c>
      <c r="B1454">
        <v>160.61199999999999</v>
      </c>
      <c r="C1454">
        <v>195.25700000000001</v>
      </c>
      <c r="D1454">
        <v>1933.86</v>
      </c>
      <c r="E1454">
        <v>2.4881899999999999</v>
      </c>
      <c r="F1454">
        <v>3913.7</v>
      </c>
      <c r="G1454">
        <v>68.998500000000007</v>
      </c>
    </row>
    <row r="1455" spans="1:7" x14ac:dyDescent="0.25">
      <c r="A1455">
        <v>16</v>
      </c>
      <c r="B1455">
        <v>161.24199999999999</v>
      </c>
      <c r="C1455">
        <v>200.92699999999999</v>
      </c>
      <c r="D1455">
        <v>2335.4299999999998</v>
      </c>
      <c r="E1455">
        <v>2.9606300000000001</v>
      </c>
      <c r="F1455">
        <v>3950.78</v>
      </c>
      <c r="G1455">
        <v>24.827000000000002</v>
      </c>
    </row>
    <row r="1456" spans="1:7" x14ac:dyDescent="0.25">
      <c r="A1456">
        <v>16</v>
      </c>
      <c r="B1456">
        <v>161.87200000000001</v>
      </c>
      <c r="C1456">
        <v>205.02099999999999</v>
      </c>
      <c r="D1456">
        <v>6083.46</v>
      </c>
      <c r="E1456">
        <v>3.7873999999999999</v>
      </c>
      <c r="F1456">
        <v>7243.65</v>
      </c>
      <c r="G1456">
        <v>29.734500000000001</v>
      </c>
    </row>
    <row r="1457" spans="1:7" x14ac:dyDescent="0.25">
      <c r="A1457">
        <v>16</v>
      </c>
      <c r="B1457">
        <v>161.24199999999999</v>
      </c>
      <c r="C1457">
        <v>200.61199999999999</v>
      </c>
      <c r="D1457">
        <v>1800</v>
      </c>
      <c r="E1457">
        <v>2.6771699999999998</v>
      </c>
      <c r="F1457">
        <v>3676.54</v>
      </c>
      <c r="G1457">
        <v>70.4084</v>
      </c>
    </row>
    <row r="1458" spans="1:7" x14ac:dyDescent="0.25">
      <c r="A1458">
        <v>16</v>
      </c>
      <c r="B1458">
        <v>161.87200000000001</v>
      </c>
      <c r="C1458">
        <v>196.517</v>
      </c>
      <c r="D1458">
        <v>1800</v>
      </c>
      <c r="E1458">
        <v>3.59843</v>
      </c>
      <c r="F1458">
        <v>3387.89</v>
      </c>
      <c r="G1458">
        <v>79.614000000000004</v>
      </c>
    </row>
    <row r="1459" spans="1:7" x14ac:dyDescent="0.25">
      <c r="A1459">
        <v>16</v>
      </c>
      <c r="B1459">
        <v>162.50200000000001</v>
      </c>
      <c r="C1459">
        <v>201.24199999999999</v>
      </c>
      <c r="D1459">
        <v>1800</v>
      </c>
      <c r="E1459">
        <v>1.92126</v>
      </c>
      <c r="F1459">
        <v>4086.59</v>
      </c>
      <c r="G1459">
        <v>68.185199999999995</v>
      </c>
    </row>
    <row r="1460" spans="1:7" x14ac:dyDescent="0.25">
      <c r="A1460">
        <v>16</v>
      </c>
      <c r="B1460">
        <v>163.131</v>
      </c>
      <c r="C1460">
        <v>176.04499999999999</v>
      </c>
      <c r="D1460">
        <v>2335.4299999999998</v>
      </c>
      <c r="E1460">
        <v>2.2755899999999998</v>
      </c>
      <c r="F1460">
        <v>4414.8900000000003</v>
      </c>
      <c r="G1460">
        <v>25.876200000000001</v>
      </c>
    </row>
    <row r="1461" spans="1:7" x14ac:dyDescent="0.25">
      <c r="A1461">
        <v>16</v>
      </c>
      <c r="B1461">
        <v>171.32</v>
      </c>
      <c r="C1461">
        <v>200.297</v>
      </c>
      <c r="D1461">
        <v>3406.3</v>
      </c>
      <c r="E1461">
        <v>3.0551200000000001</v>
      </c>
      <c r="F1461">
        <v>4138.99</v>
      </c>
      <c r="G1461">
        <v>111.164</v>
      </c>
    </row>
    <row r="1462" spans="1:7" x14ac:dyDescent="0.25">
      <c r="A1462">
        <v>16</v>
      </c>
      <c r="B1462">
        <v>163.131</v>
      </c>
      <c r="C1462">
        <v>200.92699999999999</v>
      </c>
      <c r="D1462">
        <v>3406.3</v>
      </c>
      <c r="E1462">
        <v>3.0314999999999999</v>
      </c>
      <c r="F1462">
        <v>4786.3100000000004</v>
      </c>
      <c r="G1462">
        <v>82.405299999999997</v>
      </c>
    </row>
    <row r="1463" spans="1:7" x14ac:dyDescent="0.25">
      <c r="A1463">
        <v>16</v>
      </c>
      <c r="B1463">
        <v>150.53299999999999</v>
      </c>
      <c r="C1463">
        <v>196.517</v>
      </c>
      <c r="D1463">
        <v>6083.46</v>
      </c>
      <c r="E1463">
        <v>3.4094500000000001</v>
      </c>
      <c r="F1463">
        <v>7488.24</v>
      </c>
      <c r="G1463">
        <v>34.482599999999998</v>
      </c>
    </row>
    <row r="1464" spans="1:7" x14ac:dyDescent="0.25">
      <c r="A1464">
        <v>16</v>
      </c>
      <c r="B1464">
        <v>140.45400000000001</v>
      </c>
      <c r="C1464">
        <v>196.517</v>
      </c>
      <c r="D1464">
        <v>6083.46</v>
      </c>
      <c r="E1464">
        <v>3.59843</v>
      </c>
      <c r="F1464">
        <v>7613.14</v>
      </c>
      <c r="G1464">
        <v>15.106299999999999</v>
      </c>
    </row>
    <row r="1465" spans="1:7" x14ac:dyDescent="0.25">
      <c r="A1465">
        <v>16</v>
      </c>
      <c r="B1465">
        <v>163.761</v>
      </c>
      <c r="C1465">
        <v>201.24199999999999</v>
      </c>
      <c r="D1465">
        <v>3004.72</v>
      </c>
      <c r="E1465">
        <v>1.1417299999999999</v>
      </c>
      <c r="F1465">
        <v>6094.82</v>
      </c>
      <c r="G1465">
        <v>23.189599999999999</v>
      </c>
    </row>
    <row r="1466" spans="1:7" x14ac:dyDescent="0.25">
      <c r="A1466">
        <v>16</v>
      </c>
      <c r="B1466">
        <v>163.761</v>
      </c>
      <c r="C1466">
        <v>202.81700000000001</v>
      </c>
      <c r="D1466">
        <v>2335.4299999999998</v>
      </c>
      <c r="E1466">
        <v>4</v>
      </c>
      <c r="F1466">
        <v>3742.33</v>
      </c>
      <c r="G1466">
        <v>70.3797</v>
      </c>
    </row>
    <row r="1467" spans="1:7" x14ac:dyDescent="0.25">
      <c r="A1467">
        <v>16</v>
      </c>
      <c r="B1467">
        <v>140.45400000000001</v>
      </c>
      <c r="C1467">
        <v>204.70599999999999</v>
      </c>
      <c r="D1467">
        <v>6083.46</v>
      </c>
      <c r="E1467">
        <v>3.7873999999999999</v>
      </c>
      <c r="F1467">
        <v>7535.69</v>
      </c>
      <c r="G1467">
        <v>15.052099999999999</v>
      </c>
    </row>
    <row r="1468" spans="1:7" x14ac:dyDescent="0.25">
      <c r="A1468">
        <v>16</v>
      </c>
      <c r="B1468">
        <v>171.32</v>
      </c>
      <c r="C1468">
        <v>201.55699999999999</v>
      </c>
      <c r="D1468">
        <v>1800</v>
      </c>
      <c r="E1468">
        <v>3.7873999999999999</v>
      </c>
      <c r="F1468">
        <v>3116.93</v>
      </c>
      <c r="G1468">
        <v>103.426</v>
      </c>
    </row>
    <row r="1469" spans="1:7" x14ac:dyDescent="0.25">
      <c r="A1469">
        <v>16</v>
      </c>
      <c r="B1469">
        <v>141.084</v>
      </c>
      <c r="C1469">
        <v>199.03700000000001</v>
      </c>
      <c r="D1469">
        <v>6083.46</v>
      </c>
      <c r="E1469">
        <v>3.59843</v>
      </c>
      <c r="F1469">
        <v>7431.12</v>
      </c>
      <c r="G1469">
        <v>16.470400000000001</v>
      </c>
    </row>
    <row r="1470" spans="1:7" x14ac:dyDescent="0.25">
      <c r="A1470">
        <v>16</v>
      </c>
      <c r="B1470">
        <v>146.124</v>
      </c>
      <c r="C1470">
        <v>196.517</v>
      </c>
      <c r="D1470">
        <v>1800</v>
      </c>
      <c r="E1470">
        <v>3.4094500000000001</v>
      </c>
      <c r="F1470">
        <v>3690.8</v>
      </c>
      <c r="G1470">
        <v>114.00700000000001</v>
      </c>
    </row>
    <row r="1471" spans="1:7" x14ac:dyDescent="0.25">
      <c r="A1471">
        <v>16</v>
      </c>
      <c r="B1471">
        <v>156.202</v>
      </c>
      <c r="C1471">
        <v>200.61199999999999</v>
      </c>
      <c r="D1471">
        <v>1800</v>
      </c>
      <c r="E1471">
        <v>1.54331</v>
      </c>
      <c r="F1471">
        <v>4611.82</v>
      </c>
      <c r="G1471">
        <v>66.862899999999996</v>
      </c>
    </row>
    <row r="1472" spans="1:7" x14ac:dyDescent="0.25">
      <c r="A1472">
        <v>16</v>
      </c>
      <c r="B1472">
        <v>161.24199999999999</v>
      </c>
      <c r="C1472">
        <v>202.81700000000001</v>
      </c>
      <c r="D1472">
        <v>2335.4299999999998</v>
      </c>
      <c r="E1472">
        <v>3.7165400000000002</v>
      </c>
      <c r="F1472">
        <v>3775</v>
      </c>
      <c r="G1472">
        <v>49.923200000000001</v>
      </c>
    </row>
    <row r="1473" spans="1:7" x14ac:dyDescent="0.25">
      <c r="A1473">
        <v>16</v>
      </c>
      <c r="B1473">
        <v>141.084</v>
      </c>
      <c r="C1473">
        <v>205.02099999999999</v>
      </c>
      <c r="D1473">
        <v>6083.46</v>
      </c>
      <c r="E1473">
        <v>3.4094500000000001</v>
      </c>
      <c r="F1473">
        <v>7506.6</v>
      </c>
      <c r="G1473">
        <v>16.5473</v>
      </c>
    </row>
    <row r="1474" spans="1:7" x14ac:dyDescent="0.25">
      <c r="A1474">
        <v>16</v>
      </c>
      <c r="B1474">
        <v>162.50200000000001</v>
      </c>
      <c r="C1474">
        <v>200.61199999999999</v>
      </c>
      <c r="D1474">
        <v>1933.86</v>
      </c>
      <c r="E1474">
        <v>2.65354</v>
      </c>
      <c r="F1474">
        <v>3777.29</v>
      </c>
      <c r="G1474">
        <v>68.855900000000005</v>
      </c>
    </row>
    <row r="1475" spans="1:7" x14ac:dyDescent="0.25">
      <c r="A1475">
        <v>16</v>
      </c>
      <c r="B1475">
        <v>166.28100000000001</v>
      </c>
      <c r="C1475">
        <v>200.297</v>
      </c>
      <c r="D1475">
        <v>1800</v>
      </c>
      <c r="E1475">
        <v>3.6929099999999999</v>
      </c>
      <c r="F1475">
        <v>3213.92</v>
      </c>
      <c r="G1475">
        <v>74.245400000000004</v>
      </c>
    </row>
    <row r="1476" spans="1:7" x14ac:dyDescent="0.25">
      <c r="A1476">
        <v>16</v>
      </c>
      <c r="B1476">
        <v>161.87200000000001</v>
      </c>
      <c r="C1476">
        <v>204.70599999999999</v>
      </c>
      <c r="D1476">
        <v>6217.32</v>
      </c>
      <c r="E1476">
        <v>3.7873999999999999</v>
      </c>
      <c r="F1476">
        <v>7312.91</v>
      </c>
      <c r="G1476">
        <v>29.734500000000001</v>
      </c>
    </row>
    <row r="1477" spans="1:7" x14ac:dyDescent="0.25">
      <c r="A1477">
        <v>16</v>
      </c>
      <c r="B1477">
        <v>142.97399999999999</v>
      </c>
      <c r="C1477">
        <v>201.87200000000001</v>
      </c>
      <c r="D1477">
        <v>6083.46</v>
      </c>
      <c r="E1477">
        <v>3.59843</v>
      </c>
      <c r="F1477">
        <v>7436.77</v>
      </c>
      <c r="G1477">
        <v>20.6678</v>
      </c>
    </row>
    <row r="1478" spans="1:7" x14ac:dyDescent="0.25">
      <c r="A1478">
        <v>16</v>
      </c>
      <c r="B1478">
        <v>160.61199999999999</v>
      </c>
      <c r="C1478">
        <v>200.297</v>
      </c>
      <c r="D1478">
        <v>1800</v>
      </c>
      <c r="E1478">
        <v>3.4094500000000001</v>
      </c>
      <c r="F1478">
        <v>3434.07</v>
      </c>
      <c r="G1478">
        <v>78.837999999999994</v>
      </c>
    </row>
    <row r="1479" spans="1:7" x14ac:dyDescent="0.25">
      <c r="A1479">
        <v>16</v>
      </c>
      <c r="B1479">
        <v>137.935</v>
      </c>
      <c r="C1479">
        <v>203.446</v>
      </c>
      <c r="D1479">
        <v>1933.86</v>
      </c>
      <c r="E1479">
        <v>3.4094500000000001</v>
      </c>
      <c r="F1479">
        <v>3785.29</v>
      </c>
      <c r="G1479">
        <v>123.402</v>
      </c>
    </row>
    <row r="1480" spans="1:7" x14ac:dyDescent="0.25">
      <c r="A1480">
        <v>16</v>
      </c>
      <c r="B1480">
        <v>142.97399999999999</v>
      </c>
      <c r="C1480">
        <v>202.81700000000001</v>
      </c>
      <c r="D1480">
        <v>2335.4299999999998</v>
      </c>
      <c r="E1480">
        <v>3.9763799999999998</v>
      </c>
      <c r="F1480">
        <v>3988.81</v>
      </c>
      <c r="G1480">
        <v>107.791</v>
      </c>
    </row>
    <row r="1481" spans="1:7" x14ac:dyDescent="0.25">
      <c r="A1481">
        <v>16</v>
      </c>
      <c r="B1481">
        <v>141.084</v>
      </c>
      <c r="C1481">
        <v>184.54900000000001</v>
      </c>
      <c r="D1481">
        <v>1800</v>
      </c>
      <c r="E1481">
        <v>3.7873999999999999</v>
      </c>
      <c r="F1481">
        <v>4047.77</v>
      </c>
      <c r="G1481">
        <v>121.00700000000001</v>
      </c>
    </row>
    <row r="1482" spans="1:7" x14ac:dyDescent="0.25">
      <c r="A1482">
        <v>16</v>
      </c>
      <c r="B1482">
        <v>161.87200000000001</v>
      </c>
      <c r="C1482">
        <v>204.70599999999999</v>
      </c>
      <c r="D1482">
        <v>6217.32</v>
      </c>
      <c r="E1482">
        <v>3.7873999999999999</v>
      </c>
      <c r="F1482">
        <v>7312.91</v>
      </c>
      <c r="G1482">
        <v>29.734500000000001</v>
      </c>
    </row>
    <row r="1483" spans="1:7" x14ac:dyDescent="0.25">
      <c r="A1483">
        <v>16</v>
      </c>
      <c r="B1483">
        <v>163.131</v>
      </c>
      <c r="C1483">
        <v>202.50200000000001</v>
      </c>
      <c r="D1483">
        <v>1933.86</v>
      </c>
      <c r="E1483">
        <v>3.7873999999999999</v>
      </c>
      <c r="F1483">
        <v>3414.27</v>
      </c>
      <c r="G1483">
        <v>68.519599999999997</v>
      </c>
    </row>
    <row r="1484" spans="1:7" x14ac:dyDescent="0.25">
      <c r="A1484">
        <v>16</v>
      </c>
      <c r="B1484">
        <v>161.24199999999999</v>
      </c>
      <c r="C1484">
        <v>199.352</v>
      </c>
      <c r="D1484">
        <v>6083.46</v>
      </c>
      <c r="E1484">
        <v>1.1653500000000001</v>
      </c>
      <c r="F1484">
        <v>9225.4599999999991</v>
      </c>
      <c r="G1484">
        <v>22.039200000000001</v>
      </c>
    </row>
    <row r="1485" spans="1:7" x14ac:dyDescent="0.25">
      <c r="A1485">
        <v>16</v>
      </c>
      <c r="B1485">
        <v>160.61199999999999</v>
      </c>
      <c r="C1485">
        <v>200.92699999999999</v>
      </c>
      <c r="D1485">
        <v>1800</v>
      </c>
      <c r="E1485">
        <v>3.9763799999999998</v>
      </c>
      <c r="F1485">
        <v>3324</v>
      </c>
      <c r="G1485">
        <v>82.290099999999995</v>
      </c>
    </row>
    <row r="1486" spans="1:7" x14ac:dyDescent="0.25">
      <c r="A1486">
        <v>16</v>
      </c>
      <c r="B1486">
        <v>160.61199999999999</v>
      </c>
      <c r="C1486">
        <v>200.61199999999999</v>
      </c>
      <c r="D1486">
        <v>2335.4299999999998</v>
      </c>
      <c r="E1486">
        <v>3.59843</v>
      </c>
      <c r="F1486">
        <v>3870.59</v>
      </c>
      <c r="G1486">
        <v>52.698099999999997</v>
      </c>
    </row>
    <row r="1487" spans="1:7" x14ac:dyDescent="0.25">
      <c r="A1487">
        <v>16</v>
      </c>
      <c r="B1487">
        <v>141.084</v>
      </c>
      <c r="C1487">
        <v>197.77699999999999</v>
      </c>
      <c r="D1487">
        <v>1800</v>
      </c>
      <c r="E1487">
        <v>3.6220500000000002</v>
      </c>
      <c r="F1487">
        <v>3672.21</v>
      </c>
      <c r="G1487">
        <v>124.64400000000001</v>
      </c>
    </row>
    <row r="1488" spans="1:7" x14ac:dyDescent="0.25">
      <c r="A1488">
        <v>16</v>
      </c>
      <c r="B1488">
        <v>141.084</v>
      </c>
      <c r="C1488">
        <v>200.92699999999999</v>
      </c>
      <c r="D1488">
        <v>2335.4299999999998</v>
      </c>
      <c r="E1488">
        <v>2.8661400000000001</v>
      </c>
      <c r="F1488">
        <v>4316.55</v>
      </c>
      <c r="G1488">
        <v>101.16500000000001</v>
      </c>
    </row>
    <row r="1489" spans="1:7" x14ac:dyDescent="0.25">
      <c r="A1489">
        <v>16</v>
      </c>
      <c r="B1489">
        <v>160.61199999999999</v>
      </c>
      <c r="C1489">
        <v>202.18700000000001</v>
      </c>
      <c r="D1489">
        <v>6351.18</v>
      </c>
      <c r="E1489">
        <v>3.7165400000000002</v>
      </c>
      <c r="F1489">
        <v>7479.26</v>
      </c>
      <c r="G1489">
        <v>26.9511</v>
      </c>
    </row>
    <row r="1490" spans="1:7" x14ac:dyDescent="0.25">
      <c r="A1490">
        <v>16</v>
      </c>
      <c r="B1490">
        <v>138.565</v>
      </c>
      <c r="C1490">
        <v>196.83199999999999</v>
      </c>
      <c r="D1490">
        <v>1800</v>
      </c>
      <c r="E1490">
        <v>2.8661400000000001</v>
      </c>
      <c r="F1490">
        <v>3996.4</v>
      </c>
      <c r="G1490">
        <v>124.611</v>
      </c>
    </row>
    <row r="1491" spans="1:7" x14ac:dyDescent="0.25">
      <c r="A1491">
        <v>16</v>
      </c>
      <c r="B1491">
        <v>163.131</v>
      </c>
      <c r="C1491">
        <v>200.297</v>
      </c>
      <c r="D1491">
        <v>1800</v>
      </c>
      <c r="E1491">
        <v>2.65354</v>
      </c>
      <c r="F1491">
        <v>3633.73</v>
      </c>
      <c r="G1491">
        <v>73.628</v>
      </c>
    </row>
    <row r="1492" spans="1:7" x14ac:dyDescent="0.25">
      <c r="A1492">
        <v>16</v>
      </c>
      <c r="B1492">
        <v>157.46199999999999</v>
      </c>
      <c r="C1492">
        <v>200.297</v>
      </c>
      <c r="D1492">
        <v>1933.86</v>
      </c>
      <c r="E1492">
        <v>3.59843</v>
      </c>
      <c r="F1492">
        <v>3564.46</v>
      </c>
      <c r="G1492">
        <v>79.389899999999997</v>
      </c>
    </row>
    <row r="1493" spans="1:7" x14ac:dyDescent="0.25">
      <c r="A1493">
        <v>16</v>
      </c>
      <c r="B1493">
        <v>165.02099999999999</v>
      </c>
      <c r="C1493">
        <v>201.24199999999999</v>
      </c>
      <c r="D1493">
        <v>1933.86</v>
      </c>
      <c r="E1493">
        <v>3.4094500000000001</v>
      </c>
      <c r="F1493">
        <v>3472.4</v>
      </c>
      <c r="G1493">
        <v>65.9803</v>
      </c>
    </row>
    <row r="1494" spans="1:7" x14ac:dyDescent="0.25">
      <c r="A1494">
        <v>16</v>
      </c>
      <c r="B1494">
        <v>161.24199999999999</v>
      </c>
      <c r="C1494">
        <v>203.131</v>
      </c>
      <c r="D1494">
        <v>1800</v>
      </c>
      <c r="E1494">
        <v>2.1102400000000001</v>
      </c>
      <c r="F1494">
        <v>3980.92</v>
      </c>
      <c r="G1494">
        <v>71.676599999999993</v>
      </c>
    </row>
    <row r="1495" spans="1:7" x14ac:dyDescent="0.25">
      <c r="A1495">
        <v>16</v>
      </c>
      <c r="B1495">
        <v>161.24199999999999</v>
      </c>
      <c r="C1495">
        <v>200.297</v>
      </c>
      <c r="D1495">
        <v>2335.4299999999998</v>
      </c>
      <c r="E1495">
        <v>2.9606300000000001</v>
      </c>
      <c r="F1495">
        <v>3950.78</v>
      </c>
      <c r="G1495">
        <v>24.827000000000002</v>
      </c>
    </row>
    <row r="1496" spans="1:7" x14ac:dyDescent="0.25">
      <c r="A1496">
        <v>16</v>
      </c>
      <c r="B1496">
        <v>162.50200000000001</v>
      </c>
      <c r="C1496">
        <v>202.18700000000001</v>
      </c>
      <c r="D1496">
        <v>2870.87</v>
      </c>
      <c r="E1496">
        <v>2.65354</v>
      </c>
      <c r="F1496">
        <v>4432.3100000000004</v>
      </c>
      <c r="G1496">
        <v>27.2622</v>
      </c>
    </row>
    <row r="1497" spans="1:7" x14ac:dyDescent="0.25">
      <c r="A1497">
        <v>16</v>
      </c>
      <c r="B1497">
        <v>163.761</v>
      </c>
      <c r="C1497">
        <v>204.07599999999999</v>
      </c>
      <c r="D1497">
        <v>1800</v>
      </c>
      <c r="E1497">
        <v>3.4094500000000001</v>
      </c>
      <c r="F1497">
        <v>3353.48</v>
      </c>
      <c r="G1497">
        <v>73.637799999999999</v>
      </c>
    </row>
    <row r="1498" spans="1:7" x14ac:dyDescent="0.25">
      <c r="A1498">
        <v>16</v>
      </c>
      <c r="B1498">
        <v>161.24199999999999</v>
      </c>
      <c r="C1498">
        <v>203.131</v>
      </c>
      <c r="D1498">
        <v>2335.4299999999998</v>
      </c>
      <c r="E1498">
        <v>3.3385799999999999</v>
      </c>
      <c r="F1498">
        <v>3952.93</v>
      </c>
      <c r="G1498">
        <v>63.411099999999998</v>
      </c>
    </row>
    <row r="1499" spans="1:7" x14ac:dyDescent="0.25">
      <c r="A1499">
        <v>16</v>
      </c>
      <c r="B1499">
        <v>161.24199999999999</v>
      </c>
      <c r="C1499">
        <v>199.03700000000001</v>
      </c>
      <c r="D1499">
        <v>6083.46</v>
      </c>
      <c r="E1499">
        <v>3.5039400000000001</v>
      </c>
      <c r="F1499">
        <v>7324.77</v>
      </c>
      <c r="G1499">
        <v>27.869800000000001</v>
      </c>
    </row>
    <row r="1500" spans="1:7" x14ac:dyDescent="0.25">
      <c r="A1500">
        <v>16</v>
      </c>
      <c r="B1500">
        <v>163.761</v>
      </c>
      <c r="C1500">
        <v>202.81700000000001</v>
      </c>
      <c r="D1500">
        <v>1800</v>
      </c>
      <c r="E1500">
        <v>1.51969</v>
      </c>
      <c r="F1500">
        <v>4623.83</v>
      </c>
      <c r="G1500">
        <v>65.362700000000004</v>
      </c>
    </row>
    <row r="1501" spans="1:7" x14ac:dyDescent="0.25">
      <c r="A1501">
        <v>16</v>
      </c>
      <c r="B1501">
        <v>166.28100000000001</v>
      </c>
      <c r="C1501">
        <v>195.572</v>
      </c>
      <c r="D1501">
        <v>7288.19</v>
      </c>
      <c r="E1501">
        <v>1.02362</v>
      </c>
      <c r="F1501">
        <v>7152.81</v>
      </c>
      <c r="G1501">
        <v>19.911000000000001</v>
      </c>
    </row>
    <row r="1502" spans="1:7" x14ac:dyDescent="0.25">
      <c r="A1502">
        <v>16</v>
      </c>
      <c r="B1502">
        <v>140.45400000000001</v>
      </c>
      <c r="C1502">
        <v>198.40700000000001</v>
      </c>
      <c r="D1502">
        <v>6083.46</v>
      </c>
      <c r="E1502">
        <v>3.8110200000000001</v>
      </c>
      <c r="F1502">
        <v>7525.89</v>
      </c>
      <c r="G1502">
        <v>15.047800000000001</v>
      </c>
    </row>
    <row r="1503" spans="1:7" x14ac:dyDescent="0.25">
      <c r="A1503">
        <v>16</v>
      </c>
      <c r="B1503">
        <v>170.06100000000001</v>
      </c>
      <c r="C1503">
        <v>201.55699999999999</v>
      </c>
      <c r="D1503">
        <v>1800</v>
      </c>
      <c r="E1503">
        <v>3.7873999999999999</v>
      </c>
      <c r="F1503">
        <v>3171.67</v>
      </c>
      <c r="G1503">
        <v>95.021299999999997</v>
      </c>
    </row>
    <row r="1504" spans="1:7" x14ac:dyDescent="0.25">
      <c r="A1504">
        <v>16</v>
      </c>
      <c r="B1504">
        <v>137.935</v>
      </c>
      <c r="C1504">
        <v>203.131</v>
      </c>
      <c r="D1504">
        <v>6083.46</v>
      </c>
      <c r="E1504">
        <v>2.6771699999999998</v>
      </c>
      <c r="F1504">
        <v>7860.24</v>
      </c>
      <c r="G1504">
        <v>13.7896</v>
      </c>
    </row>
    <row r="1505" spans="1:7" x14ac:dyDescent="0.25">
      <c r="A1505">
        <v>16</v>
      </c>
      <c r="B1505">
        <v>141.084</v>
      </c>
      <c r="C1505">
        <v>198.72200000000001</v>
      </c>
      <c r="D1505">
        <v>6083.46</v>
      </c>
      <c r="E1505">
        <v>3.9763799999999998</v>
      </c>
      <c r="F1505">
        <v>7469.33</v>
      </c>
      <c r="G1505">
        <v>16.398399999999999</v>
      </c>
    </row>
    <row r="1506" spans="1:7" x14ac:dyDescent="0.25">
      <c r="A1506">
        <v>16</v>
      </c>
      <c r="B1506">
        <v>163.761</v>
      </c>
      <c r="C1506">
        <v>202.81700000000001</v>
      </c>
      <c r="D1506">
        <v>1800</v>
      </c>
      <c r="E1506">
        <v>3.8110200000000001</v>
      </c>
      <c r="F1506">
        <v>3250.23</v>
      </c>
      <c r="G1506">
        <v>73.559899999999999</v>
      </c>
    </row>
    <row r="1507" spans="1:7" x14ac:dyDescent="0.25">
      <c r="A1507">
        <v>16</v>
      </c>
      <c r="B1507">
        <v>141.084</v>
      </c>
      <c r="C1507">
        <v>199.03700000000001</v>
      </c>
      <c r="D1507">
        <v>6083.46</v>
      </c>
      <c r="E1507">
        <v>3.6220500000000002</v>
      </c>
      <c r="F1507">
        <v>7422.19</v>
      </c>
      <c r="G1507">
        <v>16.4617</v>
      </c>
    </row>
    <row r="1508" spans="1:7" x14ac:dyDescent="0.25">
      <c r="A1508">
        <v>16</v>
      </c>
      <c r="B1508">
        <v>174.47</v>
      </c>
      <c r="C1508">
        <v>200.92699999999999</v>
      </c>
      <c r="D1508">
        <v>1800</v>
      </c>
      <c r="E1508">
        <v>3.9763799999999998</v>
      </c>
      <c r="F1508">
        <v>3087.32</v>
      </c>
      <c r="G1508">
        <v>106.405</v>
      </c>
    </row>
    <row r="1509" spans="1:7" x14ac:dyDescent="0.25">
      <c r="A1509">
        <v>16</v>
      </c>
      <c r="B1509">
        <v>166.28100000000001</v>
      </c>
      <c r="C1509">
        <v>200.297</v>
      </c>
      <c r="D1509">
        <v>1800</v>
      </c>
      <c r="E1509">
        <v>3.6929099999999999</v>
      </c>
      <c r="F1509">
        <v>3213.92</v>
      </c>
      <c r="G1509">
        <v>74.245400000000004</v>
      </c>
    </row>
    <row r="1510" spans="1:7" x14ac:dyDescent="0.25">
      <c r="A1510">
        <v>16</v>
      </c>
      <c r="B1510">
        <v>161.24199999999999</v>
      </c>
      <c r="C1510">
        <v>200.92699999999999</v>
      </c>
      <c r="D1510">
        <v>2335.4299999999998</v>
      </c>
      <c r="E1510">
        <v>2.9606300000000001</v>
      </c>
      <c r="F1510">
        <v>3950.78</v>
      </c>
      <c r="G1510">
        <v>24.827000000000002</v>
      </c>
    </row>
    <row r="1511" spans="1:7" x14ac:dyDescent="0.25">
      <c r="A1511">
        <v>16</v>
      </c>
      <c r="B1511">
        <v>165.65100000000001</v>
      </c>
      <c r="C1511">
        <v>204.70599999999999</v>
      </c>
      <c r="D1511">
        <v>1800</v>
      </c>
      <c r="E1511">
        <v>3.6929099999999999</v>
      </c>
      <c r="F1511">
        <v>3294.17</v>
      </c>
      <c r="G1511">
        <v>68.730099999999993</v>
      </c>
    </row>
    <row r="1512" spans="1:7" x14ac:dyDescent="0.25">
      <c r="A1512">
        <v>16</v>
      </c>
      <c r="B1512">
        <v>160.61199999999999</v>
      </c>
      <c r="C1512">
        <v>200.297</v>
      </c>
      <c r="D1512">
        <v>2335.4299999999998</v>
      </c>
      <c r="E1512">
        <v>3.0551200000000001</v>
      </c>
      <c r="F1512">
        <v>3922.51</v>
      </c>
      <c r="G1512">
        <v>29.449200000000001</v>
      </c>
    </row>
    <row r="1513" spans="1:7" x14ac:dyDescent="0.25">
      <c r="A1513">
        <v>16</v>
      </c>
      <c r="B1513">
        <v>170.691</v>
      </c>
      <c r="C1513">
        <v>195.887</v>
      </c>
      <c r="D1513">
        <v>1800</v>
      </c>
      <c r="E1513">
        <v>3.9763799999999998</v>
      </c>
      <c r="F1513">
        <v>3100.39</v>
      </c>
      <c r="G1513">
        <v>96.464200000000005</v>
      </c>
    </row>
    <row r="1514" spans="1:7" x14ac:dyDescent="0.25">
      <c r="A1514">
        <v>16</v>
      </c>
      <c r="B1514">
        <v>161.24199999999999</v>
      </c>
      <c r="C1514">
        <v>200.61199999999999</v>
      </c>
      <c r="D1514">
        <v>1800</v>
      </c>
      <c r="E1514">
        <v>1.1653500000000001</v>
      </c>
      <c r="F1514">
        <v>5140.91</v>
      </c>
      <c r="G1514">
        <v>20.473600000000001</v>
      </c>
    </row>
    <row r="1515" spans="1:7" x14ac:dyDescent="0.25">
      <c r="A1515">
        <v>16</v>
      </c>
      <c r="B1515">
        <v>161.24199999999999</v>
      </c>
      <c r="C1515">
        <v>200.92699999999999</v>
      </c>
      <c r="D1515">
        <v>2335.4299999999998</v>
      </c>
      <c r="E1515">
        <v>2.9606300000000001</v>
      </c>
      <c r="F1515">
        <v>3950.78</v>
      </c>
      <c r="G1515">
        <v>24.827000000000002</v>
      </c>
    </row>
    <row r="1516" spans="1:7" x14ac:dyDescent="0.25">
      <c r="A1516">
        <v>16</v>
      </c>
      <c r="B1516">
        <v>166.28100000000001</v>
      </c>
      <c r="C1516">
        <v>201.87200000000001</v>
      </c>
      <c r="D1516">
        <v>1800</v>
      </c>
      <c r="E1516">
        <v>3.8110200000000001</v>
      </c>
      <c r="F1516">
        <v>3182.38</v>
      </c>
      <c r="G1516">
        <v>74.304599999999994</v>
      </c>
    </row>
    <row r="1517" spans="1:7" x14ac:dyDescent="0.25">
      <c r="A1517">
        <v>16</v>
      </c>
      <c r="B1517">
        <v>165.65100000000001</v>
      </c>
      <c r="C1517">
        <v>199.982</v>
      </c>
      <c r="D1517">
        <v>1933.86</v>
      </c>
      <c r="E1517">
        <v>3.7873999999999999</v>
      </c>
      <c r="F1517">
        <v>3302.26</v>
      </c>
      <c r="G1517">
        <v>57.241799999999998</v>
      </c>
    </row>
    <row r="1518" spans="1:7" x14ac:dyDescent="0.25">
      <c r="A1518">
        <v>16</v>
      </c>
      <c r="B1518">
        <v>161.24199999999999</v>
      </c>
      <c r="C1518">
        <v>202.81700000000001</v>
      </c>
      <c r="D1518">
        <v>2335.4299999999998</v>
      </c>
      <c r="E1518">
        <v>4</v>
      </c>
      <c r="F1518">
        <v>3697.32</v>
      </c>
      <c r="G1518">
        <v>49.619300000000003</v>
      </c>
    </row>
    <row r="1519" spans="1:7" x14ac:dyDescent="0.25">
      <c r="A1519">
        <v>16</v>
      </c>
      <c r="B1519">
        <v>137.935</v>
      </c>
      <c r="C1519">
        <v>198.09200000000001</v>
      </c>
      <c r="D1519">
        <v>6083.46</v>
      </c>
      <c r="E1519">
        <v>2.1102400000000001</v>
      </c>
      <c r="F1519">
        <v>8238.3799999999992</v>
      </c>
      <c r="G1519">
        <v>11.8962</v>
      </c>
    </row>
    <row r="1520" spans="1:7" x14ac:dyDescent="0.25">
      <c r="A1520">
        <v>16</v>
      </c>
      <c r="B1520">
        <v>166.28100000000001</v>
      </c>
      <c r="C1520">
        <v>201.87200000000001</v>
      </c>
      <c r="D1520">
        <v>1800</v>
      </c>
      <c r="E1520">
        <v>3.8110200000000001</v>
      </c>
      <c r="F1520">
        <v>3182.38</v>
      </c>
      <c r="G1520">
        <v>74.304599999999994</v>
      </c>
    </row>
    <row r="1521" spans="1:7" x14ac:dyDescent="0.25">
      <c r="A1521">
        <v>16</v>
      </c>
      <c r="B1521">
        <v>161.24199999999999</v>
      </c>
      <c r="C1521">
        <v>200.92699999999999</v>
      </c>
      <c r="D1521">
        <v>2335.4299999999998</v>
      </c>
      <c r="E1521">
        <v>2.9606300000000001</v>
      </c>
      <c r="F1521">
        <v>3950.78</v>
      </c>
      <c r="G1521">
        <v>24.827000000000002</v>
      </c>
    </row>
    <row r="1522" spans="1:7" x14ac:dyDescent="0.25">
      <c r="A1522">
        <v>16</v>
      </c>
      <c r="B1522">
        <v>161.24199999999999</v>
      </c>
      <c r="C1522">
        <v>200.92699999999999</v>
      </c>
      <c r="D1522">
        <v>2335.4299999999998</v>
      </c>
      <c r="E1522">
        <v>2.9606300000000001</v>
      </c>
      <c r="F1522">
        <v>3950.78</v>
      </c>
      <c r="G1522">
        <v>24.827000000000002</v>
      </c>
    </row>
    <row r="1523" spans="1:7" x14ac:dyDescent="0.25">
      <c r="A1523">
        <v>16</v>
      </c>
      <c r="B1523">
        <v>136.04499999999999</v>
      </c>
      <c r="C1523">
        <v>195.572</v>
      </c>
      <c r="D1523">
        <v>6083.46</v>
      </c>
      <c r="E1523">
        <v>1.1653500000000001</v>
      </c>
      <c r="F1523">
        <v>9446.7000000000007</v>
      </c>
      <c r="G1523">
        <v>11.3193</v>
      </c>
    </row>
    <row r="1524" spans="1:7" x14ac:dyDescent="0.25">
      <c r="A1524">
        <v>16</v>
      </c>
      <c r="B1524">
        <v>137.935</v>
      </c>
      <c r="C1524">
        <v>198.09200000000001</v>
      </c>
      <c r="D1524">
        <v>6083.46</v>
      </c>
      <c r="E1524">
        <v>2.1102400000000001</v>
      </c>
      <c r="F1524">
        <v>8238.3799999999992</v>
      </c>
      <c r="G1524">
        <v>11.8962</v>
      </c>
    </row>
    <row r="1525" spans="1:7" x14ac:dyDescent="0.25">
      <c r="A1525">
        <v>16</v>
      </c>
      <c r="B1525">
        <v>161.24199999999999</v>
      </c>
      <c r="C1525">
        <v>200.61199999999999</v>
      </c>
      <c r="D1525">
        <v>1800</v>
      </c>
      <c r="E1525">
        <v>1.1653500000000001</v>
      </c>
      <c r="F1525">
        <v>5140.91</v>
      </c>
      <c r="G1525">
        <v>20.473600000000001</v>
      </c>
    </row>
    <row r="1526" spans="1:7" x14ac:dyDescent="0.25">
      <c r="A1526">
        <v>16</v>
      </c>
      <c r="B1526">
        <v>137.935</v>
      </c>
      <c r="C1526">
        <v>198.09200000000001</v>
      </c>
      <c r="D1526">
        <v>6083.46</v>
      </c>
      <c r="E1526">
        <v>2.1102400000000001</v>
      </c>
      <c r="F1526">
        <v>8238.3799999999992</v>
      </c>
      <c r="G1526">
        <v>11.8962</v>
      </c>
    </row>
    <row r="1527" spans="1:7" x14ac:dyDescent="0.25">
      <c r="A1527">
        <v>16</v>
      </c>
      <c r="B1527">
        <v>161.24199999999999</v>
      </c>
      <c r="C1527">
        <v>202.81700000000001</v>
      </c>
      <c r="D1527">
        <v>2335.4299999999998</v>
      </c>
      <c r="E1527">
        <v>4</v>
      </c>
      <c r="F1527">
        <v>3697.32</v>
      </c>
      <c r="G1527">
        <v>49.619300000000003</v>
      </c>
    </row>
    <row r="1528" spans="1:7" x14ac:dyDescent="0.25">
      <c r="A1528">
        <v>16</v>
      </c>
      <c r="B1528">
        <v>161.24199999999999</v>
      </c>
      <c r="C1528">
        <v>200.61199999999999</v>
      </c>
      <c r="D1528">
        <v>1800</v>
      </c>
      <c r="E1528">
        <v>1.1653500000000001</v>
      </c>
      <c r="F1528">
        <v>5140.91</v>
      </c>
      <c r="G1528">
        <v>20.473600000000001</v>
      </c>
    </row>
    <row r="1529" spans="1:7" x14ac:dyDescent="0.25">
      <c r="A1529">
        <v>16</v>
      </c>
      <c r="B1529">
        <v>161.24199999999999</v>
      </c>
      <c r="C1529">
        <v>200.61199999999999</v>
      </c>
      <c r="D1529">
        <v>1800</v>
      </c>
      <c r="E1529">
        <v>1.1653500000000001</v>
      </c>
      <c r="F1529">
        <v>5140.91</v>
      </c>
      <c r="G1529">
        <v>20.473600000000001</v>
      </c>
    </row>
    <row r="1530" spans="1:7" x14ac:dyDescent="0.25">
      <c r="A1530">
        <v>16</v>
      </c>
      <c r="B1530">
        <v>141.084</v>
      </c>
      <c r="C1530">
        <v>195.887</v>
      </c>
      <c r="D1530">
        <v>6083.46</v>
      </c>
      <c r="E1530">
        <v>3.6220500000000002</v>
      </c>
      <c r="F1530">
        <v>7421.91</v>
      </c>
      <c r="G1530">
        <v>16.4617</v>
      </c>
    </row>
  </sheetData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3</vt:i4>
      </vt:variant>
    </vt:vector>
  </HeadingPairs>
  <TitlesOfParts>
    <vt:vector size="7" baseType="lpstr">
      <vt:lpstr>24mm</vt:lpstr>
      <vt:lpstr>60mm</vt:lpstr>
      <vt:lpstr>Sheet2</vt:lpstr>
      <vt:lpstr>Sheet1</vt:lpstr>
      <vt:lpstr>'24mm'!January_thin_tjoint</vt:lpstr>
      <vt:lpstr>Sheet1!January_thin_tjoint</vt:lpstr>
      <vt:lpstr>'60mm'!tjoint_60_december</vt:lpstr>
    </vt:vector>
  </TitlesOfParts>
  <Company>Cranfield University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50573</dc:creator>
  <cp:lastModifiedBy>s150573</cp:lastModifiedBy>
  <dcterms:created xsi:type="dcterms:W3CDTF">2015-08-07T09:19:34Z</dcterms:created>
  <dcterms:modified xsi:type="dcterms:W3CDTF">2016-03-11T12:38:04Z</dcterms:modified>
</cp:coreProperties>
</file>